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223\group\01NPO支援グループ\01_協働推進業務\03_協働推進体制\02_協働事業関連調査\取組調査\05_ホームページ掲載用\ＨＰ起案\"/>
    </mc:Choice>
  </mc:AlternateContent>
  <xr:revisionPtr revIDLastSave="0" documentId="13_ncr:1_{482C42E1-5C23-4475-A17E-A62B3F1F4203}" xr6:coauthVersionLast="47" xr6:coauthVersionMax="47" xr10:uidLastSave="{00000000-0000-0000-0000-000000000000}"/>
  <bookViews>
    <workbookView xWindow="-108" yWindow="-108" windowWidth="23256" windowHeight="13896" xr2:uid="{C7BC5707-8BBF-4779-B8B3-AD68F72255B0}"/>
  </bookViews>
  <sheets>
    <sheet name="令和７年度予定" sheetId="1" r:id="rId1"/>
  </sheets>
  <definedNames>
    <definedName name="_xlnm._FilterDatabase" localSheetId="0" hidden="1">令和７年度予定!$A$4:$E$533</definedName>
    <definedName name="_xlnm.Print_Area" localSheetId="0">令和７年度予定!$A$1:$E$53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211" uniqueCount="1526">
  <si>
    <t>【調査票①】ボランタリー団体等と関わりのある取組に関する調査（令和７年度予定調査）</t>
    <phoneticPr fontId="0" type="Hiragana"/>
  </si>
  <si>
    <t>※ボランタリー団体等に一般社団法人等を含む</t>
    <phoneticPr fontId="0" type="Hiragana"/>
  </si>
  <si>
    <t>事業実施
所属名</t>
    <phoneticPr fontId="0" type="Hiragana"/>
  </si>
  <si>
    <t>１．細々事業名
又は
通称名</t>
    <phoneticPr fontId="0" type="Hiragana"/>
  </si>
  <si>
    <t>２．事業概要
　（「指定管理者」、「県主導第三セクター」及び「それ以外の県主導の外郭団体」が事業を実施している場合は、併せて法人の名称を記載）</t>
    <phoneticPr fontId="0" type="Hiragana"/>
  </si>
  <si>
    <t>７．相手方ボランタリー団体等名称
(複数の場合も、まとめて記載し、セルに収まらな場合は別紙に記載してください）</t>
    <phoneticPr fontId="0" type="Hiragana"/>
  </si>
  <si>
    <t>８．事業にボランタリー団体等以外の主体が参加している場合、その団体名
(複数の場合も、まとめて記載し、セルに収まらな場合は別紙に記載してください）</t>
    <phoneticPr fontId="0" type="Hiragana"/>
  </si>
  <si>
    <t>いのち・未来戦略本部室</t>
    <phoneticPr fontId="0" type="Hiragana"/>
  </si>
  <si>
    <t>「津久井浜団地徒歩0分図書館」開設事業</t>
    <phoneticPr fontId="0" type="Hiragana"/>
  </si>
  <si>
    <t>県営団地の空住戸の1室を利用して、多世代の居場所となる私設図書館を開設し、地域での孤立・孤独の解消に役立てる。また、そのかかわりの中で見えてきた地域課題や個人の課題を関係各所につなげたり、地域住民同士で解決に向けて考えていけるようなネットワークの場としても活用する。</t>
    <phoneticPr fontId="0" type="Hiragana"/>
  </si>
  <si>
    <t>特定非営利活動法人プラットファーム</t>
    <phoneticPr fontId="0" type="Hiragana"/>
  </si>
  <si>
    <t>「人生100歳時代の設計図」推進事業費</t>
    <phoneticPr fontId="0" type="Hiragana"/>
  </si>
  <si>
    <t>県、市町村、大学、民間企業、ＮＰＯ等で構成する「かながわ人生100歳時代ネットワークにおいて、「人生100歳時代」の観点から、個人が生涯にわたり輝き続けることができるための「学びの場」や「活動の場」の創出に向けて取り組み、県民一人ひとりが、コミュニティに参加しやすい環境をつくる。</t>
    <phoneticPr fontId="0" type="Hiragana"/>
  </si>
  <si>
    <t>NPOサポートちがさき、YUVEC、藤沢市民活動推進機構、YMCAコミュニティサポート、I　Love　つづき、シニアネットワークおだわら＆あしがら、鎌倉市市民活動センター運営会議、横浜移動サービス協議会、湘南スタイル、若葉台、若葉台スポーツ・文化クラブ、湘南ふじさわシニアネット、ホームスクーリングで輝くみらいタウンプロジェクト、地域コミュニティ団体BE-GLOBAL、スーリールファム、こころみ、街カフェ大倉山ミエル、プラチナ・ギルドの会、びーのびーの、ダンスライフコミュニケーションズ、エンリッチ、子育ての輪Lei、笑顔、ニッポン・アクティブライフ・クラブ、プラットファーム、こころとからだの介護予防協会、にないて、企業年金相談センター、アクションポート横浜、MIKs、イランの障害者を支援するミントの会、あっちこっち、NPO福祉支援ゆうやけネット、トリトン藤沢スポーツクラブ、CRファクトリー、たしざん、さかえ・まごころの会、神奈川県転倒予防医学研究会、ウィッグリング・ジャパン、セカンドリーグ神奈川</t>
    <phoneticPr fontId="0" type="Hiragana"/>
  </si>
  <si>
    <t>SDGsパートナー</t>
    <phoneticPr fontId="0" type="Hiragana"/>
  </si>
  <si>
    <t>SDGsの取組を実施し、公表している企業、NPO、団体、大学（以下「企業・団体等」という）を「かながわSDGsパートナー」として神奈川県（以下「本県」という）が登録する。本県と登録企業・団体等が連携し、またパートナー間の連携を本県が後押しすることで、本県内のSDGsに関する企業・団体等の取組を促進させることを目的とする。</t>
  </si>
  <si>
    <t>土地水資源対策課</t>
    <phoneticPr fontId="0" type="Hiragana"/>
  </si>
  <si>
    <t>水源地域活性化事業（自然体験交流事業）</t>
    <phoneticPr fontId="0" type="Hiragana"/>
  </si>
  <si>
    <t>水源地域の豊かな自然や歴史のある郷土文化等に触れ合う機会を都市地域住民に提供する、水源地域での体験・交流を目的としたプログラムやイベントへの支援を実施</t>
    <phoneticPr fontId="0" type="Hiragana"/>
  </si>
  <si>
    <t>小松コスモスまつり実行委員会、かながわ水源地域の案内人、中道志川あゆまつり実行委員会、グリーンカレッジつくい運営委員会、NPO法人緑のダム北相模、NPO法人ふじの里山くらぶ、あいかわ公園つつじまつり自然体験交流教室運営委員会、NPO法人共和のもり、藤野ふる里まつり実行委員会、和田の里みちくさの会、一般社団法人藤野観光協会、里地創生プロジェクト、公益財団法人宮ヶ瀬ダム周辺振興財団</t>
    <rPh sb="138" eb="140">
      <t>ワダ</t>
    </rPh>
    <rPh sb="141" eb="142">
      <t>サト</t>
    </rPh>
    <rPh sb="147" eb="148">
      <t>カイ</t>
    </rPh>
    <rPh sb="149" eb="155">
      <t>イッパンシャダンホウジン</t>
    </rPh>
    <rPh sb="155" eb="157">
      <t>フジノ</t>
    </rPh>
    <rPh sb="157" eb="159">
      <t>カンコウ</t>
    </rPh>
    <rPh sb="159" eb="161">
      <t>キョウカイ</t>
    </rPh>
    <rPh sb="162" eb="164">
      <t>サトチ</t>
    </rPh>
    <rPh sb="164" eb="166">
      <t>ソウセイ</t>
    </rPh>
    <rPh sb="173" eb="179">
      <t>コウエキザイダンホウジン</t>
    </rPh>
    <rPh sb="179" eb="182">
      <t>ミヤガセ</t>
    </rPh>
    <rPh sb="184" eb="186">
      <t>シュウヘン</t>
    </rPh>
    <rPh sb="186" eb="188">
      <t>シンコウ</t>
    </rPh>
    <rPh sb="188" eb="190">
      <t>ザイダン</t>
    </rPh>
    <phoneticPr fontId="2"/>
  </si>
  <si>
    <t>（有）鳥居原、（合）七海交易</t>
    <phoneticPr fontId="0" type="Hiragana"/>
  </si>
  <si>
    <t>水源地域活性化事業（水源地域イベント）</t>
    <phoneticPr fontId="0" type="Hiragana"/>
  </si>
  <si>
    <t>水源地域で開催される祭りなどのイベントへの広報支援を実施</t>
    <phoneticPr fontId="0" type="Hiragana"/>
  </si>
  <si>
    <t>別紙１のとおり</t>
    <phoneticPr fontId="0" type="Hiragana"/>
  </si>
  <si>
    <t>水源地域活性化事業（自治体間交流事業）</t>
    <phoneticPr fontId="0" type="Hiragana"/>
  </si>
  <si>
    <t xml:space="preserve">やまなみ五湖の水を水道水として利用している下流域市町の住民が、水源地域市町村が企画する地域住民との体験交流事業への参加を通し、水源地域・水源環境への理解を深める交流事業への支援を実施
</t>
    <phoneticPr fontId="0" type="Hiragana"/>
  </si>
  <si>
    <t>水源地域活性化事業（水源地域活性化小中学校等出前授業）</t>
    <phoneticPr fontId="0" type="Hiragana"/>
  </si>
  <si>
    <t>神奈川県内の小中学校等が実施する教育活動（総合学習・社会科学習・部活動等）に対し、講師として登録したかながわ水源地域の案内人を派遣し（希望制）、水源地域に係る授業を実施することで、水源地域の理解促進を図る。</t>
    <phoneticPr fontId="0" type="Hiragana"/>
  </si>
  <si>
    <t>かながわ水源地域の案内人</t>
    <phoneticPr fontId="0" type="Hiragana"/>
  </si>
  <si>
    <t>ＮＰＯ協働推進課</t>
    <rPh sb="3" eb="5">
      <t>キョウドウ</t>
    </rPh>
    <rPh sb="5" eb="8">
      <t>スイシンカ</t>
    </rPh>
    <phoneticPr fontId="6"/>
  </si>
  <si>
    <t>企業×ＮＰＯ×大学パートナシップミーティングin平塚・大磯・二宮</t>
    <rPh sb="7" eb="9">
      <t>ダイガク</t>
    </rPh>
    <rPh sb="24" eb="26">
      <t>ヒラツカ</t>
    </rPh>
    <rPh sb="27" eb="29">
      <t>オオイソ</t>
    </rPh>
    <rPh sb="30" eb="32">
      <t>ニノミヤ</t>
    </rPh>
    <phoneticPr fontId="6"/>
  </si>
  <si>
    <t>企業とＮＰＯなど多様な主体の出会いの場として開催し、マッチングの機会を提供する。</t>
    <rPh sb="8" eb="10">
      <t>タヨウ</t>
    </rPh>
    <rPh sb="11" eb="13">
      <t>シュタイ</t>
    </rPh>
    <rPh sb="14" eb="16">
      <t>デア</t>
    </rPh>
    <rPh sb="18" eb="19">
      <t>バ</t>
    </rPh>
    <rPh sb="22" eb="24">
      <t>カイサイ</t>
    </rPh>
    <phoneticPr fontId="6"/>
  </si>
  <si>
    <t>（特非）湘南ＮＰＯサポートセンター</t>
    <phoneticPr fontId="2"/>
  </si>
  <si>
    <t>企業×ＮＰＯ×大学パートナシップミーティングin県西</t>
    <rPh sb="7" eb="9">
      <t>ダイガク</t>
    </rPh>
    <rPh sb="24" eb="25">
      <t>ケン</t>
    </rPh>
    <rPh sb="25" eb="26">
      <t>ニシ</t>
    </rPh>
    <phoneticPr fontId="6"/>
  </si>
  <si>
    <t>小田原市事業協会・市民活動を支える会共同事業体</t>
    <phoneticPr fontId="2"/>
  </si>
  <si>
    <t>企業・ＮＰＯ・大学パートナシップミーティングin藤沢</t>
    <rPh sb="7" eb="9">
      <t>ダイガク</t>
    </rPh>
    <rPh sb="24" eb="26">
      <t>フジサワ</t>
    </rPh>
    <phoneticPr fontId="6"/>
  </si>
  <si>
    <t>（特非）藤沢市民活動推進機構</t>
    <rPh sb="1" eb="2">
      <t>トク</t>
    </rPh>
    <rPh sb="2" eb="3">
      <t>ヒ</t>
    </rPh>
    <rPh sb="4" eb="6">
      <t>フジサワ</t>
    </rPh>
    <rPh sb="6" eb="8">
      <t>シミン</t>
    </rPh>
    <rPh sb="8" eb="10">
      <t>カツドウ</t>
    </rPh>
    <rPh sb="10" eb="12">
      <t>スイシン</t>
    </rPh>
    <rPh sb="12" eb="14">
      <t>キコウ</t>
    </rPh>
    <phoneticPr fontId="2"/>
  </si>
  <si>
    <t>ＮＰＯ協働推進課</t>
    <phoneticPr fontId="0" type="Hiragana"/>
  </si>
  <si>
    <t>広域大規模災害に備えた平常時からの行政、社協、NPO等の連携体制構築</t>
    <phoneticPr fontId="0" type="Hiragana"/>
  </si>
  <si>
    <t>１県域の災害時情報共有会議の枠組み作り
２県域の災害時中間支援機能の整備・強化
３市町村域（ブロック域）の災害時の多様な主体間の連携推進</t>
    <phoneticPr fontId="0" type="Hiragana"/>
  </si>
  <si>
    <t>災害復興くらし応援・みんなのネットワークかながわ</t>
    <phoneticPr fontId="0" type="Hiragana"/>
  </si>
  <si>
    <t xml:space="preserve">危機管理防災課、地域福祉課、かながわ県民活動サポートセンター、神奈川県社会福祉協議会、神奈川県共同募金会 </t>
    <phoneticPr fontId="0" type="Hiragana"/>
  </si>
  <si>
    <t>出前講座（教えて！かにゃお先生）</t>
    <phoneticPr fontId="0" type="Hiragana"/>
  </si>
  <si>
    <t>学生のＮＰＯへの理解を深めるため、大学の授業でＮＰＯに講義を行ってもらう。</t>
    <phoneticPr fontId="0" type="Hiragana"/>
  </si>
  <si>
    <t>寄付の教室</t>
    <phoneticPr fontId="0" type="Hiragana"/>
  </si>
  <si>
    <t>学生のＮＰＯの活動や寄附についての理解を深めるため、高校の授業でＮＰＯに講義を行ってもらう。</t>
    <phoneticPr fontId="0" type="Hiragana"/>
  </si>
  <si>
    <t>特定非営利活動法人補助犬情報センター、他３法人</t>
    <phoneticPr fontId="0" type="Hiragana"/>
  </si>
  <si>
    <t>企画・運営を中間支援組織（ＮＰＯ）に委託して、資金調達や団体運営の基本が学べる県内ＮＰＯ向けの勉強会を実施する。</t>
    <rPh sb="23" eb="25">
      <t>シキン</t>
    </rPh>
    <rPh sb="25" eb="27">
      <t>チョウタツ</t>
    </rPh>
    <rPh sb="28" eb="30">
      <t>ダンタイ</t>
    </rPh>
    <rPh sb="30" eb="32">
      <t>ウンエイ</t>
    </rPh>
    <rPh sb="33" eb="35">
      <t>キホン</t>
    </rPh>
    <rPh sb="36" eb="37">
      <t>マナ</t>
    </rPh>
    <rPh sb="39" eb="41">
      <t>ケンナイ</t>
    </rPh>
    <rPh sb="44" eb="45">
      <t>ム</t>
    </rPh>
    <rPh sb="47" eb="50">
      <t>ベンキョウカイ</t>
    </rPh>
    <rPh sb="51" eb="53">
      <t>ジッシ</t>
    </rPh>
    <phoneticPr fontId="2"/>
  </si>
  <si>
    <t>ボランタリー活動施策推進会議</t>
    <rPh sb="6" eb="8">
      <t>カツドウ</t>
    </rPh>
    <rPh sb="8" eb="10">
      <t>シサク</t>
    </rPh>
    <rPh sb="10" eb="12">
      <t>スイシン</t>
    </rPh>
    <rPh sb="12" eb="14">
      <t>カイギ</t>
    </rPh>
    <phoneticPr fontId="2"/>
  </si>
  <si>
    <t>県内市町村と県がボランタリー活動施策について情報交換、意見交換する場として開催。</t>
    <rPh sb="0" eb="2">
      <t>ケンナイ</t>
    </rPh>
    <rPh sb="2" eb="5">
      <t>シチョウソン</t>
    </rPh>
    <rPh sb="6" eb="7">
      <t>ケン</t>
    </rPh>
    <rPh sb="14" eb="16">
      <t>カツドウ</t>
    </rPh>
    <rPh sb="16" eb="18">
      <t>シサク</t>
    </rPh>
    <rPh sb="22" eb="24">
      <t>ジョウホウ</t>
    </rPh>
    <rPh sb="24" eb="26">
      <t>コウカン</t>
    </rPh>
    <rPh sb="27" eb="29">
      <t>イケン</t>
    </rPh>
    <rPh sb="29" eb="31">
      <t>コウカン</t>
    </rPh>
    <rPh sb="33" eb="34">
      <t>バ</t>
    </rPh>
    <rPh sb="37" eb="39">
      <t>カイサイ</t>
    </rPh>
    <phoneticPr fontId="2"/>
  </si>
  <si>
    <t>特定非営利活動法人市民セクターよこはま</t>
    <rPh sb="0" eb="2">
      <t>トクテイ</t>
    </rPh>
    <rPh sb="2" eb="5">
      <t>ヒエイリ</t>
    </rPh>
    <rPh sb="5" eb="7">
      <t>カツドウ</t>
    </rPh>
    <rPh sb="7" eb="9">
      <t>ホウジン</t>
    </rPh>
    <rPh sb="9" eb="11">
      <t>シミン</t>
    </rPh>
    <phoneticPr fontId="2"/>
  </si>
  <si>
    <t>ＮＰＯの組織基盤強化のための伴走支援</t>
    <phoneticPr fontId="2"/>
  </si>
  <si>
    <t>組織の継続・基盤強化に取り組む意欲のあるＮＰＯ法人に対する伴走支援を、中間支援組織（ＮＰＯ）と連携して実施する。</t>
    <phoneticPr fontId="2"/>
  </si>
  <si>
    <t>一般社団法人ソーシャルコーディネートかながわ</t>
    <phoneticPr fontId="2"/>
  </si>
  <si>
    <t>市町村課（選挙管理委員会）</t>
    <phoneticPr fontId="0" type="Hiragana"/>
  </si>
  <si>
    <t>選挙啓発事業費</t>
    <phoneticPr fontId="0" type="Hiragana"/>
  </si>
  <si>
    <t>神奈川県明るい選挙推進協議会</t>
    <phoneticPr fontId="0" type="Hiragana"/>
  </si>
  <si>
    <t>地域政策課</t>
    <phoneticPr fontId="0" type="Hiragana"/>
  </si>
  <si>
    <t>湘南国際村めぐりの森保全活用協議会</t>
    <phoneticPr fontId="0" type="Hiragana"/>
  </si>
  <si>
    <t>平成22年４月から県有地となった湘南国際村めぐりの森について、その活用策に関する情報共有等を、包括的にマネジメントする主体としての協働参加型の会議で実施する。</t>
    <phoneticPr fontId="0" type="Hiragana"/>
  </si>
  <si>
    <t>・（公財）かながわ国際交流財団
・㈱研進
・㈱湘南国際村協会
・社会福祉法人　進和学園
・横須賀市
・葉山町
・神奈川県
・湘南国際村自治会
・CINEMA CARAVAN
・㈱LaLaLand Holdings</t>
    <phoneticPr fontId="0" type="Hiragana"/>
  </si>
  <si>
    <t>協働参加型めぐりの森づくり推進会議</t>
    <phoneticPr fontId="0" type="Hiragana"/>
  </si>
  <si>
    <t>平成22年４月から県有地となった湘南国際村めぐりの森について、森づくりに関する事業等を、協働参加型で推進する。（ポスト植樹祭事業）</t>
    <phoneticPr fontId="0" type="Hiragana"/>
  </si>
  <si>
    <t>かながわ県民活動サポートセンター</t>
    <phoneticPr fontId="0" type="Hiragana"/>
  </si>
  <si>
    <t>防災ギャザリング</t>
    <phoneticPr fontId="0" type="Hiragana"/>
  </si>
  <si>
    <t>阪神・淡路大震災を契機に発足したサポートセンターの利用団体等による実行委員会が、防災への意識啓発を目的として開催するイベントに協力する。</t>
    <phoneticPr fontId="0" type="Hiragana"/>
  </si>
  <si>
    <t>かながわ・よこはま防災ギャザリング実行委員会</t>
    <phoneticPr fontId="0" type="Hiragana"/>
  </si>
  <si>
    <t>災害救援ボランティア活動支援室の設置・運営</t>
    <phoneticPr fontId="0" type="Hiragana"/>
  </si>
  <si>
    <t>被災時のボランティア受援力の向上や災害支援活動に自主的に取り組む団体に活動や交流の場を提供する。</t>
    <phoneticPr fontId="0" type="Hiragana"/>
  </si>
  <si>
    <t>災害救援ボランティア活動支援室利用登録団体</t>
    <phoneticPr fontId="2"/>
  </si>
  <si>
    <t>かながわ県民活動サポートセンター協議会</t>
    <phoneticPr fontId="0" type="Hiragana"/>
  </si>
  <si>
    <t>利用者の意見をサポートセンターの運営に反映させ、県民に開かれたものとするとともに、利用者の自主的な活動を促進することを目的に協議会を開催する。</t>
    <phoneticPr fontId="0" type="Hiragana"/>
  </si>
  <si>
    <t>かながわ県民活動サポートセンター協議会委員</t>
    <phoneticPr fontId="0" type="Hiragana"/>
  </si>
  <si>
    <t>かながわ県民活動サポートセンター</t>
  </si>
  <si>
    <t>パートナーシップルーム制度</t>
    <phoneticPr fontId="0" type="Hiragana"/>
  </si>
  <si>
    <t>ボランタリー団体等と県の関係機関が協議等を行う場として「パートナーシップルーム」「コラボスタジオ」を設置・運営する。</t>
    <phoneticPr fontId="0" type="Hiragana"/>
  </si>
  <si>
    <t>災害救援ボランティア活動支援室利用登録団体</t>
    <phoneticPr fontId="0" type="Hiragana"/>
  </si>
  <si>
    <t>活動の場と情報の提供</t>
  </si>
  <si>
    <t>県民の自主的で営利を目的としない社会に貢献する活動を支援する場として、ボランティアサロンやミーティングルーム、情報コーナー等を設置・運営する。</t>
    <phoneticPr fontId="0" type="Hiragana"/>
  </si>
  <si>
    <t>県内ボランタリー活動団体</t>
    <phoneticPr fontId="0" type="Hiragana"/>
  </si>
  <si>
    <t>災害救援ボランティア支援センター</t>
    <phoneticPr fontId="0" type="Hiragana"/>
  </si>
  <si>
    <t>県災害対策本部が設置された場合、県災害救援ボランティア支援センターを設置し、災害救援ボランティア支援団体等と連携し、災害救援ボランティア活動等を支援する。</t>
    <phoneticPr fontId="0" type="Hiragana"/>
  </si>
  <si>
    <t>(特非)神奈川災害ボランティアネットワーク</t>
    <phoneticPr fontId="0" type="Hiragana"/>
  </si>
  <si>
    <t>(社福)神奈川県社会福祉協議会、
(社福)神奈川県共同募金会</t>
    <phoneticPr fontId="0" type="Hiragana"/>
  </si>
  <si>
    <t>かながわ市民活動フェア</t>
    <phoneticPr fontId="0" type="Hiragana"/>
  </si>
  <si>
    <t>サポートセンター利用団体等が運営委員会を構成し、団体相互の交流と一般市民へのボランタリー活動の啓発を目的として開催するイベントに協力する。</t>
    <phoneticPr fontId="0" type="Hiragana"/>
  </si>
  <si>
    <t>かながわ市民活動フェア運営委員会</t>
    <phoneticPr fontId="0" type="Hiragana"/>
  </si>
  <si>
    <t>かながわボランタリー活動推進事業費
かながわボランタリー活動推進基金２１
協働事業負担金</t>
  </si>
  <si>
    <t>地域課題の解決に向け、ボランタリー団体等と県とが対等な立場でパートナーシップを組んで行えば一層の効果が期待できると考えられる公益的事業に対して負担金を交付する。</t>
    <phoneticPr fontId="0" type="Hiragana"/>
  </si>
  <si>
    <t>(NPO法人)ピアサポートF.A.cafe、（特非）フュージョンコムかながわ・県肢体不自由児協会、（特非）AYA、（特非）プラットファーム、(NPO法人)多文化共生教育ネットワークかながわ、（特非）SHIP、（特非）ウィメンズハウス・花みずき</t>
    <rPh sb="50" eb="51">
      <t>とく</t>
    </rPh>
    <rPh sb="51" eb="52">
      <t>ひ</t>
    </rPh>
    <rPh sb="96" eb="97">
      <t>とく</t>
    </rPh>
    <rPh sb="97" eb="98">
      <t>ひ</t>
    </rPh>
    <rPh sb="105" eb="107">
      <t>とくひ</t>
    </rPh>
    <rPh sb="117" eb="118">
      <t>はな</t>
    </rPh>
    <phoneticPr fontId="0" type="Hiragana"/>
  </si>
  <si>
    <t>かながわボランタリー活動推進事業費補助
かながわボランタリー活動推進基金２１
ボランタリー活動補助金</t>
  </si>
  <si>
    <t>地域課題の解決に向け、ボランタリー団体等が自発的に取り組む事業や社会システムの改革を目指してチャレンジする事業などで、ボランタリー団体等が立ち上げたり、新たに展開する事業に対して補助する。</t>
    <phoneticPr fontId="0" type="Hiragana"/>
  </si>
  <si>
    <t>（特非）不登校・発達支援ネットワークSeeds APP、（特非）仂（ろく）、（一社）神奈川オレンジネットワーク、（特非）Fun Place 39、（特非）ちいき未来、(NPO法人)多文化共生ボランティア団体ＫＡＭ、（特非）Small Step</t>
    <rPh sb="74" eb="75">
      <t>とく</t>
    </rPh>
    <rPh sb="75" eb="76">
      <t>ひ</t>
    </rPh>
    <rPh sb="80" eb="82">
      <t>みらい</t>
    </rPh>
    <rPh sb="87" eb="89">
      <t>ほうじん</t>
    </rPh>
    <rPh sb="90" eb="95">
      <t>たぶんかきょうせい</t>
    </rPh>
    <rPh sb="101" eb="103">
      <t>だんたい</t>
    </rPh>
    <rPh sb="108" eb="110">
      <t>とくひ</t>
    </rPh>
    <phoneticPr fontId="0" type="Hiragana"/>
  </si>
  <si>
    <t>かながわボランタリー活動推進事業費
かながわボランタリー活動推進基金２１
ボランタリー活動奨励賞</t>
    <phoneticPr fontId="0" type="Hiragana"/>
  </si>
  <si>
    <t>他のボランタリー団体等のモデルとなる活動で、地域社会への貢献度が高く、今後さらに継続発展が期待できる活動に自主的に取り組んでいるボランタリー団体等を表彰する。</t>
    <phoneticPr fontId="0" type="Hiragana"/>
  </si>
  <si>
    <t>未定</t>
    <phoneticPr fontId="0" type="Hiragana"/>
  </si>
  <si>
    <t>職員厚生課</t>
    <phoneticPr fontId="0" type="Hiragana"/>
  </si>
  <si>
    <t>県は、県退職者で希望する者がボランタリー活動に参加するために必要な情報を登録するデータベースを作成し、ＮＰＯへの情報提供を行い、データベースを閲覧したＮＰＯからの申出に基づき、登録者との連絡調整などの支援を行う。</t>
    <phoneticPr fontId="0" type="Hiragana"/>
  </si>
  <si>
    <t>総務室</t>
    <phoneticPr fontId="0" type="Hiragana"/>
  </si>
  <si>
    <t>かながわ避難者支援会議</t>
    <phoneticPr fontId="0" type="Hiragana"/>
  </si>
  <si>
    <t xml:space="preserve">避難者支援を行う関係団体や県内市町村、避難元自治体等が有機的に連携して、効果的な支援を行うための体制を構築するもの。
</t>
    <phoneticPr fontId="0" type="Hiragana"/>
  </si>
  <si>
    <t>ソクラテスプロジェクト、特定非営利活動法人神奈川災害ボランティアネットワーク、特定非営利活動法人かながわ避難者と共にあゆむ会</t>
    <phoneticPr fontId="0" type="Hiragana"/>
  </si>
  <si>
    <t>神奈川県生活協同組合連合会、株式会社ファンケル、公益社団法人神奈川県社会福祉士会、社会福祉法人神奈川県社会福祉協議会、東京地方税理士会、横浜市立大学、神奈川県弁護士会、岩手県、宮城県、福島県、神奈川県内の市町村</t>
    <phoneticPr fontId="0" type="Hiragana"/>
  </si>
  <si>
    <t>危機管理防災課</t>
    <phoneticPr fontId="0" type="Hiragana"/>
  </si>
  <si>
    <t>１県域の災害時情報共有会議の実施
２県域の災害時中間支援機能の整備・強化
３市町村域（ブロック域）の災害時の多様な主体間の連携推進</t>
    <phoneticPr fontId="0" type="Hiragana"/>
  </si>
  <si>
    <t>災害復興くらし応援・みんなのネットワークかながわ（準備会議）</t>
    <phoneticPr fontId="0" type="Hiragana"/>
  </si>
  <si>
    <t xml:space="preserve">地域福祉課  NPO 協働推進課
かながわ県民活動サポートセンター
神奈川県社会福祉協議会     神奈川県共同募金会 </t>
    <phoneticPr fontId="0" type="Hiragana"/>
  </si>
  <si>
    <t xml:space="preserve">ビッグレスキューかながわ（令和７年度神奈川県・三浦市合同総合防災訓練）
</t>
    <phoneticPr fontId="0" type="Hiragana"/>
  </si>
  <si>
    <t xml:space="preserve">大規模地震発生による甚大被害を想定し、自助・共助・公助の理念に基づき、自主防災組織をはじめとした地域防災力の向上、県市及び防災関係機関の災害対応力向上を図る。
</t>
    <phoneticPr fontId="0" type="Hiragana"/>
  </si>
  <si>
    <t>参加機関は現在調整中</t>
    <phoneticPr fontId="0" type="Hiragana"/>
  </si>
  <si>
    <t>消防保安課</t>
    <phoneticPr fontId="0" type="Hiragana"/>
  </si>
  <si>
    <t>防災関係団体助成等経費</t>
    <phoneticPr fontId="0" type="Hiragana"/>
  </si>
  <si>
    <t>神奈川県沿岸において発生する水難事故の救助等については沿岸市町だけでなく、漁業者などが大きな役割を果たしている。これらの漁業者を主たる構成員とする特定非営利活動法人神奈川県水難救済会の行う水難救助活動等に対する助成。</t>
    <phoneticPr fontId="0" type="Hiragana"/>
  </si>
  <si>
    <t>特定非営利活動法人　神奈川県水難救済会</t>
    <phoneticPr fontId="0" type="Hiragana"/>
  </si>
  <si>
    <t>・県内沿岸部市町（15市町）
・県内水産関係団体
・日本水難救済会</t>
    <phoneticPr fontId="0" type="Hiragana"/>
  </si>
  <si>
    <t>関係団体実施事業への後援</t>
    <phoneticPr fontId="0" type="Hiragana"/>
  </si>
  <si>
    <t>ライフセーバーの育成、水難救助活動の技術向上及び水難事故防止の普及啓発等を目的に開催される各種競技大会への後援。</t>
    <phoneticPr fontId="0" type="Hiragana"/>
  </si>
  <si>
    <t>公益財団法人　日本ライフセービング協会
一般財団法人　神奈川県ライフセービング協会</t>
    <phoneticPr fontId="0" type="Hiragana"/>
  </si>
  <si>
    <t>くらし安全交通課</t>
  </si>
  <si>
    <t>安全・安心まちづくり県民運動推進事業費</t>
    <phoneticPr fontId="0" type="Hiragana"/>
  </si>
  <si>
    <t>神奈川県犯罪のない安全・安心まちづくり推進協議会</t>
    <phoneticPr fontId="2"/>
  </si>
  <si>
    <t>（公財）かながわ国際交流協会外9団体、（公社）神奈川県私立幼稚園連合会外9団体、（一財）神奈川県私立中学校高等学校協会、（一社）神奈川県専修学校各種学校協会外17団体、その外125団体・機関</t>
    <phoneticPr fontId="0" type="Hiragana"/>
  </si>
  <si>
    <t>安全・安心まちづくり活動事故給付金</t>
  </si>
  <si>
    <t>民間の自主防犯活動のさらなる活性化を図り、県民総ぐるみとしての取組を促進するため、防犯ボランティアの活動中の事故に対する給付金制度を実施する。</t>
    <phoneticPr fontId="0" type="Hiragana"/>
  </si>
  <si>
    <t>交通安全県民運動事業費</t>
    <phoneticPr fontId="0" type="Hiragana"/>
  </si>
  <si>
    <t>団体と連携して交通安全活動事業を実施する。</t>
  </si>
  <si>
    <t>神奈川県交通安全母の会連合会</t>
    <phoneticPr fontId="2"/>
  </si>
  <si>
    <t>交通安全対策協議会運営費</t>
    <phoneticPr fontId="0" type="Hiragana"/>
  </si>
  <si>
    <t>県内関係団体等の参画を得て協議会を設置し、各季の交通安全運動などの事業を実施することで、交通事故防止活動を県民層ぐるみの運動として推進する。</t>
    <phoneticPr fontId="0" type="Hiragana"/>
  </si>
  <si>
    <t>神奈川県交通安全対策協議会</t>
    <phoneticPr fontId="0" type="Hiragana"/>
  </si>
  <si>
    <t>（公財）神奈川県交通安全協会外5団体、（公社）神奈川県私立幼稚園連合会外10団体、（一財）横浜市交通安全協会外１団体、（一社）川崎市交通安全協会外17団体、その外111団体・機関</t>
    <phoneticPr fontId="0" type="Hiragana"/>
  </si>
  <si>
    <t>くらし安全交通課</t>
    <phoneticPr fontId="0" type="Hiragana"/>
  </si>
  <si>
    <t>犯罪被害者等支援費</t>
    <phoneticPr fontId="0" type="Hiragana"/>
  </si>
  <si>
    <t>公益社団法人神奈川被害者支援センター</t>
    <phoneticPr fontId="0" type="Hiragana"/>
  </si>
  <si>
    <t>犯罪被害者等支援ボランティア確保育成事業（犯罪被害者等支援費）</t>
    <phoneticPr fontId="0" type="Hiragana"/>
  </si>
  <si>
    <t>犯罪被害者サポートステーション運営費
（犯罪被害者等支援費）</t>
    <phoneticPr fontId="0" type="Hiragana"/>
  </si>
  <si>
    <t>かながわ安心・安全な住まいづくり支援事業</t>
    <phoneticPr fontId="0" type="Hiragana"/>
  </si>
  <si>
    <t>実施主体：NPO法人横浜市まちづくりセンター
概要：住宅の防犯対策をはじめ、安心・安全な住まいづくりに関する相談に対して、的確に助言、支援を行う相談窓口を整備する。</t>
    <phoneticPr fontId="0" type="Hiragana"/>
  </si>
  <si>
    <t>NPO法人横浜市まちづくりセンター</t>
    <phoneticPr fontId="0" type="Hiragana"/>
  </si>
  <si>
    <t>消費生活課</t>
  </si>
  <si>
    <t>インターネット被害未然防止講座委託業務</t>
    <phoneticPr fontId="0" type="Hiragana"/>
  </si>
  <si>
    <t>広く県民を対象にパソコンやスマートフォンにおけるインターネット被害事例の情報提供や対処方法、インターネット被害の擬似体験等に関する講座を実施し、消費者被害、トラブルの未然防止を図ることを目的とする。</t>
    <phoneticPr fontId="0" type="Hiragana"/>
  </si>
  <si>
    <t>NPO法人NPO情報
セキュリティフォーラム</t>
    <phoneticPr fontId="0" type="Hiragana"/>
  </si>
  <si>
    <t>高齢者、障害者等の消費者被害防止対策連絡協議会</t>
    <phoneticPr fontId="0" type="Hiragana"/>
  </si>
  <si>
    <t>高齢者、障害者等の被害を防止するため、県と関係団体による協議会を設置し、相互の連携を図りながら情報交換や効果的な対策を協議する。</t>
    <phoneticPr fontId="0" type="Hiragana"/>
  </si>
  <si>
    <t>神奈川県手をつなぐ育成会、神奈川県民生委員児童委員協議会、NPO法人神奈川県介護支援専門員協会、神奈川県消費者団体連絡会、NPO法人神奈川県消費者の会連絡会、（公財)神奈川県老人クラブ連合会</t>
    <phoneticPr fontId="0" type="Hiragana"/>
  </si>
  <si>
    <t>警察本部、市町村消費生活行政担当課（代表）、(社福)神奈川県社会福祉協議会</t>
    <phoneticPr fontId="0" type="Hiragana"/>
  </si>
  <si>
    <t>消費者教育教員研修</t>
    <phoneticPr fontId="0" type="Hiragana"/>
  </si>
  <si>
    <t>学校における消費者教育を推進するため、教員を対象とした研修を行い、授業等への活用を図る。ボランタリー団体等へは、研修講師を依頼する。</t>
    <phoneticPr fontId="0" type="Hiragana"/>
  </si>
  <si>
    <t>生活協同組合パルシステム神奈川、金融リテラシー向上コンソーシアム、一般社団法人日本添加物協会、一般社団法人冷凍食品協会、公益社団法人全国消費生活相談員協会</t>
    <phoneticPr fontId="2"/>
  </si>
  <si>
    <t>株式会社ファミリーマート、野村ホールディングス株式会社、株式会社教育ネット、独立行政法人国民生活センター、神奈川県司法書士会、横浜市資源循環局政策調整部３R推進課、東日本旅客鉄道株式会社（JR東日本）</t>
    <phoneticPr fontId="0" type="Hiragana"/>
  </si>
  <si>
    <t>消費生活課</t>
    <phoneticPr fontId="0" type="Hiragana"/>
  </si>
  <si>
    <t>消費者月間及びかながわ消費者週間</t>
    <phoneticPr fontId="0" type="Hiragana"/>
  </si>
  <si>
    <t>国が定めた消費者月間（5月）及び本県のかながわ消費者週間（10月）に、消費者被害の未然防止等に向けたＳＮＳを活用した情報発信を実施</t>
    <phoneticPr fontId="0" type="Hiragana"/>
  </si>
  <si>
    <t>悪質な訪問販売 撲滅！かながわ宣言</t>
    <phoneticPr fontId="0" type="Hiragana"/>
  </si>
  <si>
    <t>高齢者に消費者被害の多い「訪問販売」に関して、事業者の自主的な取組を促す機運を醸成し、県内被害の未然防止につなげるため、平成30年３月、８つの事業者団体と県がチームとなり、悪質な勧誘から消費者を守る取組を推進することを宣言し、その後連携した取組を進めている。
令和４年10月、令和５年３月にそれぞれ３つの事業者団体が新規に加入し、現在は14の団体が宣言団体となっている。</t>
    <phoneticPr fontId="0" type="Hiragana"/>
  </si>
  <si>
    <t>公益社団法人日本訪問販売協会、一般社団法人全日本冠婚葬祭互助協会、公益社団法人かながわ住まいまちづくり協会、一般社団法人生命保険協会神奈川県協会、一般社団法人日本損害保険協会神奈川損保会、一般社団法人ステキ信頼リフォーム推進協会、一般社団法人日本住宅リフォーム産業協会</t>
    <phoneticPr fontId="0" type="Hiragana"/>
  </si>
  <si>
    <t>神奈川県ケーブルテレビ協議会、神奈川県新聞販売組合、京浜新聞販売組合、神奈川県生活協同組合連合会、神奈川県瓦屋根工業連合会、神奈川県板金工業組合、日本木造住宅耐震補強事業者協同組合</t>
    <phoneticPr fontId="0" type="Hiragana"/>
  </si>
  <si>
    <t>事業者向け「特定商取引法」解説小冊子の作成</t>
    <phoneticPr fontId="0" type="Hiragana"/>
  </si>
  <si>
    <t>特定商取引法の要点をまとめた事業者向けの小冊子を作成し、「悪質な訪問販売 撲滅！かながわ宣言」の宣言団体や行政指導の対象となった事業者等へ周知するとともに、研修等での活用を促す。
また、幅広い事業者が閲覧できるよう、小冊子のデータを県ホームページに掲載する。</t>
    <phoneticPr fontId="0" type="Hiragana"/>
  </si>
  <si>
    <t>特定非営利活動法人消費者支援かながわ</t>
    <phoneticPr fontId="0" type="Hiragana"/>
  </si>
  <si>
    <t>神奈川県消費者行政強化事業費補助金（団体）</t>
    <phoneticPr fontId="0" type="Hiragana"/>
  </si>
  <si>
    <t>消費者団体訴訟制度の担い手となる適格消費者団体に対する補助金の交付を通じて、特定適格消費者団体の設立に向けた支援を行うとともに、制度の活用を進め、県内の消費者被害未然防止・拡大防止を目指す。</t>
    <phoneticPr fontId="0" type="Hiragana"/>
  </si>
  <si>
    <t>特定非営利活動法人消費者支援かながわ</t>
  </si>
  <si>
    <t>被害者救済検討チームによる適格消費者団体への情報提供</t>
    <phoneticPr fontId="0" type="Hiragana"/>
  </si>
  <si>
    <t xml:space="preserve">かながわ中央消費生活センターに寄せられた相談事例の中から、差止請求により、消費者被害未然防止を図ることが有効と思われる事案について、適格消費者団体に随時情報提供を行う。
</t>
    <phoneticPr fontId="0" type="Hiragana"/>
  </si>
  <si>
    <t>特定非営利活動法人消費者支援かながわ</t>
    <phoneticPr fontId="2"/>
  </si>
  <si>
    <t>温泉地学研究所</t>
    <phoneticPr fontId="2"/>
  </si>
  <si>
    <t>災害救援ボランティア講座</t>
  </si>
  <si>
    <t>県内各所で開催される災害救援ボランティア講座に、神奈川県の自然災害について説明するため講師を派遣する。</t>
  </si>
  <si>
    <t>神奈川県災害救援ボランティア推進委員会</t>
  </si>
  <si>
    <t>総合防災センター</t>
    <phoneticPr fontId="0" type="Hiragana"/>
  </si>
  <si>
    <t>自主防災組織リーダー等研修会</t>
    <phoneticPr fontId="0" type="Hiragana"/>
  </si>
  <si>
    <t>県下の自主防災組織リーダー等を対象に防災に関する知識、技術を習得させ、地域及び家庭を通じて防災意識の向上、防災行動力の強化を図るため、簡易救出・搬送訓練、心肺蘇生法等の実技研修、防災情報・体験フロアにおける地震、風水害等の擬似体験学習及び災害対策の実習等を実施する。</t>
    <phoneticPr fontId="0" type="Hiragana"/>
  </si>
  <si>
    <t>NPO法人日本防災士会</t>
    <phoneticPr fontId="0" type="Hiragana"/>
  </si>
  <si>
    <t>消防学校</t>
    <phoneticPr fontId="0" type="Hiragana"/>
  </si>
  <si>
    <t>消防団員教育</t>
    <phoneticPr fontId="0" type="Hiragana"/>
  </si>
  <si>
    <t>(公財)神奈川県消防協会</t>
    <phoneticPr fontId="0" type="Hiragana"/>
  </si>
  <si>
    <t>国際課</t>
  </si>
  <si>
    <t>医療通訳派遣システム事業</t>
    <phoneticPr fontId="0" type="Hiragana"/>
  </si>
  <si>
    <t>日本語を母語としない外国籍患者が安心して医療を受けられるよう、協定医療機関に医療通訳スタッフを派遣する。（県と県内自治体で構成する協議会及びNPO等が実施主体。）</t>
    <phoneticPr fontId="0" type="Hiragana"/>
  </si>
  <si>
    <t>NPO法人多言語社会リソースかながわ</t>
    <phoneticPr fontId="0" type="Hiragana"/>
  </si>
  <si>
    <t>かながわ医療通訳派遣システム自治体推進協議会（県及び県内自治体で構成）、県医師会、県病院協会、県歯科医師会、県薬剤師会</t>
    <phoneticPr fontId="0" type="Hiragana"/>
  </si>
  <si>
    <t>国際課</t>
    <phoneticPr fontId="0" type="Hiragana"/>
  </si>
  <si>
    <t>多言語支援センターかながわ運営事業</t>
    <phoneticPr fontId="0" type="Hiragana"/>
  </si>
  <si>
    <t>外国籍県民や来県外国人が安心・安全に過ごすことができる環境をつくり、多文化共生社会を実現するため、「多言語支援センターかながわ」を設置し、多言語による情報提供・通訳支援を行う。NPOと公益財団法人のグループへ委託し、実施する。</t>
    <phoneticPr fontId="0" type="Hiragana"/>
  </si>
  <si>
    <t>NPO法人多言語社会リソースかながわ、公益財団法人かながわ国際交流財団</t>
    <phoneticPr fontId="0" type="Hiragana"/>
  </si>
  <si>
    <t>ヤングケアラー通訳支援事業</t>
    <phoneticPr fontId="0" type="Hiragana"/>
  </si>
  <si>
    <t>家族等の言語支援を行う外国人ヤングケアラーを支援するため、多言語対応が必要な家庭への通訳支援事業を実施。</t>
    <phoneticPr fontId="0" type="Hiragana"/>
  </si>
  <si>
    <t>地域日本語教育の総合的な体制づくり推進事業</t>
    <phoneticPr fontId="0" type="Hiragana"/>
  </si>
  <si>
    <t>県内外国籍県民の日本語教育環境を強化するため、関係機関等との連携を強化しつつ、各地域の実情に応じたプログラムの提案・調整等を行うコーディネーターの配置や支援等を実施する。公益財団法人かながわ国際交流財団へ委託し、実施する。</t>
    <phoneticPr fontId="0" type="Hiragana"/>
  </si>
  <si>
    <t>公益財団法人かながわ国際交流財団</t>
    <phoneticPr fontId="0" type="Hiragana"/>
  </si>
  <si>
    <t>外国籍県民入居支援事業（委託）</t>
    <phoneticPr fontId="0" type="Hiragana"/>
  </si>
  <si>
    <t>外国人のための居住支援を進めるため、不動産業界等への研修及び広報を、NPOへ委託し、実施する。</t>
    <phoneticPr fontId="0" type="Hiragana"/>
  </si>
  <si>
    <t>NPO法人かながわ外国人すまいサポートセンター等</t>
    <phoneticPr fontId="0" type="Hiragana"/>
  </si>
  <si>
    <t>あーすフェスタかながわ開催事業（実行委員会）</t>
    <phoneticPr fontId="0" type="Hiragana"/>
  </si>
  <si>
    <t>外国籍県民、民族団体、NPO、地域住民、行政等が一体となり、企画・運営を行い、多文化共生社会の実現をめざしたイベントを実施する。（民族団体・NPO・県等で構成する実行委員会が実施主体）</t>
    <phoneticPr fontId="0" type="Hiragana"/>
  </si>
  <si>
    <t>あーすフェスタかながわ実行委員会（公益財団法人かながわ国際交流財団、NPO法人かながわ外国人すまいサポートセンター、NPO法人かながわ難民定住援助協会等）</t>
    <phoneticPr fontId="0" type="Hiragana"/>
  </si>
  <si>
    <t>ベトナムフェスタin神奈川開催事業（実行委員会）</t>
    <phoneticPr fontId="0" type="Hiragana"/>
  </si>
  <si>
    <t>ベトナムとの交流イベントを通じ、文化、食、観光等幅広い分野においてベトナムに対する理解と本県からの国際協力の促進を図るため、「ベトナムフェスタin神奈川」を開催する。</t>
    <phoneticPr fontId="0" type="Hiragana"/>
  </si>
  <si>
    <t>ベトナムフェスタin神奈川実行委員会（KVSS かわさきベトナム人留学生支援会等）</t>
    <phoneticPr fontId="0" type="Hiragana"/>
  </si>
  <si>
    <t>地球市民かながわプラザ指定管理費（事業費）　展示ボランティアシステム運営</t>
  </si>
  <si>
    <t>地球市民かながわプラザ常設展示の運営ボランティアを広く県民に募り、展示内容に関する専門研修の実施や、ボランティアによる自主企画の支援等を行う。</t>
    <phoneticPr fontId="0" type="Hiragana"/>
  </si>
  <si>
    <t xml:space="preserve">個人ボランティア
</t>
    <phoneticPr fontId="0" type="Hiragana"/>
  </si>
  <si>
    <t>地球市民かながわプラザ指定管理費（事業費）　NPO等活動支援事業 情報フォーラム</t>
    <phoneticPr fontId="0" type="Hiragana"/>
  </si>
  <si>
    <t>NPO等への活動支援のため、活動場所の提供や広報協力、相談対応やNPO等が発行する各種資料を収集、保存し、情報普及を実施する。</t>
    <phoneticPr fontId="0" type="Hiragana"/>
  </si>
  <si>
    <t>国際交流・国際協力関係のボランタリー団体</t>
    <phoneticPr fontId="0" type="Hiragana"/>
  </si>
  <si>
    <t>地球市民かながわプラザ指定管理費（事業費）　ＮＰＯ等のための事務室運営事業</t>
  </si>
  <si>
    <t>NPO等への活動支援のため、地球市民かながわプラザ内に設置した貸出し事務室を提供する。</t>
    <phoneticPr fontId="0" type="Hiragana"/>
  </si>
  <si>
    <t>認定NPO法人地球学校、かながわ開発教育センター、認定NPO法人多文化共生教育ネットワークかながわ、NPO法人ダイヤモンド・フォー・ピース、NPO法人不登校・発達支援ネットワークSeedsAPP、NPO法人ナルク南横浜、認定NPO法人横浜日独協会、国際協力NGO「Act for Child」</t>
    <phoneticPr fontId="0" type="Hiragana"/>
  </si>
  <si>
    <t>地球市民かながわプラザ指定管理費（事業費）　NPO等活動支援事業フォーラムスペース</t>
    <phoneticPr fontId="0" type="Hiragana"/>
  </si>
  <si>
    <t>NPO等への活動支援のため、無料登録制にて活動場所「フォーラムスペース」を提供している。</t>
    <phoneticPr fontId="0" type="Hiragana"/>
  </si>
  <si>
    <t>さかえ日本語の会、地球市民文化交流会、ユッカの会、かながわこどもひろば、中国文化サロン、英語でコミュニケーションの会、絵本のひろば等</t>
    <phoneticPr fontId="0" type="Hiragana"/>
  </si>
  <si>
    <t>地球市民かながわプラザ指定管理費（事業費）　NPO等活動支援事業　ラウンジ作業コーナー</t>
    <phoneticPr fontId="0" type="Hiragana"/>
  </si>
  <si>
    <t>NPO等への活動支援のため、活動場所の提供や広報協力、相談対応やNPO等が発行する各種資料の印刷支援のため作業コーナーに無料で使える輪転機（月/3千枚まで）等を設置している。</t>
    <phoneticPr fontId="0" type="Hiragana"/>
  </si>
  <si>
    <t>ムリンディ／ジャパン・ワンラブ・プロジェクト、横浜共同購入の会、グループ「みらい」、NPO法人国際交流ハーティ港南台、神奈川県政モニターOB会、栄区テレビセミナー、さかえ国際理解と交流の会（SIS)、NPO法人ふれんどしっぷASIA、外国人学校の子どもたちの絵画展実行委員会、神奈川・横浜の夜間中学を考える会、中国残留邦人「しゃべり場」、古代史セミナー運営委員会、認定NPO法人WE21ジャパンさかえ、上郷・瀬上の自然を守る会等</t>
    <phoneticPr fontId="0" type="Hiragana"/>
  </si>
  <si>
    <t>外国籍県民同行支援事業</t>
    <phoneticPr fontId="0" type="Hiragana"/>
  </si>
  <si>
    <t>日本語が不自由な外国籍県民等（国籍に関わらず外国にルーツがある方を含む。以下同じ。）に対し、単なる通訳にとどまらず現場での交渉・アドバイスや複数の窓口に同行する業務をNPOへ委託し、行う。</t>
    <phoneticPr fontId="0" type="Hiragana"/>
  </si>
  <si>
    <t>NPO法人かながわ外国人すまいサポートセンター</t>
    <phoneticPr fontId="0" type="Hiragana"/>
  </si>
  <si>
    <t>かながわ一般通訳支援事業</t>
    <phoneticPr fontId="0" type="Hiragana"/>
  </si>
  <si>
    <t>外国籍県民等が公的サービスを受ける場合等に、通訳ボランティアを紹介する事業を、NPOと公益財団法人のグループへ委託し、実施する。</t>
    <phoneticPr fontId="0" type="Hiragana"/>
  </si>
  <si>
    <t>外国籍県民入居支援事業（協議会）</t>
    <phoneticPr fontId="0" type="Hiragana"/>
  </si>
  <si>
    <t>かながわ居住支援ネットワーク協議会（NPO法人かながわ外国人すまいサポートセンター等）</t>
    <phoneticPr fontId="0" type="Hiragana"/>
  </si>
  <si>
    <t>かながわ国際政策推進懇話会</t>
    <phoneticPr fontId="0" type="Hiragana"/>
  </si>
  <si>
    <t>国際社会の変化に対応した神奈川の国際施策の推進について有識者等（学識経験者、関係団体、外国籍県民、市町村、NGO･NPO等）の意見を聴取し、協議を行う。</t>
    <phoneticPr fontId="0" type="Hiragana"/>
  </si>
  <si>
    <t>かながわの地域日本語教育に係る調整会議</t>
    <phoneticPr fontId="2"/>
  </si>
  <si>
    <t>外国籍県民等の日本語教育環境を強化し、県内の地域における日本語教育の総合的な体制づくりを図るため、日本語教育の有識者等の意見を聴取し、協議を行う。</t>
    <rPh sb="70" eb="71">
      <t>オコナ</t>
    </rPh>
    <phoneticPr fontId="2"/>
  </si>
  <si>
    <t>公益財団法人かながわ国際交流財団、特定NPO法人地球学校、ユッカの会</t>
    <rPh sb="22" eb="24">
      <t>ホウジン</t>
    </rPh>
    <rPh sb="33" eb="34">
      <t>カイ</t>
    </rPh>
    <phoneticPr fontId="2"/>
  </si>
  <si>
    <t>武蔵野大学、東海大学、綾瀬市、小田原市</t>
    <rPh sb="11" eb="14">
      <t>あやせし</t>
    </rPh>
    <rPh sb="15" eb="19">
      <t>おだわらし</t>
    </rPh>
    <phoneticPr fontId="0" type="Hiragana"/>
  </si>
  <si>
    <t>(公財)かながわ国際交流財団補助金</t>
    <rPh sb="1" eb="3">
      <t>コウザイ</t>
    </rPh>
    <rPh sb="14" eb="17">
      <t>ホジョキン</t>
    </rPh>
    <phoneticPr fontId="2"/>
  </si>
  <si>
    <t>公益財団法人かながわ国際交流財団の事業運営に対して補助する。</t>
    <rPh sb="10" eb="16">
      <t>コクサイコウリュウザイダン</t>
    </rPh>
    <phoneticPr fontId="2"/>
  </si>
  <si>
    <t>公益財団法人かながわ国際交流財団</t>
    <phoneticPr fontId="2"/>
  </si>
  <si>
    <t>文化課</t>
  </si>
  <si>
    <t>相模人形芝居合同公演</t>
  </si>
  <si>
    <t>相模人形芝居５座による合同公演会を行う。</t>
    <phoneticPr fontId="0" type="Hiragana"/>
  </si>
  <si>
    <t>相模人形芝居連合会</t>
  </si>
  <si>
    <t>かながわの太鼓</t>
  </si>
  <si>
    <t>県内太鼓演奏団体による創作太鼓の演奏会を実施する。</t>
    <phoneticPr fontId="0" type="Hiragana"/>
  </si>
  <si>
    <t>神奈川県太鼓連合</t>
  </si>
  <si>
    <t>伝統芸能ワークショップ</t>
    <phoneticPr fontId="2"/>
  </si>
  <si>
    <t>県立高校などにおける相模人形芝居学校交流ワークショップを行う。</t>
    <phoneticPr fontId="0" type="Hiragana"/>
  </si>
  <si>
    <t>伝統芸能ワークショップ</t>
  </si>
  <si>
    <t>公益財団法人鎌倉能舞台による能楽体験ワークショップを行う。</t>
    <phoneticPr fontId="0" type="Hiragana"/>
  </si>
  <si>
    <t>公益財団法人鎌倉能舞台</t>
  </si>
  <si>
    <t>公益社団法人日本舞踊協会神奈川県支部による日本舞踊体験ワークショップを行う。</t>
    <phoneticPr fontId="0" type="Hiragana"/>
  </si>
  <si>
    <t>公益社団法人日本舞踊協会神奈川県支部</t>
  </si>
  <si>
    <t>文化課</t>
    <phoneticPr fontId="0" type="Hiragana"/>
  </si>
  <si>
    <t>神奈川フィル・ジュニアオーケストラ</t>
    <phoneticPr fontId="0" type="Hiragana"/>
  </si>
  <si>
    <t>例年、小学４年生～高校３年生の子どもたちを集い、神奈川フィル団員の指導を経て神奈川フィルと共演する。</t>
    <phoneticPr fontId="0" type="Hiragana"/>
  </si>
  <si>
    <t>公益財団法人神奈川フィルハーモニー管弦楽団</t>
    <phoneticPr fontId="0" type="Hiragana"/>
  </si>
  <si>
    <t>神奈川フィル公開リハーサル</t>
    <phoneticPr fontId="0" type="Hiragana"/>
  </si>
  <si>
    <t>神奈川フィルがアートホールで行っているリハーサルを、年間50回、見学ギャラリーから無料で公開します。</t>
    <phoneticPr fontId="0" type="Hiragana"/>
  </si>
  <si>
    <t>神奈川フィル・カジュアルコンサート</t>
    <phoneticPr fontId="0" type="Hiragana"/>
  </si>
  <si>
    <t>音楽に親しむきっかけとなり、アートホールが地域の文化芸術振興の担い手となるよう、神奈川フィル団員によるカジュアルなコンサートを実施。</t>
    <phoneticPr fontId="0" type="Hiragana"/>
  </si>
  <si>
    <t>赤ちゃんありがとうコンサート</t>
    <phoneticPr fontId="0" type="Hiragana"/>
  </si>
  <si>
    <t>乳児を持つ親をメインターゲットに企画し、観客席を平土間仕様にしてベビーカーのままホールに入り、親の椅子の横に置いてコンサートを観ることができるコンサートを実施。</t>
    <phoneticPr fontId="0" type="Hiragana"/>
  </si>
  <si>
    <t>NPO法人ちゃっと、NPO法人ぎんがむら</t>
    <phoneticPr fontId="0" type="Hiragana"/>
  </si>
  <si>
    <t>神奈川フィルハーモニー管弦楽団補助金</t>
    <phoneticPr fontId="0" type="Hiragana"/>
  </si>
  <si>
    <t>公益財団法人神奈川フィルハーモニー管弦楽団の事業運営に対して補助する。</t>
    <phoneticPr fontId="0" type="Hiragana"/>
  </si>
  <si>
    <t>「楽絵ん祭」</t>
    <phoneticPr fontId="0" type="Hiragana"/>
  </si>
  <si>
    <t>障害児者、ファミリーをメインターゲットにした参加型フェスティバル。絵本、マジック、歌などで参加者みんなで楽しみます。ケアスペースも準備している。</t>
    <phoneticPr fontId="0" type="Hiragana"/>
  </si>
  <si>
    <t>NPO法人ぎんがむら</t>
    <phoneticPr fontId="0" type="Hiragana"/>
  </si>
  <si>
    <t>県営団地におけるシニア合唱事業</t>
  </si>
  <si>
    <t>県内10か所の県営団地において、住民等を対象としたシニア合唱事業を展開し、文化芸術の振興とともに、共生社会の実現や、団地におけるコミュニティの活性化、未病改善など健康団地の推進に向けた取組を実施。</t>
  </si>
  <si>
    <t>一般社団法人ユースクラシック</t>
  </si>
  <si>
    <t>共生共創事業</t>
    <phoneticPr fontId="0" type="Hiragana"/>
  </si>
  <si>
    <t>シニア劇団やシニアダンス企画の運営、障がい者や高齢者等が参加する演劇の舞台公演等を含む良質な内容の舞台公演等を実施する</t>
  </si>
  <si>
    <t>公益財団法人神奈川芸術文化財団</t>
    <phoneticPr fontId="0" type="Hiragana"/>
  </si>
  <si>
    <t>文化課</t>
    <phoneticPr fontId="2"/>
  </si>
  <si>
    <t>ビブリオバトル</t>
  </si>
  <si>
    <t>ビブリオバトル、ＰＯＰフェスタ、図書館報コンクールなど、高校生の主体的な運営による複数の文芸イベントを開催する。</t>
    <phoneticPr fontId="0" type="Hiragana"/>
  </si>
  <si>
    <t>神奈川県高等学校文化連盟図書専門部</t>
    <phoneticPr fontId="0" type="Hiragana"/>
  </si>
  <si>
    <t>「花音」朗読コンサート</t>
    <phoneticPr fontId="0" type="Hiragana"/>
  </si>
  <si>
    <t>県内の図書館・美術館で活動する朗読ユニット「花音」と共催で、企画展の内容に合わせた文学作品の朗読コンサートを開催する。</t>
    <phoneticPr fontId="0" type="Hiragana"/>
  </si>
  <si>
    <t>語りと音楽「花音」</t>
    <phoneticPr fontId="0" type="Hiragana"/>
  </si>
  <si>
    <t>かなぶんキッズクラブ
紙芝居がはじまるよ！</t>
  </si>
  <si>
    <t>地域で活動する「横浜紙芝居普及会」と共催で、夏休み期間中に親子連れを主な対象とした紙芝居の実演を行う。</t>
    <phoneticPr fontId="0" type="Hiragana"/>
  </si>
  <si>
    <t>横浜紙芝居普及会</t>
  </si>
  <si>
    <t>かなぶんキッズクラブ
絵本であそぼ！</t>
  </si>
  <si>
    <t>横浜市内の地域文庫の連絡団体「よこはま文庫の会」と共催で、親子連れを対象に絵本の読み聞かせ（パネルシアター等）を実施する。</t>
    <phoneticPr fontId="0" type="Hiragana"/>
  </si>
  <si>
    <t>よこはま文庫の会</t>
  </si>
  <si>
    <t>障がい児、医療的ケア児が楽しめるスポーツ・芸術・文化の体験</t>
  </si>
  <si>
    <t>スポーツ観戦、映画や音楽鑑賞などの体験機会が制約されている障がい児、医療的ケア児とその家族等に体験する機会を提供することで、子どもたちの可能性を広げるとともに、共生社会の実現に向けた意識の醸成を図ります。</t>
  </si>
  <si>
    <t>特定非営利活動法人ＡＹＡ</t>
    <phoneticPr fontId="2"/>
  </si>
  <si>
    <t>文化課（財団）</t>
  </si>
  <si>
    <t>神奈川フィルハーモニー管弦楽団と巡る県内オーケストラコンサート in 伊勢原</t>
  </si>
  <si>
    <t>子どもから大人までみんなで楽しめるとなりのトトロ・映画音楽・オーケストラの名曲を演奏する神奈川フィルハーモニー管弦楽団によるコンサート。</t>
  </si>
  <si>
    <t>公益財団法人 神奈川フィルハーモニー管弦楽団</t>
    <phoneticPr fontId="2"/>
  </si>
  <si>
    <t>神奈川フィルハーモニー管弦楽団と巡る県内オーケストラコンサート in 南足柄</t>
  </si>
  <si>
    <t>公益財団法人 神奈川フィルハーモニー管弦楽団</t>
  </si>
  <si>
    <t xml:space="preserve">C×Organ オルガン
パイプオルガンを訪ねる旅 </t>
  </si>
  <si>
    <t xml:space="preserve">神奈川県民ホールのオルガン・アドバイザー中田恵子による会場・地域のニーズに合わせたプログラムで入場無料の気軽に来場いただけるコンサート。
</t>
  </si>
  <si>
    <t>フェリス女学院大学
茅ヶ崎恵泉教会
秦野聖ルカ教会</t>
    <rPh sb="10" eb="13">
      <t>チガサキ</t>
    </rPh>
    <rPh sb="13" eb="15">
      <t>ケイセン</t>
    </rPh>
    <rPh sb="15" eb="17">
      <t>キョウカイ</t>
    </rPh>
    <rPh sb="18" eb="20">
      <t>ハダノ</t>
    </rPh>
    <rPh sb="20" eb="21">
      <t>セイ</t>
    </rPh>
    <rPh sb="23" eb="25">
      <t>キョウカイ</t>
    </rPh>
    <phoneticPr fontId="2"/>
  </si>
  <si>
    <t>C×JAZZ シー・バイ・ジャズ
壷阪健登×デューク・エリントン</t>
  </si>
  <si>
    <t>いま最も注目されている横浜出身の若手ジャズ作曲家・アーティスト壷阪健登がデューク・エリントンと対峙する。トリオ編成によりジャズの魅力を提供する。</t>
  </si>
  <si>
    <t>公益財団法人茅ヶ崎市文化・スポーツ振興財団</t>
  </si>
  <si>
    <t>C×Baroque シー・バイ・バロック
大塚直哉が誘うバロックの世界 Vol.5
“コンチェルト”と“ソナタ”
～バロックの申し子たちの成長とその先</t>
  </si>
  <si>
    <t>日本を代表するチェンバロ、オルガン、クラヴィコード奏者・大塚直哉の道案内で、150年に渡るバロック音楽の世界を探訪する全5回のコンサート・シリーズ。</t>
  </si>
  <si>
    <t>公益財団法人横浜市芸術文化振興財団</t>
  </si>
  <si>
    <t>カナガワ ポトガラヒー
出張浅田撮影局｜開成編／真鶴編</t>
  </si>
  <si>
    <t>家族写真をテーマに活躍し、映画『浅田家！』のモデルになった写真家の浅田政志が神奈川県内各地を訪れ、写真に残したい人、風景、町を撮影。今年度は開成町と真鶴町で開催。</t>
  </si>
  <si>
    <t>神奈川県石材協同組合
真鶴町漁業協同組合
開成町まちづくり情報特派員
開成町婦人会
神奈川県立吉田島高等学校
開成ジュニアアンサンブル
貴船まつり推進本部
開成町自治会（阿波おどり連）
特定非営利活動法人ディスカバーブルー
一般社団法人MMK（真鶴盛り上げよう会）
小田原文化サポーター</t>
  </si>
  <si>
    <t>All You Need is LOVE RIVER《愛川こそすべて》
〜THE BEATLES フリークがやって来るヤァヤァヤァ！</t>
    <phoneticPr fontId="2"/>
  </si>
  <si>
    <t>数ある音楽の中で豊かな歴史を築き、大作曲家や名曲を生んできたロック音楽の企画を新たに実施する。</t>
    <rPh sb="0" eb="1">
      <t>カズ</t>
    </rPh>
    <rPh sb="3" eb="5">
      <t>オンガク</t>
    </rPh>
    <rPh sb="6" eb="7">
      <t>ナカ</t>
    </rPh>
    <rPh sb="8" eb="9">
      <t>ユタ</t>
    </rPh>
    <rPh sb="11" eb="13">
      <t>レキシ</t>
    </rPh>
    <rPh sb="14" eb="15">
      <t>キズ</t>
    </rPh>
    <rPh sb="17" eb="18">
      <t>ダイ</t>
    </rPh>
    <rPh sb="18" eb="21">
      <t>サッキョクカ</t>
    </rPh>
    <rPh sb="22" eb="24">
      <t>メイキョク</t>
    </rPh>
    <rPh sb="25" eb="26">
      <t>ウ</t>
    </rPh>
    <rPh sb="33" eb="35">
      <t>オンガク</t>
    </rPh>
    <rPh sb="36" eb="38">
      <t>キカク</t>
    </rPh>
    <rPh sb="39" eb="40">
      <t>アラ</t>
    </rPh>
    <rPh sb="42" eb="44">
      <t>ジッシ</t>
    </rPh>
    <phoneticPr fontId="2"/>
  </si>
  <si>
    <t>愛川町文化会館事業協会</t>
    <phoneticPr fontId="2"/>
  </si>
  <si>
    <t>The Sixteen</t>
    <phoneticPr fontId="2"/>
  </si>
  <si>
    <t>世界中で非常に高い評価を得ているThe Sixteenを21年ぶりに招聘する。</t>
    <rPh sb="0" eb="3">
      <t>セカイジュウ</t>
    </rPh>
    <rPh sb="4" eb="6">
      <t>ヒジョウ</t>
    </rPh>
    <rPh sb="7" eb="8">
      <t>タカ</t>
    </rPh>
    <rPh sb="9" eb="11">
      <t>ヒョウカ</t>
    </rPh>
    <rPh sb="12" eb="13">
      <t>エ</t>
    </rPh>
    <rPh sb="30" eb="31">
      <t>ネン</t>
    </rPh>
    <rPh sb="34" eb="36">
      <t>ショウヘイ</t>
    </rPh>
    <phoneticPr fontId="2"/>
  </si>
  <si>
    <t>公益財団法人相模原市民文化財団</t>
    <phoneticPr fontId="2"/>
  </si>
  <si>
    <t>モーツァルト オペラ《羊飼いの王様》関連企画 第2弾
砂川涼子＆園田隆一郎 デュオ・コンサート
～モーツァルトを旅する午後～</t>
    <phoneticPr fontId="2"/>
  </si>
  <si>
    <t>11月藤沢市でのオペラ《羊飼いの王様》公演に登場する気鋭の指揮者・園田隆一郎と、日本が誇るプリマドンナ・砂川涼子が贈る珠玉のコンサート。</t>
    <phoneticPr fontId="2"/>
  </si>
  <si>
    <t>公益財団法人横須賀芸術文化財団</t>
    <phoneticPr fontId="2"/>
  </si>
  <si>
    <t>藤沢市民オペラ 連携事業 オペラシリーズ
モーツァルト オペラ《羊飼いの王様》全2幕
（演奏会形式／イタリア語上演・日本語字幕付）</t>
    <phoneticPr fontId="2"/>
  </si>
  <si>
    <t>今年初演からちょうど250年を迎えるモーツァルトのオペラ《羊飼いの王様》を初演時と同様演奏会形式にて上演する。</t>
    <rPh sb="37" eb="40">
      <t>ショエンジ</t>
    </rPh>
    <rPh sb="41" eb="43">
      <t>ドウヨウ</t>
    </rPh>
    <rPh sb="43" eb="46">
      <t>エンソウカイ</t>
    </rPh>
    <rPh sb="46" eb="48">
      <t>ケイシキ</t>
    </rPh>
    <rPh sb="50" eb="52">
      <t>ジョウエン</t>
    </rPh>
    <phoneticPr fontId="2"/>
  </si>
  <si>
    <t>公益財団法人藤沢市みらい創造財団</t>
    <phoneticPr fontId="2"/>
  </si>
  <si>
    <t>みらいサマースクール
神奈川県民ホールpresents
楽器体験</t>
    <rPh sb="11" eb="14">
      <t>カナガワ</t>
    </rPh>
    <rPh sb="14" eb="16">
      <t>ケンミン</t>
    </rPh>
    <rPh sb="28" eb="30">
      <t>ガッキ</t>
    </rPh>
    <rPh sb="30" eb="32">
      <t>タイケン</t>
    </rPh>
    <phoneticPr fontId="2"/>
  </si>
  <si>
    <t>神奈川フィルハーモニー管弦楽団メンバーによるトランペット・ホルン・トロンボーンの楽器体験。</t>
    <rPh sb="40" eb="42">
      <t>ガッキ</t>
    </rPh>
    <rPh sb="42" eb="44">
      <t>タイケン</t>
    </rPh>
    <phoneticPr fontId="2"/>
  </si>
  <si>
    <t>公益財団法人 神奈川フィルハーモニー管弦楽団
公益財団法人藤沢市みらい創造財団</t>
    <phoneticPr fontId="2"/>
  </si>
  <si>
    <t>神奈川フィルハーモニー管弦楽団定期演奏会</t>
    <phoneticPr fontId="2"/>
  </si>
  <si>
    <t>神奈川フィルハーモニー管弦楽団による演奏会を年数回実施。</t>
    <phoneticPr fontId="0" type="Hiragana"/>
  </si>
  <si>
    <t xml:space="preserve">公益財団法人 神奈川フィルハーモニー管弦楽団
</t>
  </si>
  <si>
    <t>第59回神奈川県美術展　巡回展</t>
    <phoneticPr fontId="0" type="Hiragana"/>
  </si>
  <si>
    <t>神奈川県民ホールから、県内の劇場を巡回する展示会。</t>
    <phoneticPr fontId="0" type="Hiragana"/>
  </si>
  <si>
    <t>公益財団法人鎌倉市芸術文化振興財団</t>
    <phoneticPr fontId="0" type="Hiragana"/>
  </si>
  <si>
    <t>神奈川県美術展60周年記念 受賞作家展
「これまでも、これからも」
中高生特別企画展</t>
    <phoneticPr fontId="0" type="Hiragana"/>
  </si>
  <si>
    <t>神奈川県美術展の60周年を記念し、これまでに輩出された多くの受賞作家たちの現在の活躍を紹介する展覧会を開催。あわせて県内の中高生を対象とする公募展「神奈川県美術展 中高生特別企画展」を実施する。会期中に県ゆかりのアーティストや美術関係者を交え、神奈川県美術展の将来像について語るトークイベントなどを開催する。会場は鎌倉芸術館ギャラリー</t>
    <phoneticPr fontId="0" type="Hiragana"/>
  </si>
  <si>
    <t>県内の女性コーラス団体による演奏会。</t>
    <phoneticPr fontId="0" type="Hiragana"/>
  </si>
  <si>
    <t>「音楽堂・おかあさんコーラス」実行委員会</t>
  </si>
  <si>
    <t>前川建築見学ツアー in 音楽堂</t>
  </si>
  <si>
    <t>前川國男設計による戦後モダニズム建築の傑作として評価される神奈川県立音楽堂の魅力を伝える見学会。</t>
    <phoneticPr fontId="0" type="Hiragana"/>
  </si>
  <si>
    <t>ボランティアグループ bridge</t>
  </si>
  <si>
    <t>神奈川フィルハーモニー管弦楽団定期演奏会</t>
    <rPh sb="0" eb="3">
      <t>カナガワ</t>
    </rPh>
    <rPh sb="11" eb="13">
      <t>カンゲン</t>
    </rPh>
    <rPh sb="13" eb="15">
      <t>ガクダン</t>
    </rPh>
    <rPh sb="15" eb="17">
      <t>テイキ</t>
    </rPh>
    <rPh sb="17" eb="20">
      <t>エンソウカイ</t>
    </rPh>
    <phoneticPr fontId="2"/>
  </si>
  <si>
    <t>公益財団法人 神奈川フィルハーモニー管弦楽団</t>
    <phoneticPr fontId="0" type="Hiragana"/>
  </si>
  <si>
    <t>神奈川フィルハーモニー管弦楽団演奏会のリハーサルを、小・中・高校生を対象に無料で公開。年数回実施。</t>
    <phoneticPr fontId="0" type="Hiragana"/>
  </si>
  <si>
    <t>神奈川県合唱連盟に加盟する合唱団による演奏。</t>
  </si>
  <si>
    <t xml:space="preserve">神奈川県合唱連盟
</t>
  </si>
  <si>
    <t xml:space="preserve">県内外の個人・団体・ジャンルを問わず、芸術舞踊の振興とレベルの向上を図ることを目的とする公演。
</t>
    <phoneticPr fontId="0" type="Hiragana"/>
  </si>
  <si>
    <t>公益社団法人神奈川県芸術舞踊協会</t>
  </si>
  <si>
    <t>音楽堂で続く三曲（箏（こと）、三味線（しゃみせん）尺八（しゃくはち））の演奏会。</t>
    <phoneticPr fontId="0" type="Hiragana"/>
  </si>
  <si>
    <t>神奈川県三曲会</t>
    <phoneticPr fontId="0" type="Hiragana"/>
  </si>
  <si>
    <t>横浜市内・神奈川県内に住む演奏家・舞台芸術家・オーケストラが結集し、県民の間にオペラフェスティバルを定着させ、横浜市・神奈川県の芸術資質を全国にアピールしている。</t>
    <phoneticPr fontId="0" type="Hiragana"/>
  </si>
  <si>
    <t>神奈川オペラフェスティバル実行委員会（NPO法人 横浜シティオペラ）</t>
    <phoneticPr fontId="2"/>
  </si>
  <si>
    <t>文化課（財団）</t>
    <phoneticPr fontId="0" type="Hiragana"/>
  </si>
  <si>
    <t>音楽堂シリーズ&lt;ClassicModern&gt;</t>
    <rPh sb="0" eb="3">
      <t>おんがくどう</t>
    </rPh>
    <phoneticPr fontId="0" type="Hiragana"/>
  </si>
  <si>
    <t>神奈川県ゆかりの若く才能ある音楽家を紹介する、神奈川フィルハーモニー管弦楽団による演奏会。</t>
    <phoneticPr fontId="0" type="Hiragana"/>
  </si>
  <si>
    <t>神奈川県合唱連盟に加盟する合唱団を中心とした演奏。</t>
    <phoneticPr fontId="0" type="Hiragana"/>
  </si>
  <si>
    <t>50年以上続く音楽堂伝統の演奏会</t>
    <phoneticPr fontId="2"/>
  </si>
  <si>
    <t>MUSIC DAY 2024　IN KANAGAWA</t>
    <phoneticPr fontId="0" type="Hiragana"/>
  </si>
  <si>
    <t>特定非営利活動法人芸術文化ワークス</t>
    <phoneticPr fontId="0" type="Hiragana"/>
  </si>
  <si>
    <t>紅葉坂プロジェクトVol.4</t>
    <rPh sb="0" eb="3">
      <t>モミジザカ</t>
    </rPh>
    <phoneticPr fontId="2"/>
  </si>
  <si>
    <t>令和６年に公募し採決された２団体による演奏会</t>
    <rPh sb="0" eb="2">
      <t>レイワ</t>
    </rPh>
    <rPh sb="3" eb="4">
      <t>ネン</t>
    </rPh>
    <rPh sb="5" eb="7">
      <t>コウボ</t>
    </rPh>
    <rPh sb="8" eb="10">
      <t>サイケツ</t>
    </rPh>
    <rPh sb="14" eb="16">
      <t>ダンタイ</t>
    </rPh>
    <rPh sb="19" eb="22">
      <t>エンソウカイ</t>
    </rPh>
    <phoneticPr fontId="2"/>
  </si>
  <si>
    <t xml:space="preserve">公益財団法人ロームミュージックファンデーション
公益財団野村財団
</t>
    <rPh sb="0" eb="2">
      <t>コウエキ</t>
    </rPh>
    <rPh sb="2" eb="6">
      <t>ザイダンホウジン</t>
    </rPh>
    <rPh sb="24" eb="28">
      <t>コウエキザイダン</t>
    </rPh>
    <rPh sb="28" eb="30">
      <t>ノムラ</t>
    </rPh>
    <rPh sb="30" eb="32">
      <t>ザイダン</t>
    </rPh>
    <phoneticPr fontId="2"/>
  </si>
  <si>
    <t>音楽堂ヘリテージ・コンサート</t>
    <rPh sb="0" eb="3">
      <t>オンガクドウ</t>
    </rPh>
    <phoneticPr fontId="2"/>
  </si>
  <si>
    <t xml:space="preserve">モーリス・ラヴェル生誕150年記念のジャン＝エフラム・ハウゼによるピアノリサイタル
</t>
    <rPh sb="9" eb="11">
      <t>セイタン</t>
    </rPh>
    <rPh sb="14" eb="15">
      <t>ネン</t>
    </rPh>
    <rPh sb="15" eb="17">
      <t>キネン</t>
    </rPh>
    <phoneticPr fontId="2"/>
  </si>
  <si>
    <t>在日フランス大使館／アンスティチュ・フランセ</t>
    <rPh sb="0" eb="2">
      <t>ザイニチ</t>
    </rPh>
    <rPh sb="6" eb="9">
      <t>タイシカン</t>
    </rPh>
    <phoneticPr fontId="2"/>
  </si>
  <si>
    <t>県立音楽堂の主な主催公演での手作り菓子・パン販売</t>
    <rPh sb="0" eb="2">
      <t>けんりつ</t>
    </rPh>
    <rPh sb="2" eb="5">
      <t>おんがくどう</t>
    </rPh>
    <rPh sb="6" eb="7">
      <t>おも</t>
    </rPh>
    <rPh sb="8" eb="10">
      <t>しゅさい</t>
    </rPh>
    <rPh sb="10" eb="12">
      <t>こうえん</t>
    </rPh>
    <rPh sb="14" eb="16">
      <t>てづく</t>
    </rPh>
    <rPh sb="17" eb="19">
      <t>かし</t>
    </rPh>
    <rPh sb="22" eb="24">
      <t>はんばい</t>
    </rPh>
    <phoneticPr fontId="0" type="Hiragana"/>
  </si>
  <si>
    <t>神奈川県内の福祉作業所スタッフによる手作りの焼き菓子やパンを、県立音楽堂の主な主催事業の際ホワイエで来場者サービスの一環として販売する。福祉作業所の選定あっせんは神奈川セルプセンターが行う。</t>
    <rPh sb="0" eb="3">
      <t>かながわ</t>
    </rPh>
    <rPh sb="3" eb="5">
      <t>けんない</t>
    </rPh>
    <rPh sb="6" eb="8">
      <t>ふくし</t>
    </rPh>
    <rPh sb="8" eb="10">
      <t>さぎょう</t>
    </rPh>
    <rPh sb="10" eb="11">
      <t>しょ</t>
    </rPh>
    <rPh sb="18" eb="20">
      <t>てづく</t>
    </rPh>
    <rPh sb="22" eb="23">
      <t>や</t>
    </rPh>
    <rPh sb="24" eb="26">
      <t>がし</t>
    </rPh>
    <rPh sb="31" eb="33">
      <t>けんりつ</t>
    </rPh>
    <rPh sb="33" eb="36">
      <t>おんがくどう</t>
    </rPh>
    <rPh sb="37" eb="38">
      <t>おも</t>
    </rPh>
    <rPh sb="39" eb="41">
      <t>しゅさい</t>
    </rPh>
    <rPh sb="41" eb="43">
      <t>じぎょう</t>
    </rPh>
    <rPh sb="44" eb="45">
      <t>さい</t>
    </rPh>
    <rPh sb="50" eb="53">
      <t>らいじょうしゃ</t>
    </rPh>
    <rPh sb="58" eb="60">
      <t>いっかん</t>
    </rPh>
    <rPh sb="63" eb="65">
      <t>はんばい</t>
    </rPh>
    <rPh sb="68" eb="70">
      <t>ふくし</t>
    </rPh>
    <rPh sb="70" eb="72">
      <t>さぎょう</t>
    </rPh>
    <rPh sb="72" eb="73">
      <t>しょ</t>
    </rPh>
    <rPh sb="74" eb="76">
      <t>せんてい</t>
    </rPh>
    <rPh sb="81" eb="84">
      <t>かながわ</t>
    </rPh>
    <rPh sb="92" eb="93">
      <t>おこな</t>
    </rPh>
    <phoneticPr fontId="0" type="Hiragana"/>
  </si>
  <si>
    <t>特定非営利活動法人神奈川セルプセンター、神奈川県内の福祉作業所</t>
    <rPh sb="0" eb="2">
      <t>トクテイ</t>
    </rPh>
    <rPh sb="2" eb="5">
      <t>ヒエイリ</t>
    </rPh>
    <rPh sb="5" eb="7">
      <t>カツドウ</t>
    </rPh>
    <rPh sb="7" eb="9">
      <t>ホウジン</t>
    </rPh>
    <rPh sb="9" eb="12">
      <t>カナガワ</t>
    </rPh>
    <rPh sb="20" eb="23">
      <t>カナガワ</t>
    </rPh>
    <rPh sb="23" eb="25">
      <t>ケンナイ</t>
    </rPh>
    <rPh sb="26" eb="28">
      <t>フクシ</t>
    </rPh>
    <rPh sb="28" eb="30">
      <t>サギョウ</t>
    </rPh>
    <rPh sb="30" eb="31">
      <t>ショ</t>
    </rPh>
    <phoneticPr fontId="2"/>
  </si>
  <si>
    <t>横浜・紅葉ケ丘まいらん （紅葉ケ丘公立文化施設５館連携事業）</t>
    <rPh sb="0" eb="2">
      <t>よこはま</t>
    </rPh>
    <rPh sb="3" eb="5">
      <t>もみじ</t>
    </rPh>
    <rPh sb="6" eb="7">
      <t>おか</t>
    </rPh>
    <rPh sb="13" eb="15">
      <t>もみじ</t>
    </rPh>
    <rPh sb="16" eb="17">
      <t>おか</t>
    </rPh>
    <rPh sb="17" eb="19">
      <t>こうりつ</t>
    </rPh>
    <rPh sb="19" eb="21">
      <t>ぶんか</t>
    </rPh>
    <rPh sb="21" eb="23">
      <t>しせつ</t>
    </rPh>
    <rPh sb="24" eb="25">
      <t>かん</t>
    </rPh>
    <rPh sb="25" eb="27">
      <t>れんけい</t>
    </rPh>
    <rPh sb="27" eb="29">
      <t>じぎょう</t>
    </rPh>
    <phoneticPr fontId="0" type="Hiragana"/>
  </si>
  <si>
    <t>紅葉ケ丘地域に設立された神奈川県立および横浜市立の公立文化施設による協働アクションでさんぽマップを発行。ＳＮＳ発信やスタンプラリー、グッズ配布、親子向けクイズイベント等を開催し、地域の魅力を発信する。</t>
    <rPh sb="0" eb="2">
      <t>もみじ</t>
    </rPh>
    <rPh sb="3" eb="4">
      <t>おか</t>
    </rPh>
    <rPh sb="4" eb="6">
      <t>ちいき</t>
    </rPh>
    <rPh sb="7" eb="9">
      <t>せつりつ</t>
    </rPh>
    <rPh sb="12" eb="16">
      <t>かながわけん</t>
    </rPh>
    <rPh sb="16" eb="17">
      <t>りつ</t>
    </rPh>
    <rPh sb="20" eb="24">
      <t>よこはましりつ</t>
    </rPh>
    <rPh sb="25" eb="27">
      <t>こうりつ</t>
    </rPh>
    <rPh sb="27" eb="29">
      <t>ぶんか</t>
    </rPh>
    <rPh sb="29" eb="31">
      <t>しせつ</t>
    </rPh>
    <rPh sb="34" eb="36">
      <t>きょうどう</t>
    </rPh>
    <rPh sb="49" eb="51">
      <t>はっこう</t>
    </rPh>
    <rPh sb="55" eb="57">
      <t>はっしん</t>
    </rPh>
    <rPh sb="69" eb="71">
      <t>はいふ</t>
    </rPh>
    <rPh sb="72" eb="74">
      <t>おやこ</t>
    </rPh>
    <rPh sb="74" eb="75">
      <t>む</t>
    </rPh>
    <rPh sb="83" eb="84">
      <t>とう</t>
    </rPh>
    <rPh sb="85" eb="87">
      <t>かいさい</t>
    </rPh>
    <rPh sb="89" eb="91">
      <t>ちいき</t>
    </rPh>
    <rPh sb="92" eb="94">
      <t>みりょく</t>
    </rPh>
    <rPh sb="95" eb="97">
      <t>はっしん</t>
    </rPh>
    <phoneticPr fontId="0" type="Hiragana"/>
  </si>
  <si>
    <t>紅葉ケ丘５館連携会議</t>
    <rPh sb="0" eb="2">
      <t>モミジ</t>
    </rPh>
    <rPh sb="3" eb="4">
      <t>オカ</t>
    </rPh>
    <rPh sb="5" eb="6">
      <t>カン</t>
    </rPh>
    <rPh sb="6" eb="8">
      <t>レンケイ</t>
    </rPh>
    <rPh sb="8" eb="10">
      <t>カイギ</t>
    </rPh>
    <phoneticPr fontId="2"/>
  </si>
  <si>
    <t>音楽堂アウトリーチ「先生のためのアウトリーチ」</t>
    <rPh sb="0" eb="3">
      <t>オンガクドウ</t>
    </rPh>
    <rPh sb="10" eb="12">
      <t>センセイ</t>
    </rPh>
    <phoneticPr fontId="2"/>
  </si>
  <si>
    <t>県内各地の小中学校教員や教育関係者の研究会対象に、音楽堂が音楽家などの専門講師を派遣し、音楽を楽しむ体験などのヒントとなるワークショップや研究会などを開催。</t>
    <rPh sb="0" eb="2">
      <t>ケンナイ</t>
    </rPh>
    <rPh sb="2" eb="4">
      <t>カクチ</t>
    </rPh>
    <rPh sb="5" eb="9">
      <t>ショウチュウガッコウ</t>
    </rPh>
    <rPh sb="9" eb="11">
      <t>キョウイン</t>
    </rPh>
    <rPh sb="12" eb="14">
      <t>キョウイク</t>
    </rPh>
    <rPh sb="14" eb="17">
      <t>カンケイシャ</t>
    </rPh>
    <rPh sb="18" eb="21">
      <t>ケンキュウカイ</t>
    </rPh>
    <rPh sb="21" eb="23">
      <t>タイショウ</t>
    </rPh>
    <rPh sb="25" eb="28">
      <t>オンガクドウ</t>
    </rPh>
    <rPh sb="29" eb="32">
      <t>オンガクカ</t>
    </rPh>
    <rPh sb="35" eb="37">
      <t>センモン</t>
    </rPh>
    <rPh sb="37" eb="39">
      <t>コウシ</t>
    </rPh>
    <rPh sb="40" eb="42">
      <t>ハケン</t>
    </rPh>
    <rPh sb="44" eb="46">
      <t>オンガク</t>
    </rPh>
    <rPh sb="47" eb="48">
      <t>タノ</t>
    </rPh>
    <rPh sb="50" eb="52">
      <t>タイケン</t>
    </rPh>
    <rPh sb="69" eb="72">
      <t>ケンキュウカイ</t>
    </rPh>
    <rPh sb="75" eb="77">
      <t>カイサイ</t>
    </rPh>
    <phoneticPr fontId="2"/>
  </si>
  <si>
    <t>横浜市教育委員会、相模原市教育委員会、川崎市教育委員会</t>
    <rPh sb="0" eb="3">
      <t>ヨコハマシ</t>
    </rPh>
    <rPh sb="3" eb="8">
      <t>キョウイクイインカイ</t>
    </rPh>
    <rPh sb="9" eb="13">
      <t>サガミハラシ</t>
    </rPh>
    <rPh sb="13" eb="15">
      <t>キョウイク</t>
    </rPh>
    <rPh sb="15" eb="18">
      <t>イインカイ</t>
    </rPh>
    <rPh sb="19" eb="22">
      <t>カワサキシ</t>
    </rPh>
    <rPh sb="22" eb="24">
      <t>キョウイク</t>
    </rPh>
    <rPh sb="24" eb="27">
      <t>イインカイ</t>
    </rPh>
    <phoneticPr fontId="2"/>
  </si>
  <si>
    <t>舞台芸術の関係者を中心に海外作品のショーケースやセミナー、会議等を行う。横浜市内の文化施設が協力して実施する。</t>
    <phoneticPr fontId="0" type="Hiragana"/>
  </si>
  <si>
    <t>横浜国際舞台芸術ミーティング実行委員会</t>
    <phoneticPr fontId="0" type="Hiragana"/>
  </si>
  <si>
    <t>TAK in KAAT（神奈川県演劇連盟プロデュース公演）</t>
    <phoneticPr fontId="2"/>
  </si>
  <si>
    <t>神奈川県の地で50年活動を続ける神奈川県演劇連盟が贈る、もう一つの演劇の形を提案する公演（提携公演）。</t>
    <phoneticPr fontId="0" type="Hiragana"/>
  </si>
  <si>
    <t>神奈川県演劇連盟</t>
  </si>
  <si>
    <t>横濱中華街「2026春節」イベントの一環として、「西遊記」をモチーフにしたランタンをアトリウムに展示。</t>
    <phoneticPr fontId="0" type="Hiragana"/>
  </si>
  <si>
    <t>クラウンパレード実行委員会</t>
    <phoneticPr fontId="0" type="Hiragana"/>
  </si>
  <si>
    <t>鑑賞サポート</t>
    <phoneticPr fontId="0" type="Hiragana"/>
  </si>
  <si>
    <t>神奈川芸術劇場の主催公演で、聴覚障がい者へのタブレット字幕提供などの鑑賞サポートを実施。</t>
    <phoneticPr fontId="0" type="Hiragana"/>
  </si>
  <si>
    <t>一般社団法人日本障害者舞台芸術協働機構</t>
  </si>
  <si>
    <t>KAAT舞台技術講座</t>
  </si>
  <si>
    <t>プロフェッショナルとして活動している舞台技術者・制作者が、専門分野を超えて視野を広げ、スキルアップするための場として、KAATが継続的に開催している講座。</t>
    <phoneticPr fontId="0" type="Hiragana"/>
  </si>
  <si>
    <t>公共劇場舞台技術者連絡会</t>
  </si>
  <si>
    <t>KAATキッズ・プログラム2025
「わたしたちをつなぐたび」「鏡の中の鏡」</t>
    <rPh sb="32" eb="33">
      <t>カガミ</t>
    </rPh>
    <rPh sb="34" eb="35">
      <t>ナカ</t>
    </rPh>
    <rPh sb="36" eb="37">
      <t>カガミ</t>
    </rPh>
    <phoneticPr fontId="2"/>
  </si>
  <si>
    <t>KAATとSPACで連携し、キッズ・プログラム２作品を同日上演する企画。子どもと大人が共に楽しめる演劇作品。</t>
    <rPh sb="10" eb="12">
      <t>レンケイ</t>
    </rPh>
    <rPh sb="24" eb="26">
      <t>サクヒン</t>
    </rPh>
    <rPh sb="27" eb="29">
      <t>ドウジツ</t>
    </rPh>
    <rPh sb="29" eb="31">
      <t>ジョウエン</t>
    </rPh>
    <rPh sb="33" eb="35">
      <t>キカク</t>
    </rPh>
    <rPh sb="49" eb="53">
      <t>エンゲキサクヒン</t>
    </rPh>
    <phoneticPr fontId="2"/>
  </si>
  <si>
    <t>公益財団法人静岡県舞台芸術センター</t>
    <phoneticPr fontId="2"/>
  </si>
  <si>
    <t>KAAT神奈川芸術劇場プロデュース
「最後のドン・キホーテ THE LAST REMAKE of Don Quixote」</t>
    <phoneticPr fontId="2"/>
  </si>
  <si>
    <t>ケラリーノ・サンドロヴィッチが約６年ぶりにKAATで新作を上演。神奈川芸術劇場から、全国の劇場を巡回する演劇公演。</t>
    <rPh sb="15" eb="16">
      <t>ヤク</t>
    </rPh>
    <rPh sb="17" eb="18">
      <t>ネン</t>
    </rPh>
    <rPh sb="26" eb="28">
      <t>シンサク</t>
    </rPh>
    <rPh sb="29" eb="31">
      <t>ジョウエン</t>
    </rPh>
    <phoneticPr fontId="2"/>
  </si>
  <si>
    <t>公益財団法人富山市民文化事業団
公益財団法人北九州市芸術文化振興財団</t>
    <rPh sb="0" eb="6">
      <t>コウエキザイダンホウジン</t>
    </rPh>
    <rPh sb="16" eb="20">
      <t>コウエキザイダン</t>
    </rPh>
    <rPh sb="20" eb="22">
      <t>ホウジン</t>
    </rPh>
    <phoneticPr fontId="2"/>
  </si>
  <si>
    <t>KAAT 神奈川芸術劇場プロデュース
『未練の幽霊と怪物―「珊瑚」「円山町」―』</t>
    <phoneticPr fontId="2"/>
  </si>
  <si>
    <t>国際的に活躍する演劇作家の岡田利規が、現存する世界最古の舞台芸術「能」に触発された音楽劇。神奈川芸術劇場から、全国の劇場を巡回する演劇公演。</t>
    <phoneticPr fontId="2"/>
  </si>
  <si>
    <t>公益財団法人兵庫県芸術文化協会
公益財団法人新潟市芸術文化振興財団
公益財団法人京都市音楽芸術文化振興財団</t>
    <phoneticPr fontId="2"/>
  </si>
  <si>
    <t>KAATカナガワ・ツアー・プロジェクト第三弾
「冒険者たち ～JOURNEY TO THE WEST～」
「帰ってきた冒険者たち ～闇に落ちたカナガワを救え！～」</t>
    <phoneticPr fontId="2"/>
  </si>
  <si>
    <t>長塚圭史芸術監督が作・演出し、神奈川県内の劇場を巡回する演劇公演。</t>
    <rPh sb="0" eb="2">
      <t>ナガツカ</t>
    </rPh>
    <rPh sb="2" eb="4">
      <t>ケイシ</t>
    </rPh>
    <rPh sb="4" eb="8">
      <t>ゲイジュツカントク</t>
    </rPh>
    <rPh sb="9" eb="10">
      <t>サク</t>
    </rPh>
    <rPh sb="11" eb="13">
      <t>エンシュツ</t>
    </rPh>
    <rPh sb="18" eb="20">
      <t>ケンナイ</t>
    </rPh>
    <phoneticPr fontId="2"/>
  </si>
  <si>
    <t>公益財団法人 横須賀芸術文化財団
公益財団法人 川崎市文化財団
鎌倉市芸術文化振興財団・国際ビルサービス共同事業体
公益財団法人 藤沢市みらい創造財団</t>
    <phoneticPr fontId="2"/>
  </si>
  <si>
    <t>まつもと市民芸術館プロデュース
「チェーホフを待ちながら」</t>
    <phoneticPr fontId="2"/>
  </si>
  <si>
    <t>まつもと市民芸術館がプロデュースする演劇公演。（提携公演）</t>
    <rPh sb="18" eb="22">
      <t>エンゲキコウエン</t>
    </rPh>
    <rPh sb="24" eb="28">
      <t>テイケイコウエン</t>
    </rPh>
    <phoneticPr fontId="2"/>
  </si>
  <si>
    <t>一般財団法人松本市芸術文化振興財団</t>
    <phoneticPr fontId="0" type="Hiragana"/>
  </si>
  <si>
    <t>瀬戸内サーカスファクトリー</t>
    <rPh sb="0" eb="3">
      <t>セトウチ</t>
    </rPh>
    <phoneticPr fontId="2"/>
  </si>
  <si>
    <t>現代サーカスのワークショップと公演。（共催公演）</t>
    <rPh sb="0" eb="2">
      <t>ゲンダイ</t>
    </rPh>
    <rPh sb="15" eb="17">
      <t>コウエン</t>
    </rPh>
    <rPh sb="19" eb="23">
      <t>キョウサイコウエン</t>
    </rPh>
    <phoneticPr fontId="2"/>
  </si>
  <si>
    <t>一般社団法人瀬戸内サーカスファクトリー</t>
    <rPh sb="0" eb="6">
      <t>イッパンシャダンホウジン</t>
    </rPh>
    <rPh sb="6" eb="9">
      <t>セトウチ</t>
    </rPh>
    <phoneticPr fontId="2"/>
  </si>
  <si>
    <t>第41回芸術舞踊展「アートダンスカナガワNo.13」</t>
    <rPh sb="0" eb="1">
      <t>ダイ</t>
    </rPh>
    <rPh sb="3" eb="4">
      <t>カイ</t>
    </rPh>
    <rPh sb="4" eb="6">
      <t>ゲイジュツ</t>
    </rPh>
    <rPh sb="6" eb="9">
      <t>ブヨウテン</t>
    </rPh>
    <phoneticPr fontId="2"/>
  </si>
  <si>
    <t>モダンダンスとクラシックバレエが共存する創作舞踊作品。（共催公演）</t>
    <rPh sb="22" eb="24">
      <t>ブヨウ</t>
    </rPh>
    <rPh sb="28" eb="32">
      <t>キョウサイコウエン</t>
    </rPh>
    <phoneticPr fontId="2"/>
  </si>
  <si>
    <t>一般社団法人神奈川県芸術舞踊協会</t>
    <rPh sb="0" eb="6">
      <t>イッパンシャダンホウジン</t>
    </rPh>
    <rPh sb="6" eb="10">
      <t>カナガワケン</t>
    </rPh>
    <rPh sb="10" eb="12">
      <t>ゲイジュツ</t>
    </rPh>
    <rPh sb="12" eb="16">
      <t>ブヨウキョウカイ</t>
    </rPh>
    <phoneticPr fontId="2"/>
  </si>
  <si>
    <t>KAAT人材育成プログラム
グリーンシアター・ワークショップ</t>
    <phoneticPr fontId="2"/>
  </si>
  <si>
    <t>環境配慮のためのガイドライン「シアター・グリーン・ブック」について学び、舞台芸術と環境を考えるワークショップ。</t>
    <phoneticPr fontId="2"/>
  </si>
  <si>
    <t>一般社団法人Image Nation Green</t>
    <phoneticPr fontId="2"/>
  </si>
  <si>
    <t>文化課（紅葉ケ丘駐在事務所）</t>
    <phoneticPr fontId="0" type="Hiragana"/>
  </si>
  <si>
    <t>演劇部お助け講座</t>
    <phoneticPr fontId="2"/>
  </si>
  <si>
    <t>中学校等で、演劇の指導方法、練習方法など日頃の活動に悩んでいる演劇部、演劇同好会等を対象に、専門的な指導者による実践的な講座を開催し、その成果をそれぞれの学校に持ち帰ることにより、演劇活動の支援をするとともに青少年の健全育成に資する。なお、青少年センターに来館することが困難な遠隔地の学校のために、アウトリーチ事業として開催する。</t>
    <rPh sb="155" eb="157">
      <t>ジギョウ</t>
    </rPh>
    <phoneticPr fontId="2"/>
  </si>
  <si>
    <t>特定非営利活動法人演劇百貨店</t>
    <phoneticPr fontId="2"/>
  </si>
  <si>
    <t>神奈川県中学校文化連盟演劇専門部会</t>
    <phoneticPr fontId="2"/>
  </si>
  <si>
    <t>観光課</t>
    <phoneticPr fontId="0" type="Hiragana"/>
  </si>
  <si>
    <t>地域観光振興事業費</t>
    <phoneticPr fontId="0" type="Hiragana"/>
  </si>
  <si>
    <t>かながわガイド協議会負担金</t>
    <phoneticPr fontId="0" type="Hiragana"/>
  </si>
  <si>
    <t>かながわガイド協議会</t>
    <phoneticPr fontId="0" type="Hiragana"/>
  </si>
  <si>
    <t>神奈川共同観光プロモーション負担金(県、市町村、各観光協会、民間事業者が連携して、「持続可能な観光」の観点を意識してプロモーションを行う。）</t>
    <phoneticPr fontId="0" type="Hiragana"/>
  </si>
  <si>
    <t>神奈川共同観光プロモーション実行委員会</t>
    <phoneticPr fontId="0" type="Hiragana"/>
  </si>
  <si>
    <t>観光課</t>
    <phoneticPr fontId="1" type="Hiragana"/>
  </si>
  <si>
    <t>地域観光振興事業費</t>
    <phoneticPr fontId="1" type="Hiragana"/>
  </si>
  <si>
    <t>神奈川県名菓展会負担金(菓子業界、県、観光協会で組織され、県内で味・意匠・技術等が特に優れた菓子をほう賞し、これを広く県民に紹介するとともに、新たな神奈川県銘菓の発掘を行う。）</t>
    <rPh sb="3" eb="4">
      <t>けん</t>
    </rPh>
    <rPh sb="4" eb="6">
      <t>めいか</t>
    </rPh>
    <rPh sb="6" eb="8">
      <t>てんかい</t>
    </rPh>
    <rPh sb="12" eb="14">
      <t>かし</t>
    </rPh>
    <rPh sb="14" eb="16">
      <t>ぎょうかい</t>
    </rPh>
    <rPh sb="17" eb="18">
      <t>けん</t>
    </rPh>
    <rPh sb="19" eb="21">
      <t>かんこう</t>
    </rPh>
    <rPh sb="21" eb="23">
      <t>きょうかい</t>
    </rPh>
    <rPh sb="24" eb="26">
      <t>そしき</t>
    </rPh>
    <rPh sb="74" eb="78">
      <t>かながわけん</t>
    </rPh>
    <rPh sb="84" eb="85">
      <t>おこな</t>
    </rPh>
    <phoneticPr fontId="1" type="Hiragana"/>
  </si>
  <si>
    <t>神奈川菓子コンクール実行委員会</t>
    <rPh sb="3" eb="5">
      <t>かし</t>
    </rPh>
    <phoneticPr fontId="1" type="Hiragana"/>
  </si>
  <si>
    <t>かながわＤＭＯ事業費補助</t>
    <phoneticPr fontId="0" type="Hiragana"/>
  </si>
  <si>
    <t>かながわ産品を一堂に集めたアンテナショップの設置及び運営事業。</t>
    <phoneticPr fontId="0" type="Hiragana"/>
  </si>
  <si>
    <t>公益社団法人　神奈川県観光協会</t>
    <phoneticPr fontId="0" type="Hiragana"/>
  </si>
  <si>
    <t>県外からの観光客の誘客や県内周遊を促進するため、公益社団法人観光協会が行う情報発信等に対する補助（インターネット等による情報提供、県全域の観光情報収集等）。</t>
    <phoneticPr fontId="0" type="Hiragana"/>
  </si>
  <si>
    <t>県産品の発掘・魅力発信や、物産展への出展、オンライン販売サイトの運営等を通じた観光ＰＲを行う事業に対して補助する。</t>
    <phoneticPr fontId="0" type="Hiragana"/>
  </si>
  <si>
    <t>かながわＤＭＯ事業費補助</t>
    <rPh sb="7" eb="10">
      <t>じぎょうひ</t>
    </rPh>
    <rPh sb="10" eb="12">
      <t>ほじょ</t>
    </rPh>
    <phoneticPr fontId="1" type="Hiragana"/>
  </si>
  <si>
    <t>魅力的な体験型ツアー及び神奈川県産品ギフトセットのふるさと納税返礼品を新たに開発するとともに、神奈川県への寄付を検討する寄附者に対する神奈川県の魅力のＰＲを強化する。</t>
    <rPh sb="0" eb="3">
      <t>みりょくてき</t>
    </rPh>
    <rPh sb="4" eb="7">
      <t>たいけんがた</t>
    </rPh>
    <rPh sb="10" eb="11">
      <t>およ</t>
    </rPh>
    <rPh sb="12" eb="16">
      <t>かながわけん</t>
    </rPh>
    <rPh sb="16" eb="18">
      <t>さんぴん</t>
    </rPh>
    <rPh sb="29" eb="31">
      <t>のうぜい</t>
    </rPh>
    <rPh sb="31" eb="33">
      <t>へんれい</t>
    </rPh>
    <rPh sb="33" eb="34">
      <t>ひん</t>
    </rPh>
    <rPh sb="35" eb="36">
      <t>あら</t>
    </rPh>
    <rPh sb="38" eb="40">
      <t>かいはつ</t>
    </rPh>
    <rPh sb="47" eb="51">
      <t>かながわけん</t>
    </rPh>
    <rPh sb="53" eb="55">
      <t>きふ</t>
    </rPh>
    <rPh sb="56" eb="58">
      <t>けんとう</t>
    </rPh>
    <rPh sb="60" eb="62">
      <t>きふ</t>
    </rPh>
    <rPh sb="62" eb="63">
      <t>しゃ</t>
    </rPh>
    <rPh sb="64" eb="65">
      <t>たい</t>
    </rPh>
    <rPh sb="67" eb="71">
      <t>かながわけん</t>
    </rPh>
    <rPh sb="72" eb="74">
      <t>みりょく</t>
    </rPh>
    <rPh sb="78" eb="80">
      <t>きょうか</t>
    </rPh>
    <phoneticPr fontId="1" type="Hiragana"/>
  </si>
  <si>
    <t>公益社団法人　神奈川県観光協会</t>
    <phoneticPr fontId="1" type="Hiragana"/>
  </si>
  <si>
    <t>「かながわ観光連携エリア」が主体的に行う連携エリア内の周遊を促進する取組等をより効果的に実施するため、取組の基盤となる戦略の構築や取組のPR等について、伴走支援を行う。</t>
    <phoneticPr fontId="1" type="Hiragana"/>
  </si>
  <si>
    <t>デスティネーションキャンペーン推進事業費</t>
    <phoneticPr fontId="0" type="Hiragana"/>
  </si>
  <si>
    <t>GREEN×EXPO2027を契機とした観光振興として、ＪＲと地域が共同で実施する「デスティネーションキャンペーン」を横浜市、公益社団法人神奈川県観光協会及び公益財団法人 横浜市観光協会と連携して行う。</t>
    <rPh sb="77" eb="78">
      <t>およ</t>
    </rPh>
    <phoneticPr fontId="0" type="Hiragana"/>
  </si>
  <si>
    <t>公益社団法人　神奈川県観光協会
公益財団法人 横浜市観光協会</t>
    <phoneticPr fontId="0" type="Hiragana"/>
  </si>
  <si>
    <t>横浜市</t>
    <phoneticPr fontId="2"/>
  </si>
  <si>
    <t>外国人観光客誘致広域連携事業費</t>
    <phoneticPr fontId="0" type="Hiragana"/>
  </si>
  <si>
    <t>善意通訳ガイド活動支援</t>
    <phoneticPr fontId="0" type="Hiragana"/>
  </si>
  <si>
    <t>神奈川SGGクラブ、小田原・箱根SGGクラブ</t>
    <phoneticPr fontId="0" type="Hiragana"/>
  </si>
  <si>
    <t>インバウンドの来県を促進し、観光消費額を向上させるため、かながわＤＭＯに一元的対応窓口機能（ランドオペレーター・コンベンションプランナーの役割）を実装し、戦略的かつ一貫性のある効果的なプロモーションを実施。</t>
    <phoneticPr fontId="0" type="Hiragana"/>
  </si>
  <si>
    <t>かながわＤＭＯ事業費補助(海外プロモーション推進事業費補助)</t>
    <rPh sb="13" eb="15">
      <t>かいがい</t>
    </rPh>
    <rPh sb="22" eb="24">
      <t>すいしん</t>
    </rPh>
    <phoneticPr fontId="1" type="Hiragana"/>
  </si>
  <si>
    <t>本県のターゲット国（中国、アメリカ、イギリス）において、観光レップを設置し、セールス、プロモーション、情報収集及び情報発信等を行うとともに、台湾において戦略的なプロモーションを行う。また、県の認知度向上及び外国人観光客の誘客を促進するため、ＳＮＳを活用したプロモーション等を行う。</t>
    <phoneticPr fontId="1" type="Hiragana"/>
  </si>
  <si>
    <t>スポーツ課</t>
    <phoneticPr fontId="0" type="Hiragana"/>
  </si>
  <si>
    <t>競技スポーツ振興事業費</t>
    <phoneticPr fontId="0" type="Hiragana"/>
  </si>
  <si>
    <t>市町村等からの要望を受け、スポーツ教室等に「かながわアスリートネットワーク」メンバーの派遣等を通して、本県のスポーツ振興を図る。</t>
    <phoneticPr fontId="0" type="Hiragana"/>
  </si>
  <si>
    <t>かながわアスリートネットワーク</t>
    <phoneticPr fontId="0" type="Hiragana"/>
  </si>
  <si>
    <t>各市町村スポーツ主管課</t>
    <phoneticPr fontId="0" type="Hiragana"/>
  </si>
  <si>
    <t>国民スポーツ大会等関連事業費</t>
    <phoneticPr fontId="0" type="Hiragana"/>
  </si>
  <si>
    <t>競技スポーツの普及・振興を図るため、国民スポーツ大会・関東ブロック大会等への県選手団(役員、選手及び監督)の派遣等を実施する。</t>
    <phoneticPr fontId="0" type="Hiragana"/>
  </si>
  <si>
    <t>公益財団法人神奈川県スポーツ協会</t>
    <phoneticPr fontId="0" type="Hiragana"/>
  </si>
  <si>
    <t>高齢者スポーツ推進事業費</t>
    <phoneticPr fontId="0" type="Hiragana"/>
  </si>
  <si>
    <t>高齢者の日ごろの健康づくり、スポーツ活動等の成果を発表する機会を提供し、高齢者の社会参画、健康、生きがいづくりを支援する。</t>
    <phoneticPr fontId="0" type="Hiragana"/>
  </si>
  <si>
    <t>県民スポーツ月間推進事業費</t>
    <phoneticPr fontId="0" type="Hiragana"/>
  </si>
  <si>
    <t>スポーツ体験教室等のイベント実施や、施設の無料開放等、県民がスポーツに親しむきっかけづくりとなる各種事業を実施する。ＮＰＯ等はスポーツ体験教室や各種関連事業を実施する。
　</t>
    <phoneticPr fontId="0" type="Hiragana"/>
  </si>
  <si>
    <t>特定非営利活動法人神奈川県レクリエーション協会
かながわアスリートネットワーク
総合型地域スポーツクラブ(NPO法人格のスポーツクラブ、一般社団法人格のスポーツクラブ)
公益財団法人神奈川県スポーツ協会
一般社団法人神奈川県総合型スポーツクラブネットワーク</t>
    <phoneticPr fontId="0" type="Hiragana"/>
  </si>
  <si>
    <t>かながわレクリエーション大会負担事業</t>
    <phoneticPr fontId="0" type="Hiragana"/>
  </si>
  <si>
    <t>本県の生涯スポーツを推進するため、県レクリエーション協会に加盟する団体が一堂に会して開催する「かながわレクリエーション大会」の運営支援を行う。</t>
    <phoneticPr fontId="0" type="Hiragana"/>
  </si>
  <si>
    <t>特定非営利活動法人神奈川県レクリエーション協会</t>
    <phoneticPr fontId="0" type="Hiragana"/>
  </si>
  <si>
    <t>県レクリエーション協会加盟各団体</t>
    <phoneticPr fontId="0" type="Hiragana"/>
  </si>
  <si>
    <t>レクリエーション指導者の派遣</t>
    <phoneticPr fontId="0" type="Hiragana"/>
  </si>
  <si>
    <t>レクリエーション指導者を派遣し、高齢者を対象とした健康・体力つくりや、子どもと親子や高齢者が共に参加できるような世代間交流イベントを実施する。</t>
    <phoneticPr fontId="0" type="Hiragana"/>
  </si>
  <si>
    <t>障害者スポーツ普及推進事業費（神奈川県障害者スポーツ振興事業委託）</t>
    <phoneticPr fontId="0" type="Hiragana"/>
  </si>
  <si>
    <t>公益財団法人神奈川県身体障害者連合会</t>
    <phoneticPr fontId="0" type="Hiragana"/>
  </si>
  <si>
    <t>かながわパラスポーツ推進強化事業費（学校や地域資源を活用した障がい者スポーツの環境整備）</t>
    <phoneticPr fontId="0" type="Hiragana"/>
  </si>
  <si>
    <t>特別支援学校の施設を活用して、定期的にスポーツ教室等を開催する。</t>
    <phoneticPr fontId="0" type="Hiragana"/>
  </si>
  <si>
    <t>かながわパラスポーツ推進事業費</t>
    <phoneticPr fontId="0" type="Hiragana"/>
  </si>
  <si>
    <t>障がい児、医療的ケア児が楽しめるスポーツ・芸術・文化の体験</t>
    <phoneticPr fontId="0" type="Hiragana"/>
  </si>
  <si>
    <t>スポーツ観戦、映画や音楽鑑賞などの体験機会が制約されている障がい児、医療的ケア児とその家族等に体験する機会を提供することで、子どもたちの可能性を広げるとともに、共生社会の実現に向けた意識の醸成を図る。</t>
    <phoneticPr fontId="0" type="Hiragana"/>
  </si>
  <si>
    <t>スポーツセンター</t>
  </si>
  <si>
    <t>生涯スポーツ推進事業費
スポーツコミュニケーションデー</t>
    <phoneticPr fontId="0" type="Hiragana"/>
  </si>
  <si>
    <t>行政と総合型クラブ等が連携して行う地域スポーツの活性化及びスポーツ活動を通じた地域コミュニケーションの活性化のためのスポーツイベントを開催する。</t>
    <phoneticPr fontId="0" type="Hiragana"/>
  </si>
  <si>
    <t xml:space="preserve">城下町スポーツクラブ
</t>
    <phoneticPr fontId="0" type="Hiragana"/>
  </si>
  <si>
    <t xml:space="preserve">生涯スポーツ推進事業費
ＫＳＮ交流会
</t>
    <phoneticPr fontId="0" type="Hiragana"/>
  </si>
  <si>
    <t>県内総合型クラブのネットワーク強化及び認知度の向上につながるような、交流会を開催する。</t>
    <phoneticPr fontId="0" type="Hiragana"/>
  </si>
  <si>
    <t>一般社団法人神奈川県総合型スポーツクラブネットワーク（KSN)</t>
    <phoneticPr fontId="0" type="Hiragana"/>
  </si>
  <si>
    <t>スポーツセンター</t>
    <phoneticPr fontId="0" type="Hiragana"/>
  </si>
  <si>
    <t>障害者スポーツ普及推進事業費（神奈川県ゆうあいピック大会補助）</t>
    <phoneticPr fontId="0" type="Hiragana"/>
  </si>
  <si>
    <t>障がい者スポーツの団体競技の大会である神奈川県ゆうあいピック大会の開催に係る経費等の一部を補助する。</t>
    <phoneticPr fontId="0" type="Hiragana"/>
  </si>
  <si>
    <t>県精神障害者スポーツ大会開催事業</t>
    <phoneticPr fontId="0" type="Hiragana"/>
  </si>
  <si>
    <t>精神障がい者にスポーツに参加する機会を提供するとともに、精神障がい者の社会参加を推進するため、精神障害者スポーツ大会を開催する。</t>
    <phoneticPr fontId="0" type="Hiragana"/>
  </si>
  <si>
    <t>一般財団法人かながわパラスポーツ協会</t>
  </si>
  <si>
    <t>障害者スポーツサポーター養成事業</t>
    <phoneticPr fontId="0" type="Hiragana"/>
  </si>
  <si>
    <t>障がい者スポーツに対する理解を促進し、障害者スポーツの振興を図るため、障害者スポーツサポーターを養成する。</t>
    <phoneticPr fontId="0" type="Hiragana"/>
  </si>
  <si>
    <t>かながわパラスポーツ推進強化事業費</t>
    <phoneticPr fontId="0" type="Hiragana"/>
  </si>
  <si>
    <t>「かながわパラスポーツ」のさらなる普及のため、県立スポーツセンターを活用し、障がい者がスポーツを継続するきっかけづくりのための環境整備を進める。</t>
    <phoneticPr fontId="0" type="Hiragana"/>
  </si>
  <si>
    <t>神奈川県立スポーツセンター障害者スポーツ定着化事業</t>
    <phoneticPr fontId="0" type="Hiragana"/>
  </si>
  <si>
    <t>障害者が日常的にスポーツを楽しめる社会の実現に向け、県の障がい者スポーツの牽引役となりうる県内障がい者スポーツ団体との協力を得て、障がい者スポーツの定着化を図る。</t>
    <phoneticPr fontId="0" type="Hiragana"/>
  </si>
  <si>
    <t>脱炭素戦略本部室</t>
  </si>
  <si>
    <t>地域向け脱炭素普及啓発業務</t>
  </si>
  <si>
    <t>地域における脱炭素に関する普及啓発活動の支援</t>
  </si>
  <si>
    <t>一般社団法人環境政策対話研究所</t>
    <rPh sb="0" eb="1">
      <t>いち</t>
    </rPh>
    <phoneticPr fontId="0" type="Hiragana"/>
  </si>
  <si>
    <t>環境情報提供・相談業務</t>
  </si>
  <si>
    <t>環境全般に関する相談への対応、環境活動へのアドバイス、環境情報の収集及び発信</t>
  </si>
  <si>
    <t>（特非）かながわアジェンダ推進センター</t>
  </si>
  <si>
    <t>地域主導再生可能エネルギー事業費補助に係る収益納付</t>
  </si>
  <si>
    <t>地域のNPO法人や中小企業者等が県内で資金調達し、県内の施工業者等を活用する再生可能エネルギー発電事業について、その初期投資費用の一部を補助した。（平成29年度終了事業）
補助を受けた再生可能エネルギー発電事業について、売電収入を得た翌年度以降に毎年度、売電収入の一部を一定期間納付する。</t>
  </si>
  <si>
    <t>特定非営利活動法人原発ゼロ市民共同かわさき発電所</t>
  </si>
  <si>
    <t>環境課</t>
    <phoneticPr fontId="0" type="Hiragana"/>
  </si>
  <si>
    <t>環境・エネルギー学校派遣事業</t>
    <phoneticPr fontId="0" type="Hiragana"/>
  </si>
  <si>
    <t>環境・エネルギー等に関して豊富な知識・経験を有する方を講師として県内の学校に派遣し、体験型の授業を実施する。</t>
    <phoneticPr fontId="0" type="Hiragana"/>
  </si>
  <si>
    <t>資源循環推進課　</t>
    <phoneticPr fontId="0" type="Hiragana"/>
  </si>
  <si>
    <t>海岸清掃事業</t>
    <phoneticPr fontId="0" type="Hiragana"/>
  </si>
  <si>
    <t>公益財団法人かながわ海岸美化財団では、ＮＰＯ等と連携・協力し、海岸清掃活動や各種美化キャンペーン事業を実施するとともに、ＮＰＯ等への支援として、清掃用具の貸出しや清掃後のごみ回収等を行っている。県は、一部の美化キャンペーン事業について後援している。</t>
    <phoneticPr fontId="0" type="Hiragana"/>
  </si>
  <si>
    <t>公益財団法人かながわ海岸美化財団</t>
  </si>
  <si>
    <t>かながわ環境整備センター管理用地における緑地管理作業</t>
  </si>
  <si>
    <t>県（かながわ環境整備センター）の管理地の適正な維持管理や、そこに生息する動植物の保全を図るために、NPO法人の協力申出に基づき、緑地管理作業を行っている。</t>
  </si>
  <si>
    <t>ＮＰＯ法人三浦半島生物多様性保全</t>
  </si>
  <si>
    <t>自然環境保全課</t>
    <phoneticPr fontId="0" type="Hiragana"/>
  </si>
  <si>
    <t>トラスト運動事業費補助</t>
    <phoneticPr fontId="0" type="Hiragana"/>
  </si>
  <si>
    <t>小網代の森の維持管理・環境整備・植物等の調査活動・普及啓発活動・環境学習活動をNPOが主体となって行う。</t>
    <phoneticPr fontId="0" type="Hiragana"/>
  </si>
  <si>
    <t>NPO法人小網代野外活動調整会議</t>
    <phoneticPr fontId="0" type="Hiragana"/>
  </si>
  <si>
    <t>久田緑地の維持管理・環境整備・植物等の調査活動・普及啓発活動・環境学習活動を行う。</t>
  </si>
  <si>
    <t>久田緑地くらぶ</t>
    <phoneticPr fontId="0" type="Hiragana"/>
  </si>
  <si>
    <t>桜ヶ丘緑地の維持管理・環境整備・植生調査活動を行う。</t>
  </si>
  <si>
    <t>桜ヶ丘・水辺のある森再生プロジェクト</t>
    <phoneticPr fontId="0" type="Hiragana"/>
  </si>
  <si>
    <t>鳥獣保護指導推進費（野生動物救護活動に関する支援事業）</t>
    <phoneticPr fontId="0" type="Hiragana"/>
  </si>
  <si>
    <t>野生動物リハビリテーター資格認定制度づくりのための検討委員会を設置して、リハビリテーターの育成を行う。</t>
    <phoneticPr fontId="0" type="Hiragana"/>
  </si>
  <si>
    <t>NPO法人野生動物救護獣医師協会神奈川支部</t>
    <phoneticPr fontId="0" type="Hiragana"/>
  </si>
  <si>
    <t>二子山山系自然保護協働事業</t>
    <phoneticPr fontId="0" type="Hiragana"/>
  </si>
  <si>
    <t>団体、行政、企業が協働して、二子山山系の自然の維持管理を行うとともに、緑地保全、人材育成、調査研究などの事業を実施する。</t>
    <phoneticPr fontId="0" type="Hiragana"/>
  </si>
  <si>
    <t>二子山山系自然保護協議会</t>
    <phoneticPr fontId="0" type="Hiragana"/>
  </si>
  <si>
    <t>西武鉄道㈱、大和ハウス工業㈱、葉山町</t>
    <phoneticPr fontId="0" type="Hiragana"/>
  </si>
  <si>
    <t>小網代の森における環境保全活動</t>
    <phoneticPr fontId="0" type="Hiragana"/>
  </si>
  <si>
    <t>団体、行政が協働して、小網代近郊緑地特別保全地区内において、湿地の回復及び保全活動等を行う。</t>
    <phoneticPr fontId="0" type="Hiragana"/>
  </si>
  <si>
    <t>NPO法人小網代野外活動調整会議</t>
  </si>
  <si>
    <t>三浦市</t>
    <phoneticPr fontId="0" type="Hiragana"/>
  </si>
  <si>
    <t>水源環境保全課</t>
  </si>
  <si>
    <t>市民事業等支援費</t>
    <phoneticPr fontId="0" type="Hiragana"/>
  </si>
  <si>
    <t>第４期かながわ水源環境保全・再生実行５か年計画に基づき、水源環境保全・再生に係る県民主体の取組の推進を図るため、NPO等による水源環境保全・再生を目的とした活動に財政的な支援を行う。</t>
    <phoneticPr fontId="0" type="Hiragana"/>
  </si>
  <si>
    <t>特定非営利活動法人 ファームパーク湘南
南足柄市森林ボランティア協議会
ＮＰＯ法人おだわらイノシカネット
特定非営利活動法人東海大学地域環境ネットワーク</t>
    <phoneticPr fontId="0" type="Hiragana"/>
  </si>
  <si>
    <t>桂川・相模川流域協議会事業</t>
    <phoneticPr fontId="2"/>
  </si>
  <si>
    <t xml:space="preserve">上流の桂川を含めた相模川の流域環境保全に取り組むための神奈川、山梨両県の共同の仕組みとして設立した市民、事業者、行政による「桂川･相模川流域協議会」において、行動計画である「アジェンダ21桂川･相模川」に基づく流域環境保全活動を流域市町村･事業者･市民等と一体となって推進する。
</t>
  </si>
  <si>
    <t>帝京科学大学フィールドミュージアムOPEN AIR LAB
相模川ｷｬﾝﾌﾟｲﾝｼﾝﾎﾟｼﾞｳﾑ
鳩川・縄文の谷戸の会
あいかわ自然ネットワーク
NPO法人くらし・つながる森里川海
NPO法人海の森・山の森事務局
NPO法人ふるさと環境市民</t>
    <phoneticPr fontId="0" type="Hiragana"/>
  </si>
  <si>
    <t>シチズンファインデバイス㈱
桂川漁業協同組合
山英建設㈱
東京電力リニューアブルパワー㈱甲府営業所
生活共同組合パルシステム山梨
北都留森林組合
堀内電気㈱
南都留森林組合
山梨県環境整備事業協同組合
笹一酒造㈱
旭ファイバーグラス㈱湘南工場
ＪＸ金属㈱倉見工場
共生食品㈱
さがみはら津久井郡森林組合
神奈川県治水砂防協会
(財)かながわ海岸美化財団
(財)神奈川県下水道公社
(財)宮ヶ瀬ダム周辺振興財団
神奈川県企業庁企業局利水電気部利水課
神奈川県企業庁企業局水道部浄水課
横浜市水道局
川崎市上下水道局
横須賀市上下水道局
神奈川県内広域水道企業団
全水道神奈川県支部
相模原の環境をよくする会
(株)ワコーグリーン</t>
    <phoneticPr fontId="0" type="Hiragana"/>
  </si>
  <si>
    <t>県民との協働による森林づくり実行委員会</t>
    <phoneticPr fontId="2"/>
  </si>
  <si>
    <t>水源の森林づくり事業に対する県民の理解と参加を促進するため、各種イベントの企画・立案などを行う。</t>
    <phoneticPr fontId="0" type="Hiragana"/>
  </si>
  <si>
    <t>特定非営利活動法人かながわ森林インストラクターの会
南足柄緑の少年団
相模原市みどりの少年団
公益財団法人かながわトラストみどり財団</t>
    <phoneticPr fontId="2"/>
  </si>
  <si>
    <t>農政課（大船フラワーセンター）</t>
    <phoneticPr fontId="0" type="Hiragana"/>
  </si>
  <si>
    <t>大船フラワーセンター指定管理費</t>
    <phoneticPr fontId="0" type="Hiragana"/>
  </si>
  <si>
    <t>ボランタリー団体の協力により、各種展示会、セミナー等を実施し、多岐にわたる園芸知識の普及向上を図る。(指定管理者：アメニス大船フラワーセンターグループ)</t>
    <phoneticPr fontId="0" type="Hiragana"/>
  </si>
  <si>
    <t>農地課</t>
    <phoneticPr fontId="0" type="Hiragana"/>
  </si>
  <si>
    <t>認定協定活動団体支援事業費補助</t>
    <phoneticPr fontId="0" type="Hiragana"/>
  </si>
  <si>
    <t>認定里地里山活動協定に係る活動団体が、当該協定に基づいて行う里地里山の保全等活動に対し、市町村が補助するのに要する経費を助成する。</t>
  </si>
  <si>
    <t>美しい久野里地里山協議会、
「小松・城北」里山をまもる会、
表丹沢菩提里山づくりの会、
里山をよみがえらせる会、
五本松・原花咲く里山協議会、
石川丸山ホタル保存会、
矢倉沢里地里山会、
波多川四十八瀬を愛する会、
堀西里地里山保全地域を守る会、
蓑毛里地里山保全地域を守る会、
七沢里山づくりの会、
曽我山応援隊、
中丸の里山を守る会、
黒川里地里山保全会、
内山里地里山の会、
荻野三つ沢の里山を守る会、
NPO法人里山ネット・あつぎ、寄ロウバイの会、
NPO法人ゆめのシステムプロジェクト、
土佐原桜の会、
飯山農楽校、
みどりと清流のふるさと創造委員会、
特定非営利活動法人　篠原の里</t>
    <phoneticPr fontId="0" type="Hiragana"/>
  </si>
  <si>
    <t>かながわホームファーマー事業</t>
    <phoneticPr fontId="0" type="Hiragana"/>
  </si>
  <si>
    <t>耕作されなくなった農地を県が土地所有者から借り受けて復旧した後、市民農園として整備し、意欲ある県民を対象に貸し出す事業。この農園の復旧や整備及び巡回指導を委託する。</t>
    <phoneticPr fontId="0" type="Hiragana"/>
  </si>
  <si>
    <t>中山間地域等農業活性化支援事業費補助</t>
    <phoneticPr fontId="0" type="Hiragana"/>
  </si>
  <si>
    <t>耕作放棄地の増加等により、多面的機能の低下が特に懸念されている中山間地域等において、農業生産の維持を図りつつ多面的機能を確保するため、協定に基づき農業生産活動等を行う農業者等に対し、市町村が補助するのに要する経費を補助する。</t>
    <phoneticPr fontId="0" type="Hiragana"/>
  </si>
  <si>
    <t>久野南舟原集落協定、高尾集落協定、中央集落協定、川西平山集落協定、透間集落協定、向山集落協定、日向集落協定、内川せき棚田の会集落協定</t>
    <phoneticPr fontId="0" type="Hiragana"/>
  </si>
  <si>
    <t>多面的機能支払事業推進費</t>
    <phoneticPr fontId="0" type="Hiragana"/>
  </si>
  <si>
    <t>集落などを単位として設立された活動組織が、市町村に認定を受けた農業資源の保全に関する地域ぐるみでの効果の高い共同活動に要する経費に対し、市町村が補助するのに要する経費を補助する。</t>
    <phoneticPr fontId="0" type="Hiragana"/>
  </si>
  <si>
    <t>豊田の里を守る会、
城所の環境向上協力隊、
金旭の郷を守る会、
根方の水を守る会、
西俣野環境保全向上の会、
うつもちの里保全の会、
早川の自然を楽しむ会、
梅の郷環境保全会、
石橋のふるさとを守る会、
千代の農村環境を守り育てる会、
永塚環境保全会、
東大友環境保全会、
東栢山の水田を守る会、
上曽我ほ場管理活動組織、
曽比城北地域資源保全会、
西大友環境保全会、
初声・仲田元屋敷地区農地・水・環境保全会、
松輪地区農地・水・環境保全会、
菊名地区農地・水・環境保全会、
毘沙門地区農地・水・環境保全会、
金田地区農地・水・環境保全会、
諸磯小網代地区農地・水・環境保全会、
三戸地区農地・水・環境保全会、
鶴巻の田園環境を育む会、
厚木愛川水土里会、
下和田水路等管理組合、
伊勢原市ふるさと大田を守り楽しむ会、
あしがらの農地環境を守る会、
牛久保用水水と緑の会、
早川吉岡農地保全会、深谷川水土里会</t>
    <phoneticPr fontId="0" type="Hiragana"/>
  </si>
  <si>
    <t>水産課</t>
    <phoneticPr fontId="0" type="Hiragana"/>
  </si>
  <si>
    <t>内水面漁場回復調査研究事業費</t>
    <phoneticPr fontId="0" type="Hiragana"/>
  </si>
  <si>
    <t>カワウの飛来数調査などを行い、カワウの動向を把握する。また、県カワウ対策協議会を開催して、関係者による被害防除対策の進め方等の検討を行う。</t>
  </si>
  <si>
    <t>(一財）神奈川県内水面漁業振興会、（公財）日本野鳥の会神奈川支部、神奈川野生動物サポートネットワーク</t>
    <phoneticPr fontId="0" type="Hiragana"/>
  </si>
  <si>
    <t>厚木市、相模原市、箱根町、相模川漁業協同組合連合会、川崎河川漁業協同組合、酒匂川漁業協同組合、早川河川漁業協同組合、芦之湖漁業協同組合、湯河原観光漁業協同組合</t>
    <phoneticPr fontId="0" type="Hiragana"/>
  </si>
  <si>
    <t>水産業運営費補助</t>
    <phoneticPr fontId="0" type="Hiragana"/>
  </si>
  <si>
    <t>アユの遡上期である春季とアユ産卵期である秋季に、花火等で追い払い等を行うことにより、カワウによる被害の低減を図る事業を補助する。</t>
    <phoneticPr fontId="0" type="Hiragana"/>
  </si>
  <si>
    <t>(一財）神奈川県内水面漁業振興会</t>
    <phoneticPr fontId="0" type="Hiragana"/>
  </si>
  <si>
    <t>漁場環境保全活動支援事業費</t>
    <phoneticPr fontId="0" type="Hiragana"/>
  </si>
  <si>
    <t>漁業者などが行う自主的な海の環境保全活動を支援し、漁場環境の維持保全活動の効果的な展開を図る。</t>
    <phoneticPr fontId="0" type="Hiragana"/>
  </si>
  <si>
    <t>神奈川県地域協議会、長井町漁協地区食害生物除去活動組織、湘南漁協佐島支所食害生物除去活動組織、城ヶ島藻場保全活動組織、諸磯藻場保全活動組織、葉山アマモ協議会、JOFIクリーンオーシャンプロジェクト活動組織、鎌倉漁師とインクルージョン協議会、江ノ島・フィッシャーマンズ・プロジェクト、小田原藻場再生活動組織</t>
    <phoneticPr fontId="0" type="Hiragana"/>
  </si>
  <si>
    <t>横須賀市、三浦市、葉山町、鎌倉市、藤沢市、小田原市</t>
    <phoneticPr fontId="0" type="Hiragana"/>
  </si>
  <si>
    <t>あゆ種苗生産委託事業費</t>
    <phoneticPr fontId="0" type="Hiragana"/>
  </si>
  <si>
    <t>あゆ種苗を安定供給するために県が実施してきたあゆ種苗生産業務を委託し、生産された種苗を河川放流や養殖等の種苗として有償配布することにより、内水面漁業・養殖業の振興に役立てる。</t>
  </si>
  <si>
    <t>水産業福祉連携推進事業費</t>
    <phoneticPr fontId="0" type="Hiragana"/>
  </si>
  <si>
    <t>水産業福祉連携の推進を通じて、障がい者のみならず、高齢者や生活困窮者なども含めた幅広い福祉人材を新たな水産業の担い手として確保するとともに、付加価値をつけていくことで水産業収入の向上を図り、担い手の就業継続、定着化を促進し、漁村コミュニティの立て直し、地域の活性化を図る。</t>
    <phoneticPr fontId="0" type="Hiragana"/>
  </si>
  <si>
    <t>認定NPO法人藤沢市民活動推進機構、NPO法人湘南NPOサポートセンター</t>
    <phoneticPr fontId="0" type="Hiragana"/>
  </si>
  <si>
    <t>水産技術センター内水面試験場</t>
    <phoneticPr fontId="0" type="Hiragana"/>
  </si>
  <si>
    <t>地域課題研究費</t>
    <phoneticPr fontId="0" type="Hiragana"/>
  </si>
  <si>
    <t>・ヤマメ、カワウ及び外来種の調査について、関係の団体と協力する。
・淡水魚等の水生生物の分布・生態調査を淡水魚の保護活動を行っている団体と協力して行う。
･水域ビオトープの復元
を関係団体と協力して行う。</t>
    <phoneticPr fontId="0" type="Hiragana"/>
  </si>
  <si>
    <t>環境科学センター</t>
    <phoneticPr fontId="0" type="Hiragana"/>
  </si>
  <si>
    <t>夏休み子ども環境体験教室</t>
    <phoneticPr fontId="0" type="Hiragana"/>
  </si>
  <si>
    <t>小学生を対象に、大気や水環境などに係る工作や実験等の体験を通じ、環境保全意識の醸成を図る。</t>
    <phoneticPr fontId="0" type="Hiragana"/>
  </si>
  <si>
    <t>ＮＰＯ法人神奈川県環境学習リーダー会</t>
    <phoneticPr fontId="0" type="Hiragana"/>
  </si>
  <si>
    <t>自然環境保全センター</t>
    <phoneticPr fontId="0" type="Hiragana"/>
  </si>
  <si>
    <t>丹沢大山保全対策県民参加促進事業費
(丹沢大山ボランティアネットワーク)</t>
    <phoneticPr fontId="0" type="Hiragana"/>
  </si>
  <si>
    <t>丹沢大山で自然環境保全活動を実施しているNPO等が自主的に連携し、行政とのパートナーシップのもとで活動の推進を図るための情報提供をする。</t>
    <phoneticPr fontId="0" type="Hiragana"/>
  </si>
  <si>
    <t>丹沢大山保全対策県民参加促進事業費
(丹沢の緑を育む集い)</t>
    <phoneticPr fontId="0" type="Hiragana"/>
  </si>
  <si>
    <t>丹沢大山自然環境保全対策の一環として、丹沢大山地域における県民参加による自然環境保全活動を実施、支援する。</t>
    <phoneticPr fontId="0" type="Hiragana"/>
  </si>
  <si>
    <t>丹沢の緑を育む集い実行委員会
（ＮＰＯ法人丹沢自然保護協会、丹沢大山ボランティアネットワーク）</t>
    <phoneticPr fontId="0" type="Hiragana"/>
  </si>
  <si>
    <t>(公財)かながわトラストみどり財団、(公財)神奈川県公園協会、秦野市、清川村</t>
    <phoneticPr fontId="0" type="Hiragana"/>
  </si>
  <si>
    <t>丹沢大山保全・再生対策事業費</t>
    <phoneticPr fontId="0" type="Hiragana"/>
  </si>
  <si>
    <t>丹沢大山国定公園内の公園歩道の維持管理補修等をNPO等県民との協働により実施する。</t>
    <phoneticPr fontId="0" type="Hiragana"/>
  </si>
  <si>
    <t>NPO法人みろく山の会
丹沢山小屋組合
神奈川県自然公園指導員連絡会
神奈川県山岳連盟</t>
    <phoneticPr fontId="0" type="Hiragana"/>
  </si>
  <si>
    <t>自然環境保全センター研修等事業費</t>
    <phoneticPr fontId="0" type="Hiragana"/>
  </si>
  <si>
    <t>自然環境の保全再生に関する資料展示、研修、指導等を行い、県民の理解促進を図る。（県民向け観察会、指導者向け研修会の開催）</t>
    <phoneticPr fontId="0" type="Hiragana"/>
  </si>
  <si>
    <t>NPO法人かながわフィールドスタッフクラブ、グリーンタフ七沢、みずきの会、谷戸っ子</t>
    <phoneticPr fontId="0" type="Hiragana"/>
  </si>
  <si>
    <t>自然公園施設維持管理費</t>
    <phoneticPr fontId="0" type="Hiragana"/>
  </si>
  <si>
    <t>丹沢大山国定公園を中心とする山岳地帯及びその周辺地域の自然を美しく保存し、健全なレクリエーションの場として良好な環境保全に寄与するため、ゴミ持ち帰り運動を推進する。</t>
    <phoneticPr fontId="0" type="Hiragana"/>
  </si>
  <si>
    <t>傷病鳥獣保護業務</t>
    <phoneticPr fontId="0" type="Hiragana"/>
  </si>
  <si>
    <t>　当センターに保護された野生動物の世話や救護動物を介したデータ解析・環境教育・普及啓発活動を実施する野生動物救護ボランティアの育成を行う。</t>
    <phoneticPr fontId="0" type="Hiragana"/>
  </si>
  <si>
    <t>NPO法人野生動物救護の会、（公社）神奈川県獣医師会</t>
    <phoneticPr fontId="0" type="Hiragana"/>
  </si>
  <si>
    <t>丹沢大山保全対策県民参加促進事業費</t>
    <phoneticPr fontId="0" type="Hiragana"/>
  </si>
  <si>
    <t>丹沢大山の自然環境の保全・再生のための県等の事業の点検・評価及び広報・普及啓発事業、調査事業を行う。</t>
    <phoneticPr fontId="0" type="Hiragana"/>
  </si>
  <si>
    <t>丹沢大山自然再生委員会</t>
    <phoneticPr fontId="0" type="Hiragana"/>
  </si>
  <si>
    <t>共生推進本部室</t>
    <phoneticPr fontId="0" type="Hiragana"/>
  </si>
  <si>
    <t>人権施策推進費</t>
    <phoneticPr fontId="0" type="Hiragana"/>
  </si>
  <si>
    <t xml:space="preserve">県民または企業向けに性的マイノリティについての理解の促進を図ることを目的とした研修会・講演会等を実施する。
</t>
    <phoneticPr fontId="0" type="Hiragana"/>
  </si>
  <si>
    <t>ＮＰＯ法人 SHIP</t>
    <phoneticPr fontId="0" type="Hiragana"/>
  </si>
  <si>
    <t>人権啓発推進費補助</t>
    <phoneticPr fontId="0" type="Hiragana"/>
  </si>
  <si>
    <t>県民への人権啓発活動を行う団体に対して補助する。</t>
    <phoneticPr fontId="0" type="Hiragana"/>
  </si>
  <si>
    <t>国連NGO　横浜国際人権センター</t>
    <phoneticPr fontId="0" type="Hiragana"/>
  </si>
  <si>
    <t>神奈川県人権擁護委員連合会の人権尊重思想の普及活動等に対して補助する。</t>
    <phoneticPr fontId="0" type="Hiragana"/>
  </si>
  <si>
    <t>神奈川県人権擁護委員連合会</t>
    <phoneticPr fontId="0" type="Hiragana"/>
  </si>
  <si>
    <t xml:space="preserve">特定非営利活動法人　かながわ女のスペースみずら
特定非営利活動法人　かながわ外国人すまいサポートセンター
NPO法人在日外国人教育生活相談センター・信愛塾
神奈川県障害者運動団体連絡会
特定非営利活動法人さざなみ会　神奈川精神医療人権センター
</t>
    <phoneticPr fontId="2"/>
  </si>
  <si>
    <t>性的マイノリティ当事者や関係機関への直接的な支援として、性的マイノリティに関する派遣型個別専門相談とピアサポート相談事業を行う。</t>
    <phoneticPr fontId="0" type="Hiragana"/>
  </si>
  <si>
    <t>女性への暴力等一時保護事業</t>
    <phoneticPr fontId="0" type="Hiragana"/>
  </si>
  <si>
    <t>民間団体へ県有財産を無償で貸し付け、暴力等被害女性のための一時保護施設を運営する。</t>
    <phoneticPr fontId="0" type="Hiragana"/>
  </si>
  <si>
    <t>非公表</t>
    <phoneticPr fontId="0" type="Hiragana"/>
  </si>
  <si>
    <t>困難女性支援団体補助事業費</t>
    <rPh sb="0" eb="6">
      <t>こんなんじょせいしえん</t>
    </rPh>
    <rPh sb="6" eb="8">
      <t>だんたい</t>
    </rPh>
    <rPh sb="8" eb="10">
      <t>ほじょ</t>
    </rPh>
    <rPh sb="10" eb="13">
      <t>じぎょうひ</t>
    </rPh>
    <phoneticPr fontId="0" type="Hiragana"/>
  </si>
  <si>
    <t>配偶者等暴力被害者等の自立を促進するための事業に取組む民間団体に補助する。</t>
    <phoneticPr fontId="0" type="Hiragana"/>
  </si>
  <si>
    <t>農福連携マッチング等支援事業</t>
    <phoneticPr fontId="0" type="Hiragana"/>
  </si>
  <si>
    <t>障がい者の日中活動の場の充実や農業分野での就労機会の確保及び工賃向上を図るとともに、農業の担い手の確保のほか、障がい者が生涯を通じて活躍できるまちづくりのため、NPOが担う事業企画などコーディネート経費へのスタートアップ支援を行う。</t>
    <phoneticPr fontId="0" type="Hiragana"/>
  </si>
  <si>
    <t>ＮＰＯ法人湘南ＮＰＯサポートセンター
認定ＮＰＯ法人藤沢市民活動推進機構</t>
    <phoneticPr fontId="0" type="Hiragana"/>
  </si>
  <si>
    <t>JA湘南、JAさがみ、JAあつぎ、JA県央愛川エリア</t>
    <rPh sb="19" eb="21">
      <t>けんおう</t>
    </rPh>
    <rPh sb="21" eb="23">
      <t>あいかわ</t>
    </rPh>
    <phoneticPr fontId="0" type="Hiragana"/>
  </si>
  <si>
    <t>セーフティネット補助金</t>
    <phoneticPr fontId="0" type="Hiragana"/>
  </si>
  <si>
    <t>神奈川県内における行政と民間が連携した配偶者暴力被害者等支援の充実を図るため、県及び県内市町村（指定都市を除く。以下同じ。）が、配偶者からの暴力被害者等を支援する民間シェルター等の行う先進的な取組に要する経費に対し、交付金を交付する。</t>
    <phoneticPr fontId="0" type="Hiragana"/>
  </si>
  <si>
    <t>かながわボランタリー活動基金21令和7年度協働事業負担金</t>
    <rPh sb="10" eb="12">
      <t>かつどう</t>
    </rPh>
    <rPh sb="12" eb="14">
      <t>ききん</t>
    </rPh>
    <rPh sb="16" eb="18">
      <t>れいわ</t>
    </rPh>
    <rPh sb="19" eb="21">
      <t>ねんど</t>
    </rPh>
    <rPh sb="21" eb="23">
      <t>きょうどう</t>
    </rPh>
    <rPh sb="23" eb="25">
      <t>じぎょう</t>
    </rPh>
    <rPh sb="25" eb="28">
      <t>ふたんきん</t>
    </rPh>
    <phoneticPr fontId="0" type="Hiragana"/>
  </si>
  <si>
    <t>令和7年度実施協働事業負担金にて、困難な問題を抱える女性の早期発見から自立までの切れ目のない支援強化事業、男性や性的マイノリティのＤＶ被害者への支援事業を実施する。</t>
    <rPh sb="0" eb="2">
      <t>れいわ</t>
    </rPh>
    <rPh sb="3" eb="5">
      <t>ねんど</t>
    </rPh>
    <rPh sb="5" eb="7">
      <t>じっし</t>
    </rPh>
    <rPh sb="7" eb="9">
      <t>きょうどう</t>
    </rPh>
    <rPh sb="9" eb="11">
      <t>じぎょう</t>
    </rPh>
    <rPh sb="11" eb="14">
      <t>ふたんきん</t>
    </rPh>
    <rPh sb="17" eb="19">
      <t>こんなん</t>
    </rPh>
    <rPh sb="20" eb="22">
      <t>もんだい</t>
    </rPh>
    <rPh sb="23" eb="24">
      <t>かか</t>
    </rPh>
    <rPh sb="26" eb="28">
      <t>じょせい</t>
    </rPh>
    <rPh sb="29" eb="31">
      <t>そうき</t>
    </rPh>
    <rPh sb="31" eb="33">
      <t>はっけん</t>
    </rPh>
    <rPh sb="35" eb="37">
      <t>じりつ</t>
    </rPh>
    <rPh sb="40" eb="41">
      <t>き</t>
    </rPh>
    <rPh sb="42" eb="43">
      <t>め</t>
    </rPh>
    <rPh sb="46" eb="48">
      <t>しえん</t>
    </rPh>
    <rPh sb="48" eb="50">
      <t>きょうか</t>
    </rPh>
    <rPh sb="50" eb="52">
      <t>じぎょう</t>
    </rPh>
    <rPh sb="53" eb="55">
      <t>だんせい</t>
    </rPh>
    <rPh sb="56" eb="58">
      <t>せいてき</t>
    </rPh>
    <rPh sb="67" eb="70">
      <t>ひがいしゃ</t>
    </rPh>
    <rPh sb="72" eb="74">
      <t>しえん</t>
    </rPh>
    <rPh sb="74" eb="76">
      <t>じぎょう</t>
    </rPh>
    <rPh sb="77" eb="79">
      <t>じっし</t>
    </rPh>
    <phoneticPr fontId="0" type="Hiragana"/>
  </si>
  <si>
    <t>共生の場創出事業費</t>
    <phoneticPr fontId="0" type="Hiragana"/>
  </si>
  <si>
    <t>新たに誰もが気軽に参加できる余暇活動を中心とした共生の場を創出することで、若者や子どもを中心に障がいに対する理解の促進を図る。</t>
    <phoneticPr fontId="0" type="Hiragana"/>
  </si>
  <si>
    <t>障がい者文化芸術普及支援事業費</t>
    <rPh sb="0" eb="1">
      <t>しょう</t>
    </rPh>
    <rPh sb="3" eb="4">
      <t>しゃ</t>
    </rPh>
    <rPh sb="4" eb="6">
      <t>ぶんか</t>
    </rPh>
    <rPh sb="6" eb="8">
      <t>げいじゅつ</t>
    </rPh>
    <rPh sb="8" eb="10">
      <t>ふきゅう</t>
    </rPh>
    <rPh sb="10" eb="12">
      <t>しえん</t>
    </rPh>
    <rPh sb="12" eb="14">
      <t>じぎょう</t>
    </rPh>
    <rPh sb="14" eb="15">
      <t>ひ</t>
    </rPh>
    <phoneticPr fontId="0" type="Hiragana"/>
  </si>
  <si>
    <t>「ともに生きる社会かながわ憲章」の理念をより反映させたかながわ県らしい展覧会を実施する。</t>
    <rPh sb="4" eb="5">
      <t>い</t>
    </rPh>
    <rPh sb="7" eb="9">
      <t>しゃかい</t>
    </rPh>
    <phoneticPr fontId="0" type="Hiragana"/>
  </si>
  <si>
    <t>NPO法人studioFLAT、NPO法人ハイテンション</t>
    <phoneticPr fontId="0" type="Hiragana"/>
  </si>
  <si>
    <t>ジョイン・クリエイティブマネジメント株式会社、社会福祉法人アール・ド・ヴィーヴル、社会福祉法人かれん、社会福祉法人 翔の会</t>
  </si>
  <si>
    <t>共生の場の創出</t>
    <phoneticPr fontId="0" type="Hiragana"/>
  </si>
  <si>
    <t>障がい者を含むあらゆる世代が喜びを実感できる地域共生社会を体感できる場を創出することを目的に、「インクルーシブビーチクリーンwith鎌倉海藻ポーク」を実施する。</t>
    <phoneticPr fontId="0" type="Hiragana"/>
  </si>
  <si>
    <t>鎌倉漁師とインクルージョン協議会</t>
    <phoneticPr fontId="0" type="Hiragana"/>
  </si>
  <si>
    <t>当事者目線の障害福祉普及啓発事業費</t>
    <phoneticPr fontId="0" type="Hiragana"/>
  </si>
  <si>
    <t>当事者目線の障がい福祉の取組や実践に向けた課題、その解決策等について、神奈川県や他自治体の事例も交えて議論し、全国に発信するため「当事者目線の権利擁護支援全国フォーラムin神奈川」を実施する。</t>
    <phoneticPr fontId="0" type="Hiragana"/>
  </si>
  <si>
    <t>一般社団法人　全国権利擁護支援ネットワーク</t>
    <phoneticPr fontId="0" type="Hiragana"/>
  </si>
  <si>
    <t>意思決定支援普及・定着事業</t>
    <phoneticPr fontId="0" type="Hiragana"/>
  </si>
  <si>
    <t>障害福祉サービス事業所の職員等が、意思決定支援ガイドラインの内容等を現場で実践するとともに指導できるよう、同ガイドラインの理解促進を図り、当事者中心の意思決定支援のプロセス等を学ぶ研修を実施する。</t>
    <phoneticPr fontId="0" type="Hiragana"/>
  </si>
  <si>
    <t>特定非営利活動法人かながわ障がいケアマネジメント従事者ネットワーク</t>
    <phoneticPr fontId="0" type="Hiragana"/>
  </si>
  <si>
    <t>次世代育成課</t>
    <phoneticPr fontId="0" type="Hiragana"/>
  </si>
  <si>
    <t>子育て支援情報サービスかながわ</t>
  </si>
  <si>
    <t>県の運営するホームページ「子育て支援情報サービスかながわ」において、ＮＰＯ、企業、行政等の子ども・子育て支援に関する各種情報を発信し、子育て家庭を支援するとともに、地域ぐるみで子ども・子育て支援に取り組む機運の醸成を図る。_x000D_　　　　　　　　</t>
  </si>
  <si>
    <t>公益社団法人かながわ福祉サービス振興会</t>
    <phoneticPr fontId="0" type="Hiragana"/>
  </si>
  <si>
    <t>かながわこどものみらい応援団</t>
    <phoneticPr fontId="2"/>
  </si>
  <si>
    <t>神奈川県こども目線の施策推進条例に基づき、県民、地域団体、事業者、行政機関等の協働により、こども・子育て支援を目指した県民運動を展開する推進母体として、令和７年４月１日に県内の関係団体・個人で構成する「かながわこどものみらい応援団（※）」を設立した。
※子ども・子育て支援に関する施策の総合的かつ広域的な推進を図るための「神奈川県子ども・子育て支援推進協議会（平成19年10月設置）」と、困難な環境にある子どもたちをはじめとした、すべての子どもたちを社会全体で支援する機運を醸成するための「かながわ子どものみらい応援団（平成29年11月発足）」を再編・統合</t>
    <phoneticPr fontId="0" type="Hiragana"/>
  </si>
  <si>
    <t>特定認定非営利活動法人神奈川子ども未来ファンド、特定非営利活動法人かながわ女性会議、特定非営利活動法人葉山っ子すくすくパラダイス他</t>
    <phoneticPr fontId="0" type="Hiragana"/>
  </si>
  <si>
    <t>神奈川県町村会、神奈川県弁護士会他</t>
    <phoneticPr fontId="0" type="Hiragana"/>
  </si>
  <si>
    <t>かながわ版父子手帳「パパノミカタ」</t>
    <phoneticPr fontId="0" type="Hiragana"/>
  </si>
  <si>
    <t>父親育児支援情報サイトのコンテンツの拡充及び、普及啓発を実施する。</t>
    <phoneticPr fontId="0" type="Hiragana"/>
  </si>
  <si>
    <t>次世代育成課</t>
  </si>
  <si>
    <t>保育関係団体補助事業費</t>
  </si>
  <si>
    <t>保育関係者の資質の向上、保育内容の充実を図る。</t>
  </si>
  <si>
    <t>一般社団法人神奈川県保育会
公益社団法人神奈川県医師会</t>
  </si>
  <si>
    <t>―</t>
  </si>
  <si>
    <t>保育園等における食物アレルギー事故発生防止事業</t>
  </si>
  <si>
    <t>園児にわかる言葉で食物アレルギーを伝え、食物アレルギーの正しい理解と協力が得られる啓発教材を制作する。</t>
  </si>
  <si>
    <t>NPO法人ピアサポートF.A.cafe</t>
  </si>
  <si>
    <t>LINE公式アカウント「かながわ子育てパーソナルサポート」</t>
    <phoneticPr fontId="0" type="Hiragana"/>
  </si>
  <si>
    <t>子育てに関する情報を必要としている方に、わかりやすくタイムリーにお届けするため、スマートフォンのコミュニケーションアプリ「LINE」を活用し、子育て世帯に対し子育て支援情報を発信する。</t>
    <phoneticPr fontId="0" type="Hiragana"/>
  </si>
  <si>
    <t>次世代育成課</t>
    <rPh sb="0" eb="6">
      <t>ジセダイイクセイカ</t>
    </rPh>
    <phoneticPr fontId="2"/>
  </si>
  <si>
    <t>子ども食堂持続化支援事業</t>
    <rPh sb="0" eb="1">
      <t>コ</t>
    </rPh>
    <rPh sb="3" eb="5">
      <t>ショクドウ</t>
    </rPh>
    <rPh sb="5" eb="7">
      <t>ジゾク</t>
    </rPh>
    <rPh sb="7" eb="8">
      <t>カ</t>
    </rPh>
    <rPh sb="8" eb="10">
      <t>シエン</t>
    </rPh>
    <rPh sb="10" eb="12">
      <t>ジギョウ</t>
    </rPh>
    <phoneticPr fontId="2"/>
  </si>
  <si>
    <t>食の支援のみならず、子どもの居場所としてもニーズが高まっている子ども食堂支援のため、県域の中間支援団体に寄付を希望する企業とのマッチングを行う人物を配置し、寄附物品の受入れに係る物流、保管場所等の課題解決を図り、子ども食堂の持続可能な体制づくりを進める。</t>
    <rPh sb="0" eb="1">
      <t>ショク</t>
    </rPh>
    <rPh sb="2" eb="4">
      <t>シエン</t>
    </rPh>
    <rPh sb="10" eb="11">
      <t>コ</t>
    </rPh>
    <rPh sb="14" eb="17">
      <t>イバショ</t>
    </rPh>
    <rPh sb="25" eb="26">
      <t>タカ</t>
    </rPh>
    <rPh sb="31" eb="32">
      <t>コ</t>
    </rPh>
    <rPh sb="34" eb="36">
      <t>ショクドウ</t>
    </rPh>
    <rPh sb="36" eb="38">
      <t>シエン</t>
    </rPh>
    <rPh sb="42" eb="44">
      <t>ケンイキ</t>
    </rPh>
    <rPh sb="45" eb="49">
      <t>チュウカンシエン</t>
    </rPh>
    <rPh sb="49" eb="51">
      <t>ダンタイ</t>
    </rPh>
    <rPh sb="52" eb="54">
      <t>キフ</t>
    </rPh>
    <rPh sb="55" eb="57">
      <t>キボウ</t>
    </rPh>
    <rPh sb="59" eb="61">
      <t>キギョウ</t>
    </rPh>
    <rPh sb="69" eb="70">
      <t>オコナ</t>
    </rPh>
    <rPh sb="71" eb="73">
      <t>ジンブツ</t>
    </rPh>
    <rPh sb="74" eb="76">
      <t>ハイチ</t>
    </rPh>
    <rPh sb="78" eb="82">
      <t>キフブッピン</t>
    </rPh>
    <rPh sb="83" eb="85">
      <t>ウケイ</t>
    </rPh>
    <rPh sb="87" eb="88">
      <t>カカ</t>
    </rPh>
    <rPh sb="89" eb="91">
      <t>ブツリュウ</t>
    </rPh>
    <rPh sb="92" eb="94">
      <t>ホカン</t>
    </rPh>
    <rPh sb="94" eb="96">
      <t>バショ</t>
    </rPh>
    <rPh sb="96" eb="97">
      <t>トウ</t>
    </rPh>
    <rPh sb="98" eb="100">
      <t>カダイ</t>
    </rPh>
    <rPh sb="100" eb="102">
      <t>カイケツ</t>
    </rPh>
    <rPh sb="103" eb="104">
      <t>ハカ</t>
    </rPh>
    <rPh sb="106" eb="107">
      <t>コ</t>
    </rPh>
    <rPh sb="109" eb="111">
      <t>ショクドウ</t>
    </rPh>
    <rPh sb="112" eb="114">
      <t>ジゾク</t>
    </rPh>
    <rPh sb="114" eb="116">
      <t>カノウ</t>
    </rPh>
    <rPh sb="117" eb="119">
      <t>タイセイ</t>
    </rPh>
    <rPh sb="123" eb="124">
      <t>スス</t>
    </rPh>
    <phoneticPr fontId="2"/>
  </si>
  <si>
    <t>神奈川こども食堂・地域食堂ネットワーク</t>
    <rPh sb="0" eb="3">
      <t>カナガワ</t>
    </rPh>
    <rPh sb="6" eb="8">
      <t>ショクドウ</t>
    </rPh>
    <rPh sb="9" eb="13">
      <t>チイキショクドウ</t>
    </rPh>
    <phoneticPr fontId="2"/>
  </si>
  <si>
    <t>子ども食堂情報発信力強化事業</t>
    <rPh sb="0" eb="1">
      <t>コ</t>
    </rPh>
    <rPh sb="3" eb="5">
      <t>ショクドウ</t>
    </rPh>
    <rPh sb="5" eb="7">
      <t>ジョウホウ</t>
    </rPh>
    <rPh sb="7" eb="12">
      <t>ハッシンリョクキョウカ</t>
    </rPh>
    <rPh sb="12" eb="14">
      <t>ジギョウ</t>
    </rPh>
    <phoneticPr fontId="2"/>
  </si>
  <si>
    <t>県内のどこに住んでいても周辺の子ども食堂の情報にアクセスできる環境を整備するため、県内の子ども食堂の内容等を調査するとともに、県のポータルサイトで検索可能な情報として発信する。</t>
    <rPh sb="0" eb="1">
      <t>ケン</t>
    </rPh>
    <rPh sb="1" eb="2">
      <t>ナイ</t>
    </rPh>
    <rPh sb="6" eb="7">
      <t>ス</t>
    </rPh>
    <rPh sb="12" eb="14">
      <t>シュウヘン</t>
    </rPh>
    <rPh sb="15" eb="16">
      <t>コ</t>
    </rPh>
    <rPh sb="18" eb="20">
      <t>ショクドウ</t>
    </rPh>
    <rPh sb="21" eb="23">
      <t>ジョウホウ</t>
    </rPh>
    <rPh sb="31" eb="33">
      <t>カンキョウ</t>
    </rPh>
    <rPh sb="34" eb="36">
      <t>セイビ</t>
    </rPh>
    <rPh sb="41" eb="43">
      <t>ケンナイ</t>
    </rPh>
    <rPh sb="44" eb="45">
      <t>コ</t>
    </rPh>
    <rPh sb="47" eb="49">
      <t>ショクドウ</t>
    </rPh>
    <rPh sb="50" eb="52">
      <t>ナイヨウ</t>
    </rPh>
    <rPh sb="52" eb="53">
      <t>トウ</t>
    </rPh>
    <rPh sb="54" eb="56">
      <t>チョウサ</t>
    </rPh>
    <rPh sb="63" eb="64">
      <t>ケン</t>
    </rPh>
    <rPh sb="73" eb="75">
      <t>ケンサク</t>
    </rPh>
    <rPh sb="75" eb="77">
      <t>カノウ</t>
    </rPh>
    <rPh sb="78" eb="80">
      <t>ジョウホウ</t>
    </rPh>
    <rPh sb="83" eb="85">
      <t>ハッシン</t>
    </rPh>
    <phoneticPr fontId="2"/>
  </si>
  <si>
    <t>子ども家庭課</t>
    <phoneticPr fontId="0" type="Hiragana"/>
  </si>
  <si>
    <t>ふれあい心の友訪問援助事業</t>
    <phoneticPr fontId="0" type="Hiragana"/>
  </si>
  <si>
    <t>ひきこもこりや不登校等の児童の兄・姉に相当する世代を中心に、児童福祉に理解と熱意を有する大学生等を、支援を要する児童の家庭等に派遣し、ふれあい交流を図る。</t>
    <phoneticPr fontId="0" type="Hiragana"/>
  </si>
  <si>
    <t>メンタルフレンド</t>
    <phoneticPr fontId="0" type="Hiragana"/>
  </si>
  <si>
    <t>青少年課</t>
    <phoneticPr fontId="0" type="Hiragana"/>
  </si>
  <si>
    <t>子ども支援活動地域サポート推進事業</t>
    <phoneticPr fontId="0" type="Hiragana"/>
  </si>
  <si>
    <t>子どもたちの健やかな育ちを社会全体で支える地域づくりを進めるため、「ピンクシャツデーin神奈川～いじめストップ！～」などのイベントを通じ、多様性を認め合う大切さを積極的に発信し、子どもや若者が生きる喜びと未来への希望を育める地域社会になることを目指す。</t>
    <phoneticPr fontId="0" type="Hiragana"/>
  </si>
  <si>
    <t>ＮＰＯ法人 神奈川子ども未来ファンド</t>
    <phoneticPr fontId="0" type="Hiragana"/>
  </si>
  <si>
    <t>地域活動人材育成事業費補助</t>
    <phoneticPr fontId="0" type="Hiragana"/>
  </si>
  <si>
    <t>県内の子ども会活動の活性化と青少年の健全育成を目的として、神奈川県子ども会連絡協議会が実施する青少年指導者の育成事業に対し、補助金を交付している。</t>
    <phoneticPr fontId="0" type="Hiragana"/>
  </si>
  <si>
    <t>神奈川県子ども会連絡協議会</t>
    <phoneticPr fontId="0" type="Hiragana"/>
  </si>
  <si>
    <t>かながわ若者サポートステーション事業</t>
    <phoneticPr fontId="0" type="Hiragana"/>
  </si>
  <si>
    <t>ニート等の働くことに悩みを抱えている若者への職業的自立を支援することを目的に、県西部地域(小田原市）および県央地域（厚木市）の２箇所のサポートステーションを国と共同で運営する。</t>
    <phoneticPr fontId="0" type="Hiragana"/>
  </si>
  <si>
    <t>ＮＰＯ法人子どもと生活文化協会</t>
  </si>
  <si>
    <t>厚生労働省、県内の24の市町村</t>
    <phoneticPr fontId="0" type="Hiragana"/>
  </si>
  <si>
    <t>ひきこもり等支援団体支援事業</t>
    <rPh sb="5" eb="14">
      <t>トウシエンダンタイシエンジギョウ</t>
    </rPh>
    <phoneticPr fontId="2"/>
  </si>
  <si>
    <t>原油価格・物価高騰等に直面している、不登校やひきこもり等支援団体に対し、ひきこもり等の当事者及び家族への支援活動の継続を支援するため、支援金を支給する。</t>
    <rPh sb="0" eb="4">
      <t>ゲンユカカク</t>
    </rPh>
    <rPh sb="5" eb="10">
      <t>ブッカコウトウナド</t>
    </rPh>
    <rPh sb="11" eb="13">
      <t>チョクメン</t>
    </rPh>
    <rPh sb="18" eb="21">
      <t>フトウコウ</t>
    </rPh>
    <rPh sb="27" eb="28">
      <t>トウ</t>
    </rPh>
    <rPh sb="28" eb="30">
      <t>シエン</t>
    </rPh>
    <rPh sb="30" eb="32">
      <t>ダンタイ</t>
    </rPh>
    <rPh sb="33" eb="34">
      <t>タイ</t>
    </rPh>
    <rPh sb="41" eb="42">
      <t>トウ</t>
    </rPh>
    <rPh sb="43" eb="46">
      <t>トウジシャ</t>
    </rPh>
    <rPh sb="46" eb="47">
      <t>オヨ</t>
    </rPh>
    <rPh sb="48" eb="50">
      <t>カゾク</t>
    </rPh>
    <rPh sb="52" eb="54">
      <t>シエン</t>
    </rPh>
    <rPh sb="54" eb="56">
      <t>カツドウ</t>
    </rPh>
    <rPh sb="57" eb="59">
      <t>ケイゾク</t>
    </rPh>
    <rPh sb="60" eb="62">
      <t>シエン</t>
    </rPh>
    <rPh sb="67" eb="69">
      <t>シエン</t>
    </rPh>
    <rPh sb="69" eb="70">
      <t>キン</t>
    </rPh>
    <rPh sb="71" eb="73">
      <t>シキュウ</t>
    </rPh>
    <phoneticPr fontId="2"/>
  </si>
  <si>
    <t>NPO法人 教育ステーション、特定非営利活動法人 バンブーまなび塾、特定非営利活動法人遊悠楽舎、特定非営利活動法人アンガージュマン・よこすか、みなみ青少年地域活動拠点運営委員会、特定非営利活動法人 教育支援協会南関東、NPO法人不登校・発達支援ネットワークSeedsAPP、特定非営利活動法人ワーカーズ・コレクティブ協会、特定非営利活動法人フリースクール鈴蘭学園、ひきこもり当事者グループ「ひき桜」in横浜、フレンドリースペース金沢、特定非営利活動法人太陽の村、つづき父親の会、フリースクール　SACHI station、"Be"come、NPO法人ここだね、ＫＨＪ神奈川　虹の会、しんゆり親の会　Ｏｕｒ Ｐｌａｃｅ、特定非営利活動法人ユースポート横濱、こだまの会、ＮＰＯ法人森の仔じゆうがっこう、特定非営利活動法人くじらぐも、ミナクルあすなろの家、ＮＰＯ法人子どもと共に歩むフリースペースたんぽぽ、特定非営利活動法人湘南国際、ＮＰＯ法人湘南国際サポートセンター、かたつむり、ふわふわの会、不登校と学校に行きづらい子の親の集い はなまといる、不登校の子どもを持つ親の会　ホープ＆ライフ、特定非営利活動法人ぜんしん、生き×居きコミュニティ、特定非営利活動法人楠の木学園、特定非営利活動法人こどもの夢サポートセンター、すばる、かながわ「非行」と向き合う親たちの会（道草の会）、おっちー塾、フリースクールのぞみ教室、こどもわかものリレー、発達障害ピアサポート　サピア、特定非営利活動法人つながる会、NPO法人湘南国際カランコエ、ＫＨＪ横浜ばらの会、特定非営利活動法人湘南市民メディアネットワーク、ゆずり葉の会、特定非営利活動法人 くだかけ会、えびな・ざまエールの会、まなピタネット、任意団体 ひきこもり発信プロジェクト、ＩＤＥＡ、特定非営利活動法人 星槎教育研究所、公益財団法人 こども教育支援財団、ＮＰＯ法人子どもと生活文化協会、ぷれーん 不登校を考える親の会in川崎区、特定非営利活動法人多様な学びプロジェクト（旧 ＦＵＴＵＲＥ　ＤＥＳＩＧＮ）、特定非営利活動法人ワーコレたんぽぽひろば、親子の居場所よりどこ、特定非営利活動法人パノラマ、特定非営利活動法人 アーモンドコミュニティネットワーク、特定非営利活動法人コロンブスアカデミー、ＭｅＥＰｌｅ（ミープル）、特定非営利活動法人教育活動総合サポートセンター、特定非営利活動法人フリースペースたまりば、step、横浜みどりの学校ひまわり</t>
    <phoneticPr fontId="2"/>
  </si>
  <si>
    <t>高校を活用した若者自立支援事業</t>
    <rPh sb="0" eb="2">
      <t>コウコウ</t>
    </rPh>
    <rPh sb="3" eb="5">
      <t>カツヨウ</t>
    </rPh>
    <rPh sb="7" eb="9">
      <t>ワカモノ</t>
    </rPh>
    <rPh sb="9" eb="11">
      <t>ジリツ</t>
    </rPh>
    <rPh sb="11" eb="13">
      <t>シエン</t>
    </rPh>
    <rPh sb="13" eb="15">
      <t>ジギョウ</t>
    </rPh>
    <phoneticPr fontId="2"/>
  </si>
  <si>
    <t>ひきこもりの長期化・困難化を未然に防止するため、在学中及び卒業後も信頼できる大人とつながりを持てる「高校内居場所カフェ」を運営する団体に対して補助する。</t>
    <phoneticPr fontId="2"/>
  </si>
  <si>
    <t>ＮＰＯ法人子どもと生活文化協会、ＮＰＯ法人パノラマ、ＮＰＯ法人多文化共生教育ネットワークかながわ</t>
    <rPh sb="31" eb="38">
      <t>タブンカキョウセイキョウイク</t>
    </rPh>
    <phoneticPr fontId="2"/>
  </si>
  <si>
    <t>地域福祉課</t>
    <phoneticPr fontId="0" type="Hiragana"/>
  </si>
  <si>
    <t>福祉有償運送推進事業</t>
    <phoneticPr fontId="0" type="Hiragana"/>
  </si>
  <si>
    <t>　地域の移動制約者の相談に応じる行政職員や地域の相談機関を対象に、福祉有償運送制度等の理解、推進を図るための研修や関連団体との情報交換を行っている。</t>
    <phoneticPr fontId="0" type="Hiragana"/>
  </si>
  <si>
    <t>特定非営利活動法人かながわ福祉移動サービスネットワーク</t>
    <phoneticPr fontId="0" type="Hiragana"/>
  </si>
  <si>
    <t>地域福祉課</t>
  </si>
  <si>
    <t>神奈川被災者支援機関連絡会議</t>
    <phoneticPr fontId="0" type="Hiragana"/>
  </si>
  <si>
    <t>・災害復興くらし応援・みんなのネットワークかながわ
・特定非営利活動法人神奈川災害ボランティアネットワーク</t>
    <phoneticPr fontId="0" type="Hiragana"/>
  </si>
  <si>
    <t>・（福）神奈川県社会福祉協議会
・（福）神奈川県共同募金会</t>
    <phoneticPr fontId="0" type="Hiragana"/>
  </si>
  <si>
    <t>障害福祉課</t>
    <phoneticPr fontId="0" type="Hiragana"/>
  </si>
  <si>
    <t>工賃向上支援事業（障害者生産活動支援事業）</t>
    <phoneticPr fontId="0" type="Hiragana"/>
  </si>
  <si>
    <t>働く障がい者の工賃向上を目的に、事業所の生産活動を充実させ、支援力を高めるために、複数の事業所が共同で受注等を行う共同受注窓口の運営や発注に貢献した企業表彰、イベント等を実施する。</t>
    <phoneticPr fontId="0" type="Hiragana"/>
  </si>
  <si>
    <t>特定非営利活動法人　神奈川セルプセンター</t>
    <phoneticPr fontId="0" type="Hiragana"/>
  </si>
  <si>
    <t>小規模事業所等支援事業費補助</t>
    <phoneticPr fontId="0" type="Hiragana"/>
  </si>
  <si>
    <t>小規模な事業所等が事業所内支援にとどまらず、地域住民の障がい者理解の促進と障がい福祉の充実につながる地域支援力を高めることを目的に、研修事業等を実施する。</t>
    <phoneticPr fontId="0" type="Hiragana"/>
  </si>
  <si>
    <t>特定非営利活動法人　神奈川県障害者地域作業所連絡協議会</t>
    <phoneticPr fontId="0" type="Hiragana"/>
  </si>
  <si>
    <t>障害者理解促進事業（障害者理解促進研修コーディネート事業）</t>
    <phoneticPr fontId="0" type="Hiragana"/>
  </si>
  <si>
    <t>障がい者の接客対応が求められる企業等が行う社員研修において、障がい者の受け入れに際して必要な配慮等に関する研修の企画や実施を働きかけたり、コーディネートする。また、企業等において、障がい者に対する取組みの中心的な役割を担う人を心のバリアフリー推進員として養成する「心のバリアフリー推進員養成研修講座」を実施する。</t>
    <phoneticPr fontId="0" type="Hiragana"/>
  </si>
  <si>
    <t>特定非営利活動法人　神奈川県障害者自立生活支援センター</t>
    <phoneticPr fontId="0" type="Hiragana"/>
  </si>
  <si>
    <t>相談支援従事者研修事業（初任者研修）・同（現任研修）</t>
    <phoneticPr fontId="0" type="Hiragana"/>
  </si>
  <si>
    <t>障害者総合支援法に規定されたサービス利用支援等を行う相談支援専門員となるために受講する必要のある初任者研修・現任研修を実施する。
障害福祉サービスにおける相談支援従事者等について、さらなる人材の質の向上や地域支援の強化、専門性の強化を目的とした研修を実施する。</t>
    <phoneticPr fontId="0" type="Hiragana"/>
  </si>
  <si>
    <t>特定非営利活動法人　かながわ障がいケアマネジメント従事者ネットワーク等</t>
    <phoneticPr fontId="0" type="Hiragana"/>
  </si>
  <si>
    <t>障害者権利擁護センター事業</t>
    <phoneticPr fontId="0" type="Hiragana"/>
  </si>
  <si>
    <t>障がい者に対する虐待防止等のため、都道府県障害者権利擁護センターの機能を果たし、通報の受理その他の必要な支援を行う。</t>
    <phoneticPr fontId="0" type="Hiragana"/>
  </si>
  <si>
    <t>障害保健圏域相談支援ネットワーク形成等事業</t>
    <phoneticPr fontId="0" type="Hiragana"/>
  </si>
  <si>
    <t>相談支援等のネットワークの形成を通じて、重層的な相談支援体制を構築し、広域的かつ専門的な支援を行うことにより、障がい者の福祉の増進を図る。</t>
    <phoneticPr fontId="0" type="Hiragana"/>
  </si>
  <si>
    <t>特定非営利活動法人　藤沢相談支援ネットワーク等</t>
    <phoneticPr fontId="0" type="Hiragana"/>
  </si>
  <si>
    <t>障がい者文化芸術普及支援事業</t>
    <phoneticPr fontId="0" type="Hiragana"/>
  </si>
  <si>
    <t>文化芸術活動に様々な障がい者が活動に取り組むことができるよう、障がい者の芸術文化活動を支援する体制を構築し、障がい者の自立と社会参加を促進することを目的として、「神奈川県障がい者芸術文化活動支援センター」を設置し、相談対応や人材養成などを行う。</t>
    <phoneticPr fontId="0" type="Hiragana"/>
  </si>
  <si>
    <t>特定非営利活動法人　ＳＴスポット横浜</t>
    <phoneticPr fontId="0" type="Hiragana"/>
  </si>
  <si>
    <t>障害福祉課</t>
    <phoneticPr fontId="2"/>
  </si>
  <si>
    <t>オストメイト社会適応訓練事業</t>
    <phoneticPr fontId="0" type="Hiragana"/>
  </si>
  <si>
    <t>オストメイト（人工膀胱・人工肛門造設者）に対して、日常生活上必要な訓練・指導等を行うことにより、生活の質的向上を図る。</t>
    <phoneticPr fontId="0" type="Hiragana"/>
  </si>
  <si>
    <t>公益社団法人日本オストミー協会神奈川支部</t>
  </si>
  <si>
    <t>障害者IT利活用推進事業</t>
  </si>
  <si>
    <t>パソコンやスマートフォン等のＩＴ機器の利活用により、障がい者の社会参加をより一層進めるため、専用サイトによる情報提供を行うとともに、ＩＴ機器の利用支援の相談に応じる。</t>
    <phoneticPr fontId="0" type="Hiragana"/>
  </si>
  <si>
    <t>公益社団法人かながわ福祉サービス振興会</t>
  </si>
  <si>
    <t>身体障害者補助犬育成事業</t>
  </si>
  <si>
    <t>身体障がい者の行動範囲を拡大し、社会参加を促進するために身体障害者補助犬（盲導犬、介助犬、聴導犬）を給付する。</t>
    <phoneticPr fontId="0" type="Hiragana"/>
  </si>
  <si>
    <t>公益財団法人　日本盲導犬協会</t>
    <phoneticPr fontId="0" type="Hiragana"/>
  </si>
  <si>
    <t>公益財団法人　日本補助犬協会</t>
    <phoneticPr fontId="0" type="Hiragana"/>
  </si>
  <si>
    <t>神奈川県障害者社会参加推進センター事業</t>
    <phoneticPr fontId="0" type="Hiragana"/>
  </si>
  <si>
    <t>障がい者の地域における自立生活と社会参加の推進を目的とした、障害者社会参加推進センターを運営する。</t>
    <phoneticPr fontId="0" type="Hiragana"/>
  </si>
  <si>
    <t>公益財団法人　神奈川県身体障害者連合会</t>
    <phoneticPr fontId="0" type="Hiragana"/>
  </si>
  <si>
    <t>音声機能障害者発声訓練事業</t>
    <phoneticPr fontId="0" type="Hiragana"/>
  </si>
  <si>
    <t>喉頭を摘出し音声機能を喪失した者に対し、食道発声法や器具を使用しての訓練を実施する。</t>
    <phoneticPr fontId="0" type="Hiragana"/>
  </si>
  <si>
    <t>精神障害者ホームヘルパー研修事業</t>
    <phoneticPr fontId="0" type="Hiragana"/>
  </si>
  <si>
    <t>精神障がい者に対する居宅介護のサービス提供体制を構築するため、精神障がい者の特性を理解したホームヘルパーを養成し、継続して従事できるための支援を行うことで精神障がい者への居宅介護の量の確保、質の維持・向上を図る。</t>
    <phoneticPr fontId="0" type="Hiragana"/>
  </si>
  <si>
    <t>公益社団法人　かながわ福祉サービス振興会</t>
    <phoneticPr fontId="0" type="Hiragana"/>
  </si>
  <si>
    <t>失語症者向け意思疎通支援事業</t>
    <phoneticPr fontId="0" type="Hiragana"/>
  </si>
  <si>
    <t>失語症者が、地域の一員として安心して自分らしい暮らしをすることができるよう、失語症者の日常生活のニーズを理解し、コミュニケーション技術など支援方法を身につけた、失語症者向け意思疎通支援者の養成及び派遣を行う。</t>
    <phoneticPr fontId="0" type="Hiragana"/>
  </si>
  <si>
    <t>神奈川県言語聴覚士会</t>
    <phoneticPr fontId="0" type="Hiragana"/>
  </si>
  <si>
    <t>公益財団法人　北海道盲導犬協会</t>
    <phoneticPr fontId="0" type="Hiragana"/>
  </si>
  <si>
    <t>発達障害支援体制整備事業</t>
    <phoneticPr fontId="0" type="Hiragana"/>
  </si>
  <si>
    <t>住民及び関係者等の発達障害に対する理解を深めること等を通じて、地域でのネットワーク構築による支援体制の整備を図るため、発達障害者地域支援マネージャーによる関係機関への助言や連絡調整等を行う。</t>
    <phoneticPr fontId="0" type="Hiragana"/>
  </si>
  <si>
    <t>特定非営利活動法人藤沢相談支援ネットワーク、一般社団法人クロスオーバー大和</t>
    <phoneticPr fontId="0" type="Hiragana"/>
  </si>
  <si>
    <t>障害者歯科診療推進事業費補助</t>
    <phoneticPr fontId="0" type="Hiragana"/>
  </si>
  <si>
    <t>県歯科医師会が、第一次障害者歯科診療施設の設置数の拡大や質の向上等に資するため、歯科医師等を対象とした研修や、障害者歯科診療システムの整備、充実を図るための障害者歯科推進協議会等を開催する。</t>
    <phoneticPr fontId="0" type="Hiragana"/>
  </si>
  <si>
    <t>公益社団法人　神奈川県歯科医師会</t>
    <phoneticPr fontId="0" type="Hiragana"/>
  </si>
  <si>
    <t>障害者団体事業等補助</t>
    <phoneticPr fontId="0" type="Hiragana"/>
  </si>
  <si>
    <t>県内の障がい児者の父母の会の連合体である心身障害児者父母の会連盟が実施する事業に対して補助を行うことで、障がい及び障がい児者への理解を深める活動を実施する。</t>
    <phoneticPr fontId="0" type="Hiragana"/>
  </si>
  <si>
    <t>神奈川県心身障害児者父母の会連盟</t>
    <phoneticPr fontId="0" type="Hiragana"/>
  </si>
  <si>
    <t>精神障害者地域生活支援団体連合会補助金</t>
    <phoneticPr fontId="0" type="Hiragana"/>
  </si>
  <si>
    <t>生活介護、グループホーム等の支援及び連絡調整を行う団体に補助を行い、各事業所間の連携及び社会復帰施設等の職員の資質向上を図る。</t>
    <phoneticPr fontId="0" type="Hiragana"/>
  </si>
  <si>
    <t>特定非営利活動法人　神奈川県精神障害者地域生活支援団体連合会</t>
    <phoneticPr fontId="0" type="Hiragana"/>
  </si>
  <si>
    <t>神奈川県身体障害者連合会補助事業費</t>
    <phoneticPr fontId="2"/>
  </si>
  <si>
    <t>団体が実施する身体障がい者への事業に対して補助をすることで、身体障がい者全体の福祉の向上を図る。</t>
    <phoneticPr fontId="0" type="Hiragana"/>
  </si>
  <si>
    <t>喀痰吸引等研修事業費</t>
    <phoneticPr fontId="0" type="Hiragana"/>
  </si>
  <si>
    <t>喀痰吸引等が必要な方に対して、適切にたんの吸引等を行うことができる介護職員等の要請に必要な研修事業を実施する（第三号研修のみ）。</t>
    <phoneticPr fontId="0" type="Hiragana"/>
  </si>
  <si>
    <t>一般社団法人　日本ALS協会神奈川支部
特定非営利活動法人　フュージョンコムかながわ・県肢体不自由児協会</t>
    <phoneticPr fontId="0" type="Hiragana"/>
  </si>
  <si>
    <t>医療的ケア児地域相談窓口設置事業費</t>
    <phoneticPr fontId="0" type="Hiragana"/>
  </si>
  <si>
    <t>特定非営利活動法人　藤沢相談支援ネットワーク</t>
    <phoneticPr fontId="0" type="Hiragana"/>
  </si>
  <si>
    <t>医療的ケア児支援センター運営事業費</t>
  </si>
  <si>
    <t>医療的ケア児やその家族に切れ目のない支援を行うため、医療的ケア児支援センターを運営する中で、地域課題の抽出、課題への対応、地域支援等を行う。</t>
    <rPh sb="43" eb="44">
      <t>なか</t>
    </rPh>
    <rPh sb="46" eb="48">
      <t>ちいき</t>
    </rPh>
    <rPh sb="48" eb="50">
      <t>かだい</t>
    </rPh>
    <rPh sb="51" eb="53">
      <t>ちゅうしゅつ</t>
    </rPh>
    <rPh sb="54" eb="56">
      <t>かだい</t>
    </rPh>
    <rPh sb="58" eb="60">
      <t>たいおう</t>
    </rPh>
    <rPh sb="61" eb="63">
      <t>ちいき</t>
    </rPh>
    <rPh sb="63" eb="65">
      <t>しえん</t>
    </rPh>
    <rPh sb="65" eb="66">
      <t>とう</t>
    </rPh>
    <rPh sb="67" eb="68">
      <t>おこな</t>
    </rPh>
    <phoneticPr fontId="0" type="Hiragana"/>
  </si>
  <si>
    <t>障がい者ピアサポート研修事業費</t>
    <phoneticPr fontId="0" type="Hiragana"/>
  </si>
  <si>
    <t>県内の指定障害福祉サービス事業所等において、ピアサポーターとして従事する者又は従事しようとする者や、その者と協働して専門職として従事する者又は従事しようとする者に対して、障がい者ピアサポート研修を実施する。</t>
    <phoneticPr fontId="0" type="Hiragana"/>
  </si>
  <si>
    <t>AYA インクルーシブ 映画上映会 in 川崎</t>
    <phoneticPr fontId="0" type="Hiragana"/>
  </si>
  <si>
    <t>「病気とともに闘っている・障がいとともに生きている・医療的ケアが必要である」子どもたちとその家族に、1 つのシアターを貸し切って、映画上映会を開催する。</t>
    <phoneticPr fontId="0" type="Hiragana"/>
  </si>
  <si>
    <t>特定非営利活動法人AYA</t>
    <phoneticPr fontId="0" type="Hiragana"/>
  </si>
  <si>
    <t>医療的ケア児支援センター運営事業費</t>
    <phoneticPr fontId="0" type="Hiragana"/>
  </si>
  <si>
    <t>医療的ケア児やその家族に切れ目のない支援を行い、医療的ケア児の日常生活及び社会生活を支えるため、医療的ケア児支援センターを運営する。</t>
    <phoneticPr fontId="0" type="Hiragana"/>
  </si>
  <si>
    <t>かながわ県医療的ケア児者家族会～つなぐ～</t>
    <phoneticPr fontId="0" type="Hiragana"/>
  </si>
  <si>
    <t>医療的ケア児やその家族に切れ目のない支援を行うため、医療的ケア児支援センターを運営する中で開催する各種会議への参加、発言、講演等を求める。</t>
    <rPh sb="45" eb="47">
      <t>かいさい</t>
    </rPh>
    <rPh sb="49" eb="51">
      <t>かくしゅ</t>
    </rPh>
    <rPh sb="51" eb="53">
      <t>かいぎ</t>
    </rPh>
    <rPh sb="55" eb="57">
      <t>さんか</t>
    </rPh>
    <rPh sb="58" eb="60">
      <t>はつげん</t>
    </rPh>
    <rPh sb="61" eb="63">
      <t>こうえん</t>
    </rPh>
    <rPh sb="63" eb="64">
      <t>とう</t>
    </rPh>
    <rPh sb="65" eb="66">
      <t>もと</t>
    </rPh>
    <phoneticPr fontId="0" type="Hiragana"/>
  </si>
  <si>
    <t>医療的ケア児者等歯科人材養成研修事業費</t>
    <rPh sb="6" eb="7">
      <t>モノ</t>
    </rPh>
    <rPh sb="7" eb="8">
      <t>トウ</t>
    </rPh>
    <rPh sb="8" eb="10">
      <t>シカ</t>
    </rPh>
    <rPh sb="10" eb="12">
      <t>ジンザイ</t>
    </rPh>
    <rPh sb="12" eb="14">
      <t>ヨウセイ</t>
    </rPh>
    <rPh sb="14" eb="16">
      <t>ケンシュウ</t>
    </rPh>
    <rPh sb="16" eb="18">
      <t>ジギョウ</t>
    </rPh>
    <rPh sb="18" eb="19">
      <t>ヒ</t>
    </rPh>
    <phoneticPr fontId="2"/>
  </si>
  <si>
    <t>医療的ケア児者の歯科受診の機会を確保し、口腔機能の維持及び生活の質の向上を図るため、在宅の医療的ケア児者への歯科診療に対応できる歯科人材（歯科医師、歯科衛生士等）の養成研修等を実施する。</t>
    <phoneticPr fontId="0" type="Hiragana"/>
  </si>
  <si>
    <t>障がい児、医療的ケア児が楽しめるスポーツ・芸術・文化の体験</t>
    <rPh sb="0" eb="1">
      <t>ショウ</t>
    </rPh>
    <rPh sb="3" eb="4">
      <t>ジ</t>
    </rPh>
    <rPh sb="5" eb="8">
      <t>イリョウテキ</t>
    </rPh>
    <rPh sb="10" eb="11">
      <t>ジ</t>
    </rPh>
    <rPh sb="12" eb="13">
      <t>タノ</t>
    </rPh>
    <rPh sb="21" eb="23">
      <t>ゲイジュツ</t>
    </rPh>
    <rPh sb="24" eb="26">
      <t>ブンカ</t>
    </rPh>
    <rPh sb="27" eb="29">
      <t>タイケン</t>
    </rPh>
    <phoneticPr fontId="2"/>
  </si>
  <si>
    <t>障がい児、医療的ケア児が楽しめるスポーツ・芸術・文化の体験を目的とし、インクルーシブ上映会、スポーツ観戦、音楽鑑賞等のイベントを実施する。</t>
    <rPh sb="0" eb="1">
      <t>しょう</t>
    </rPh>
    <rPh sb="3" eb="4">
      <t>じ</t>
    </rPh>
    <rPh sb="5" eb="8">
      <t>いりょうてき</t>
    </rPh>
    <rPh sb="10" eb="11">
      <t>じ</t>
    </rPh>
    <rPh sb="12" eb="13">
      <t>たの</t>
    </rPh>
    <rPh sb="21" eb="23">
      <t>げいじゅつ</t>
    </rPh>
    <rPh sb="24" eb="26">
      <t>ぶんか</t>
    </rPh>
    <rPh sb="27" eb="29">
      <t>たいけん</t>
    </rPh>
    <rPh sb="30" eb="32">
      <t>もくてき</t>
    </rPh>
    <rPh sb="42" eb="44">
      <t>じょうえい</t>
    </rPh>
    <rPh sb="44" eb="45">
      <t>かい</t>
    </rPh>
    <rPh sb="50" eb="52">
      <t>かんせん</t>
    </rPh>
    <rPh sb="53" eb="55">
      <t>おんがく</t>
    </rPh>
    <rPh sb="55" eb="57">
      <t>かんしょう</t>
    </rPh>
    <rPh sb="57" eb="58">
      <t>とう</t>
    </rPh>
    <rPh sb="64" eb="66">
      <t>じっし</t>
    </rPh>
    <phoneticPr fontId="0" type="Hiragana"/>
  </si>
  <si>
    <t>スポーツ課、文化課</t>
    <rPh sb="4" eb="5">
      <t>か</t>
    </rPh>
    <rPh sb="6" eb="8">
      <t>ぶんか</t>
    </rPh>
    <rPh sb="8" eb="9">
      <t>か</t>
    </rPh>
    <phoneticPr fontId="0" type="Hiragana"/>
  </si>
  <si>
    <t>精神障害にも対応した地域包括ケアシステム構築推進事業研修業務委託事業</t>
    <phoneticPr fontId="0" type="Hiragana"/>
  </si>
  <si>
    <t>精神障がい者が地域の一員として安心して暮らすことができるよう、医療、障がい福祉、介護、住まい、社会参加などが包括的に確保された「精神障害にも対応した地域包括ケアシステム」の構築に向け、地域生活支援関係者への研修及び地域住民に向けた普及啓発講座等を実施する。</t>
    <phoneticPr fontId="0" type="Hiragana"/>
  </si>
  <si>
    <t>相談支援体制拡充強化事業</t>
    <phoneticPr fontId="0" type="Hiragana"/>
  </si>
  <si>
    <t>生活援護課</t>
    <phoneticPr fontId="0" type="Hiragana"/>
  </si>
  <si>
    <t>生活困窮者自立促進支援事業費</t>
    <phoneticPr fontId="0" type="Hiragana"/>
  </si>
  <si>
    <t>生活困窮者の自立支援と、安定した暮らしを支える地域づくりの基盤を形成するため、地域資源の広域的な開拓やネットワーク会議を通じて、支援者同士の情報共有を図り、よりよい支援方策を検討するとともに、支援者同士が顔の見える関係性を築き、有機的で円滑な地域連携体制を構築する。</t>
    <phoneticPr fontId="0" type="Hiragana"/>
  </si>
  <si>
    <t>かながわ生活困窮者自立支援ネットワーク</t>
    <phoneticPr fontId="0" type="Hiragana"/>
  </si>
  <si>
    <t>困難を抱える10代の子ども・若者への相談支援事業</t>
    <phoneticPr fontId="0" type="Hiragana"/>
  </si>
  <si>
    <t>生活に困りごとを抱える子ども・若者に対する相談支援を、社会に出る前のセーフティ-ネットとして、県立高校との連携においてアウトリーチ相談により行うこと、地域の社会資源につなげるために地域の支援団体のネットワークを構築することにより、適正な支援を行う体制を構築する。</t>
    <phoneticPr fontId="0" type="Hiragana"/>
  </si>
  <si>
    <t>NPO法人多文化共生教育ネットワークかながわ</t>
    <phoneticPr fontId="0" type="Hiragana"/>
  </si>
  <si>
    <t>子ども・若者未来応援推進事業費</t>
    <phoneticPr fontId="0" type="Hiragana"/>
  </si>
  <si>
    <t>困窮世帯の若者、ケアリーバー、被虐待経験のある若者、ヤングケアラーなど、必ずしも家庭や家族からの十分な支援を受けることができない若者に対して、社会に巣立つために必要な初期費用の支援やアウトリーチによる寄り添い支援に係る経費を県が補助する。</t>
    <phoneticPr fontId="0" type="Hiragana"/>
  </si>
  <si>
    <t>NPO法人神奈川子ども未来ファンド</t>
    <phoneticPr fontId="0" type="Hiragana"/>
  </si>
  <si>
    <t>かながわ男女共同参画センター</t>
    <phoneticPr fontId="2"/>
  </si>
  <si>
    <t>女性への暴力相談“週末ホットライン”</t>
    <phoneticPr fontId="0" type="Hiragana"/>
  </si>
  <si>
    <t>土曜日・日曜日の１７時から２１時及び祝日の９時から２１時に電話による相談窓口を開設する。</t>
    <phoneticPr fontId="0" type="Hiragana"/>
  </si>
  <si>
    <t>かながわ男女共同参画センター</t>
  </si>
  <si>
    <t>外国籍ＤＶ被害者のための多言語による相談</t>
    <phoneticPr fontId="0" type="Hiragana"/>
  </si>
  <si>
    <t>配偶者暴力相談支援センターで実施する相談のうち、外国籍被害者のための相談を多言語（13言語）で実施する。</t>
    <phoneticPr fontId="0" type="Hiragana"/>
  </si>
  <si>
    <t>デートＤＶ防止啓発講座</t>
    <phoneticPr fontId="0" type="Hiragana"/>
  </si>
  <si>
    <t>デートＤＶについて若年層を対象に防止啓発することによって、ＤＶの防止を図ることを目的とし、どこにでもありそうな恋人同士の会話等を題材として、グループワーク等により参加しながら学ぶ講座を実施する。</t>
    <phoneticPr fontId="0" type="Hiragana"/>
  </si>
  <si>
    <t>かながわ男女共同参画センター</t>
    <phoneticPr fontId="0" type="Hiragana"/>
  </si>
  <si>
    <t>男女共同参画推進市町村連携事業</t>
    <phoneticPr fontId="0" type="Hiragana"/>
  </si>
  <si>
    <t>地域における男女共同参画社会の実現に向けて、地域の実情に応じた事業を市町村と連携して実施し、男女共同参画の推進を図る。また、企画段階から市町村とＮＰＯ等との連携を推奨することにより、実質的な協働の促進を図る。</t>
    <phoneticPr fontId="0" type="Hiragana"/>
  </si>
  <si>
    <t>神奈川県内の各市町村（政令指定都市除く）</t>
    <phoneticPr fontId="0" type="Hiragana"/>
  </si>
  <si>
    <t>ジェンダー平等×ミライガイダンス</t>
    <phoneticPr fontId="0" type="Hiragana"/>
  </si>
  <si>
    <t>女性技術者・研究者や、男性の育休取得経験者など、今までロールモデルの少なかった「自分らしい生き方や働き方」をしている講師を学校等に派遣し、性別に関わらず、自分らしい生き方や働き方を考える機会を提供するとともに、女子生徒の理工系志望を促進・支援する出前講座を実施する。</t>
    <phoneticPr fontId="0" type="Hiragana"/>
  </si>
  <si>
    <t>NPO法人日本女性技術者科学者ネットワーク</t>
    <phoneticPr fontId="0" type="Hiragana"/>
  </si>
  <si>
    <t>Ｄ＆Ｉかながわメンバーズ会員（企業・団体）</t>
    <phoneticPr fontId="0" type="Hiragana"/>
  </si>
  <si>
    <t>女性のための社会参画セミナー「かなテラスカレッジ」</t>
    <phoneticPr fontId="0" type="Hiragana"/>
  </si>
  <si>
    <t>様々な意思決定の場への女性（議員・審議会委員等、行政・地域・企業等のキーパーソンとして活動する女性）の参画を促進し、地域や社会の課題を発見し解決するための手法を学ぶ。</t>
    <phoneticPr fontId="0" type="Hiragana"/>
  </si>
  <si>
    <t>男性の家事・育児参画促進事業（講師派遣）</t>
    <phoneticPr fontId="0" type="Hiragana"/>
  </si>
  <si>
    <t>男性の家事・育児参画に向けた「職場の理解促進と意識改革」を図り、ジェンダー平等や女性活躍の阻害要因となるジェンダーバイアス（性別役割分担意識）を解消するため、県内事業所等の職場研修へ講師派遣を行う。</t>
    <phoneticPr fontId="0" type="Hiragana"/>
  </si>
  <si>
    <t>・NPO法人ジェンダーイコール
・NPO法人ファザーリング・ジャパン</t>
    <phoneticPr fontId="0" type="Hiragana"/>
  </si>
  <si>
    <t>市町村男女共同参画施策推進者研修・情報交換会</t>
    <phoneticPr fontId="2"/>
  </si>
  <si>
    <t>かながわ男女共同参画センター及び各市町村の事業について情報等を共有し、男女共同参画についての施策能力の向上等を図る研修を実施することにより、効果的な事業展開を図るとともに、県と市町村並びに市町村相互の連携の強化を図る。</t>
    <rPh sb="4" eb="10">
      <t>ダンジョキョウドウサンカク</t>
    </rPh>
    <phoneticPr fontId="2"/>
  </si>
  <si>
    <t>一般社団法人GENCOURAGE</t>
    <phoneticPr fontId="2"/>
  </si>
  <si>
    <t>神奈川県内の各市町村（政令指定都市除く）</t>
    <phoneticPr fontId="2"/>
  </si>
  <si>
    <t>女性相談支援センター</t>
    <phoneticPr fontId="0" type="Hiragana"/>
  </si>
  <si>
    <t>困難な問題を抱える女性に対する一時保護委託事業</t>
    <phoneticPr fontId="0" type="Hiragana"/>
  </si>
  <si>
    <t>女性支援法及び配偶者暴力防止法に基づき、困難な問題を抱える女性及びその同伴する家族の緊急一時保護を委託する。</t>
    <phoneticPr fontId="0" type="Hiragana"/>
  </si>
  <si>
    <t>青少年センター</t>
    <phoneticPr fontId="0" type="Hiragana"/>
  </si>
  <si>
    <t>ひきこもり等相談関係事業</t>
    <phoneticPr fontId="0" type="Hiragana"/>
  </si>
  <si>
    <t>地域の課題にもなっている、ひきこもり等の青少年の様々な悩みに関する相談を受けるため、かながわ子ども・若者総合相談センター及び神奈川県ひきこもり地域支援センターにおいて、常勤スタッフの他、ＮＰＯ等で活動の経験が豊かなアドバイザーも相談を担当する。</t>
    <phoneticPr fontId="0" type="Hiragana"/>
  </si>
  <si>
    <t>個人</t>
    <phoneticPr fontId="0" type="Hiragana"/>
  </si>
  <si>
    <t>神奈川県西部地域相談事業（神奈川県西部青少年サポート相談室（神奈川県西部ひきこもり相談窓口））</t>
    <phoneticPr fontId="0" type="Hiragana"/>
  </si>
  <si>
    <t>県西部地域の課題にもなっている、ひきこもり等の青少年の様々な悩みの相談の利便性を高めるとともに、関係機関の連携を推進するため「神奈川県西部地域相談事業」を、ＮＰＯと協働で実施する。</t>
    <phoneticPr fontId="0" type="Hiragana"/>
  </si>
  <si>
    <t>ＮＰＯ法人子どもと生活文化協会</t>
    <phoneticPr fontId="0" type="Hiragana"/>
  </si>
  <si>
    <t>神奈川県地域青少年相談窓口事業（厚木・寒川）</t>
    <rPh sb="16" eb="18">
      <t>あつぎ</t>
    </rPh>
    <rPh sb="19" eb="21">
      <t>さむかわ</t>
    </rPh>
    <phoneticPr fontId="0" type="Hiragana"/>
  </si>
  <si>
    <t>ひきこもり等の青少年の様々な悩みの相談の利便性を高めるとともに、関係機関の連携を推進するため、「神奈川県地域青少年相談窓口事業（厚木・寒川）」を、ＮＰＯと協働で実施する。</t>
    <phoneticPr fontId="0" type="Hiragana"/>
  </si>
  <si>
    <t>神奈川県地域青少年相談窓口事業（葉山）</t>
    <rPh sb="16" eb="18">
      <t>はやま</t>
    </rPh>
    <phoneticPr fontId="0" type="Hiragana"/>
  </si>
  <si>
    <t>ひきこもり等の青少年の様々な悩みの相談の利便性を高めるとともに、関係機関の連携を推進するため、「神奈川県地域青少年相談窓口事業（葉山）」を、ＮＰＯと協働で実施する。</t>
    <rPh sb="64" eb="66">
      <t>はやま</t>
    </rPh>
    <phoneticPr fontId="0" type="Hiragana"/>
  </si>
  <si>
    <t>認定特定非営利活動法人アンガージュマン・よこすか</t>
    <phoneticPr fontId="0" type="Hiragana"/>
  </si>
  <si>
    <t>フリースペース等相談事業費補助</t>
    <phoneticPr fontId="0" type="Hiragana"/>
  </si>
  <si>
    <t>ひきこもり等青少年やその家族等に対しての相談活動を通して、青少年やその家族に対しての支援活動を促進するため、相談活動に有意な居場所としてのフリースペース等の活動にあわせて相談活動を実施する民間団体への補助を実施する。</t>
    <phoneticPr fontId="0" type="Hiragana"/>
  </si>
  <si>
    <t>ひきこもり等地域理解促進事業</t>
    <phoneticPr fontId="0" type="Hiragana"/>
  </si>
  <si>
    <t xml:space="preserve">ひきこもり等青少年の親の会や自助グループ等が企画する講演会・研修会等の事業について、県が共催して取り組むことで、団体の自主的な取り組みの活性化及びひきこもり問題の理解促進を図る。 </t>
    <phoneticPr fontId="0" type="Hiragana"/>
  </si>
  <si>
    <t>募集で採択された団体</t>
    <phoneticPr fontId="0" type="Hiragana"/>
  </si>
  <si>
    <t>健康増進課</t>
    <phoneticPr fontId="0" type="Hiragana"/>
  </si>
  <si>
    <t>（通称名）生活習慣病予防対策普及事業</t>
    <phoneticPr fontId="0" type="Hiragana"/>
  </si>
  <si>
    <t>地域において食生活を中心とした生活習慣の改善を実践的に展開し、県民の健康寿命の延伸及び生活の質の向上を図ることを目的に、県民が実行しやすい食情報を中心とした健康づくりの普及啓発を推進する。</t>
    <phoneticPr fontId="0" type="Hiragana"/>
  </si>
  <si>
    <t>神奈川県食生活改善推進団体連絡協議会</t>
    <phoneticPr fontId="0" type="Hiragana"/>
  </si>
  <si>
    <t>先天性代謝異常等精度管理事業委託</t>
    <phoneticPr fontId="0" type="Hiragana"/>
  </si>
  <si>
    <t>検査機関が行う検査の精度試験及び技術指導を行うとともに、検査用試験薬及び血液の品質管理を行う。</t>
    <phoneticPr fontId="0" type="Hiragana"/>
  </si>
  <si>
    <t>NPO法人タンデムマス・スクリーニング普及協会</t>
    <phoneticPr fontId="0" type="Hiragana"/>
  </si>
  <si>
    <t>健康支援プログラム</t>
    <phoneticPr fontId="0" type="Hiragana"/>
  </si>
  <si>
    <t>民間企業、NPO法人等に、保有するノウハウや人材を活かして「健康支援プログラム」を提供してもらい、県は、市町村設置の未病センターにおける当該プログラムの活用をコーディネートする。</t>
    <phoneticPr fontId="0" type="Hiragana"/>
  </si>
  <si>
    <t xml:space="preserve">NPO法人ダンスライフコミュニケーションズ、NPO法人神奈川ウォーキング協会
公益社団法人神奈川県柔道整復師会
公益財団法人ダイヤ高齢社会研究財団
</t>
    <phoneticPr fontId="0" type="Hiragana"/>
  </si>
  <si>
    <t>味の素株式会社ほか</t>
    <phoneticPr fontId="0" type="Hiragana"/>
  </si>
  <si>
    <t>かながわ未病改善協力制度</t>
  </si>
  <si>
    <t>「かながわ未病改善宣言」に基づく活動を、県民が身近なところで実践等ができるよう企業・団体に協力してもらい、広く県民の健康づくりを支援する。</t>
    <phoneticPr fontId="0" type="Hiragana"/>
  </si>
  <si>
    <t>・一般社団法人日本ヒューマン・ドッグウォーキング協会
・一般社団法人神奈川県鍼灸マッサージ師会
・公益財団法人　横浜YMCA
・特定非営利活動法人　未病リサーチスクエア協会
・NPO法人　生命の貯蓄体操普及会
・NPO法人湘南スポーツコミュニティセンター
・公益財団法人かながわトラストみどり財団
・公益社団法人　神奈川県薬剤師会
・ＮＰＯ法人いのちとこころ
・公益財団法人神奈川県予防医学協会
・一般社団法人神奈川健康生きがいづくりアドバイザー協議会
・非営利活動法人日本ヨーガ療法士協会・神奈川
・公益社団法人神奈川県鍼灸師会
・公益財団法人　神奈川県公園協会
・一般社団法人　健康ポスティング普及協会
・ＮＰＯ法人夢キューブ
・特定非営利活動法人　ヴイエムシイ
・ＮＰＯ法人ＱＯＬサポート研究会
・特定非営利活動法人メタボランティア
・ＮＰＯ法人神奈川県ウオーキング協会
・一般社団法人気のかたち
・一般社団法人かながわ土地建物保全協会
・特定非営利活動法人　笑顔
・一般社団法人あすぽ
・公益社団法人　神奈川県柔道整復師会
・NPO法人神奈川県歩け歩け協会
・NPO法人かもめウォーキングアカデミー
・公益財団法人かながわ健康財団
・特定非営利活動法人　日本ステッピング協会
・一般社団法人 日本姿勢科学学会 神奈川県支部
・特定非営利活動法人協同労働協会OICHI
・一般社団法人セルフメディケーション協会
・一般社団法人日本産業カウンセラー協会　神奈川支部
・一般社団法人健康コンシェルジュ日本
・公益社団法人全国珠算教育連盟正会員指導教場　わかば珠算塾
・一般社団法人神奈川県保育会
・公益社団法人　神奈川県私立幼稚園連合会
・NPO法人　心の居場所
・特定非営利活動法人　夢・コミュニティ・ネットワーク
・一般財団法人川崎新都心街づくり財団
・一般社団法人ILS
・NPO法人スーリールファム
・一般社団法人チャレンジマイセルフ
・一般社団法人シュフレ協会</t>
    <phoneticPr fontId="2"/>
  </si>
  <si>
    <t>株式会社スリーエフ等多数</t>
    <phoneticPr fontId="0" type="Hiragana"/>
  </si>
  <si>
    <t>子どもの未病改善応援プログラム</t>
    <phoneticPr fontId="0" type="Hiragana"/>
  </si>
  <si>
    <t>民間企業、NPO法人等に、保有するノウハウや人材を活かして「子どもの未病改善応援プログラム」を提供してもらい、県は、保育園等における当該プログラムの活用をコーディネートする。</t>
    <phoneticPr fontId="0" type="Hiragana"/>
  </si>
  <si>
    <t>NPO法人 
みんなのお箸プロジェクト</t>
    <phoneticPr fontId="0" type="Hiragana"/>
  </si>
  <si>
    <t>神奈川東部ヤクルト販売（株）ほか</t>
    <phoneticPr fontId="0" type="Hiragana"/>
  </si>
  <si>
    <t>オーラルフレイル健口推進員養成事業</t>
    <phoneticPr fontId="0" type="Hiragana"/>
  </si>
  <si>
    <t>8020運動、オーラルフレイル対策や歯及び口腔の健康づくりを推進する目的で、歯及び口腔の健康づくりに主体的に取り組み、普及啓発を実践する推進員を養成する。</t>
    <phoneticPr fontId="0" type="Hiragana"/>
  </si>
  <si>
    <t>オーラルフレイル健口推進員(食生活改善推進団体連絡協議会等）</t>
    <phoneticPr fontId="0" type="Hiragana"/>
  </si>
  <si>
    <t>がん・疾病対策課</t>
    <phoneticPr fontId="0" type="Hiragana"/>
  </si>
  <si>
    <t>がん検診受診促進事業</t>
    <phoneticPr fontId="0" type="Hiragana"/>
  </si>
  <si>
    <t>乳がんの早期発見・早期治療の大切さを広く発信するため、ピンクのライトアップを実施する。また、広く周知するため、令和５年度よりフォトコンテストを実施。</t>
    <phoneticPr fontId="0" type="Hiragana"/>
  </si>
  <si>
    <t>ピンクリボンかながわ、ピンクリボンふじさわ／NPO法人あいおぷらす、一般社団法人ピンクバルーン</t>
    <phoneticPr fontId="0" type="Hiragana"/>
  </si>
  <si>
    <t>共催 神奈川県／認定ＮＰＯ法人乳房健康研究会</t>
    <phoneticPr fontId="0" type="Hiragana"/>
  </si>
  <si>
    <t>角膜・骨髄移植推進事業費</t>
    <phoneticPr fontId="0" type="Hiragana"/>
  </si>
  <si>
    <t>県、神奈川骨髄移植を考える会、神奈川県赤十字血液センターが協力して、骨髄ドナー登録会を実施</t>
    <phoneticPr fontId="0" type="Hiragana"/>
  </si>
  <si>
    <t>神奈川骨髄移植を考える会</t>
    <phoneticPr fontId="0" type="Hiragana"/>
  </si>
  <si>
    <t>神奈川県赤十字血液センター</t>
    <phoneticPr fontId="0" type="Hiragana"/>
  </si>
  <si>
    <t>骨髄ドナー登録説明員養成講座</t>
    <phoneticPr fontId="0" type="Hiragana"/>
  </si>
  <si>
    <t>県、神奈川骨髄移植を考える会、神奈川県赤十字血液センターが協力して、骨髄ドナー登録説明員を養成する講座を開催</t>
    <phoneticPr fontId="0" type="Hiragana"/>
  </si>
  <si>
    <t>腎疾患対策普及活動事業費</t>
  </si>
  <si>
    <t>腎疾患の予防のための講演会、相談会を開催。開催を特定非営利活動法人神奈川県腎友会に委託</t>
    <phoneticPr fontId="0" type="Hiragana"/>
  </si>
  <si>
    <t>特定非営利活動法人神奈川県腎友会</t>
  </si>
  <si>
    <t>平塚保健福祉事務所</t>
    <phoneticPr fontId="2"/>
  </si>
  <si>
    <t>県で養成したオーラルフレイル健口推進員（8020運動推進員）の人材育成及び活動支援を行う。</t>
    <phoneticPr fontId="0" type="Hiragana"/>
  </si>
  <si>
    <t>オーラルフレイル健口推進員（8020運動推進員）</t>
    <phoneticPr fontId="0" type="Hiragana"/>
  </si>
  <si>
    <t>地域歯科衛生士会活動支援</t>
    <phoneticPr fontId="0" type="Hiragana"/>
  </si>
  <si>
    <t>管内で活動する歯科衛生士の会への情報提供及び助言指導を行う。</t>
    <phoneticPr fontId="0" type="Hiragana"/>
  </si>
  <si>
    <t>平塚地域歯科衛生士の会「歯みんぐ」</t>
    <rPh sb="0" eb="2">
      <t>ひらつか</t>
    </rPh>
    <rPh sb="10" eb="11">
      <t>かい</t>
    </rPh>
    <rPh sb="12" eb="13">
      <t>は</t>
    </rPh>
    <phoneticPr fontId="0" type="Hiragana"/>
  </si>
  <si>
    <t>食生活改善推進団体育成事業</t>
    <phoneticPr fontId="0" type="Hiragana"/>
  </si>
  <si>
    <t xml:space="preserve">・地域における食生活改善のための実践活動　　
・県が行う各種健康づくり事業等への協力
・会員への研修
・健康づくりに関する広報活動
</t>
    <phoneticPr fontId="2"/>
  </si>
  <si>
    <t>食生活改善推進団体ママの会</t>
    <phoneticPr fontId="2"/>
  </si>
  <si>
    <t>地域活動栄養士支援</t>
    <phoneticPr fontId="0" type="Hiragana"/>
  </si>
  <si>
    <t>・行政が行う各種栄養改善業務等への協力
・会員への研修</t>
    <phoneticPr fontId="2"/>
  </si>
  <si>
    <t>地域活動栄養士　菜の花会</t>
    <phoneticPr fontId="2"/>
  </si>
  <si>
    <t>平塚保健福祉事務所秦野センター</t>
    <phoneticPr fontId="0" type="Hiragana"/>
  </si>
  <si>
    <t>栄養・食生活対策事業（食生活改善地区組織育成）</t>
    <phoneticPr fontId="0" type="Hiragana"/>
  </si>
  <si>
    <t xml:space="preserve">①地域における食生活改善のための実践活動
②行政が行う各種健康づくり等への協力
③会員への研修
④食生活改善のための調査研究
⑤健康づくりに関する広報活動
</t>
    <phoneticPr fontId="0" type="Hiragana"/>
  </si>
  <si>
    <t>食生活改善推進団体さんろく会</t>
    <phoneticPr fontId="0" type="Hiragana"/>
  </si>
  <si>
    <t>県で養成したオーラルフレイル健口推進員（8020運動推進員）による、健口体操等の自主的な普及啓発活動。当センターは、推進員の人材育成（研修等）と活動支援を行う。</t>
    <phoneticPr fontId="0" type="Hiragana"/>
  </si>
  <si>
    <t>西湘断酒新生会</t>
    <phoneticPr fontId="0" type="Hiragana"/>
  </si>
  <si>
    <t>①アルコール依存症からの回復のための定例活動。
②アルコール依存症の予防や再発防止のための啓発活動</t>
    <phoneticPr fontId="0" type="Hiragana"/>
  </si>
  <si>
    <t>のぞみ会</t>
    <phoneticPr fontId="0" type="Hiragana"/>
  </si>
  <si>
    <t>精神障害者の自立と社会参加を目的とした家族会への支援</t>
    <phoneticPr fontId="0" type="Hiragana"/>
  </si>
  <si>
    <t>鎌倉保健福祉事務所</t>
  </si>
  <si>
    <t>認知症保健福祉事務所事業</t>
    <phoneticPr fontId="0" type="Hiragana"/>
  </si>
  <si>
    <t>認知症になっても安心して暮らせるようにするため、専門職と住民が協働して相談・支援・研修・広報事業を行なっている。</t>
  </si>
  <si>
    <t>かまくら認知症ネットワーク
かまくらりんどうの会</t>
    <phoneticPr fontId="0" type="Hiragana"/>
  </si>
  <si>
    <t>鎌倉保健福祉事務所</t>
    <phoneticPr fontId="0" type="Hiragana"/>
  </si>
  <si>
    <t>精神保健福祉普及相談事業</t>
    <phoneticPr fontId="0" type="Hiragana"/>
  </si>
  <si>
    <t>・アルコールの問題を抱える本人・家族・関係機関等を対象に、アルコール教室を実施</t>
    <phoneticPr fontId="0" type="Hiragana"/>
  </si>
  <si>
    <t>鎌倉逗子断酒会</t>
    <phoneticPr fontId="0" type="Hiragana"/>
  </si>
  <si>
    <t>精神保健福祉サポートセミナー運営委員会（鎌倉市内）のボランティア養成活動を支援する。</t>
    <phoneticPr fontId="0" type="Hiragana"/>
  </si>
  <si>
    <t>精神保健福祉サポートセミナー運営委員会</t>
    <phoneticPr fontId="0" type="Hiragana"/>
  </si>
  <si>
    <t>県で養成したオーラルフレイル健口推進員(8020運動推進員)による健口体操等の自主的な普及啓発活動を支援する。</t>
    <phoneticPr fontId="0" type="Hiragana"/>
  </si>
  <si>
    <t>オーラルフレイル健口推進員</t>
    <phoneticPr fontId="0" type="Hiragana"/>
  </si>
  <si>
    <t>食生活改善推進団体若宮会の組織強化及び地域における食生活改善活動を支援する。</t>
    <phoneticPr fontId="0" type="Hiragana"/>
  </si>
  <si>
    <t>食生活改善推進団体若宮会</t>
    <phoneticPr fontId="0" type="Hiragana"/>
  </si>
  <si>
    <t>地域企業におけるがん検診受診促進事業</t>
    <phoneticPr fontId="0" type="Hiragana"/>
  </si>
  <si>
    <t>管内の企業、事業所等におけるがん検診の受診促進・精密検査受診啓発を行い、効果的な受診率の向上を目指す。</t>
    <phoneticPr fontId="0" type="Hiragana"/>
  </si>
  <si>
    <t>NPO法人ブレイブサークル</t>
    <phoneticPr fontId="0" type="Hiragana"/>
  </si>
  <si>
    <t>鎌倉保健福祉事務所三崎センター</t>
    <phoneticPr fontId="0" type="Hiragana"/>
  </si>
  <si>
    <t>栄養・食生活対策推進事業費</t>
    <phoneticPr fontId="0" type="Hiragana"/>
  </si>
  <si>
    <t>地域における食生活改善活動として次の活動を行う。
・県が行う各種健康づくり事業等への協力
・会員への研修
・健康づくりに関する広報活動</t>
    <phoneticPr fontId="0" type="Hiragana"/>
  </si>
  <si>
    <t>食生活改善推進団体三栄会</t>
    <phoneticPr fontId="0" type="Hiragana"/>
  </si>
  <si>
    <t>・行政が行う各種栄養改善業務等への協力
・会員への研修</t>
    <phoneticPr fontId="0" type="Hiragana"/>
  </si>
  <si>
    <t>三浦市在宅栄養士会</t>
    <phoneticPr fontId="0" type="Hiragana"/>
  </si>
  <si>
    <t>８０２０運動推進対策事業費</t>
    <phoneticPr fontId="0" type="Hiragana"/>
  </si>
  <si>
    <t>県で養成したオーラルフレイル健口推進員の育成及び自主的な健口体操等の普及啓発活動を支援</t>
    <phoneticPr fontId="0" type="Hiragana"/>
  </si>
  <si>
    <t>精神保健福祉普及相談事業費</t>
    <phoneticPr fontId="0" type="Hiragana"/>
  </si>
  <si>
    <t>アルコールの問題を抱える本人・家族・関係機関等を対象にした酒害相談
アルコール依存症からの回復のための定例活動</t>
    <phoneticPr fontId="0" type="Hiragana"/>
  </si>
  <si>
    <t>小田原保健福祉事務所</t>
    <phoneticPr fontId="0" type="Hiragana"/>
  </si>
  <si>
    <t>在宅栄養士会「旬の会」</t>
    <phoneticPr fontId="0" type="Hiragana"/>
  </si>
  <si>
    <t>管内で活動する歯科衛生士会への情報提供及び助言指導を行う。</t>
    <phoneticPr fontId="0" type="Hiragana"/>
  </si>
  <si>
    <t>小田原地域歯科衛生士会</t>
    <phoneticPr fontId="0" type="Hiragana"/>
  </si>
  <si>
    <t>虹の会活動支援</t>
    <phoneticPr fontId="0" type="Hiragana"/>
  </si>
  <si>
    <t>口唇口蓋裂児家族の会への情報提供、助言等の活動支援を行う。</t>
    <phoneticPr fontId="0" type="Hiragana"/>
  </si>
  <si>
    <t>虹の会</t>
    <phoneticPr fontId="0" type="Hiragana"/>
  </si>
  <si>
    <t>小田原断酒新生会</t>
    <phoneticPr fontId="0" type="Hiragana"/>
  </si>
  <si>
    <t>アルコール依存症患者や家族の回復のための例会、酒害相談、研修会を実施</t>
    <phoneticPr fontId="0" type="Hiragana"/>
  </si>
  <si>
    <t>小田原保健福祉事務所足柄上センター</t>
    <phoneticPr fontId="0" type="Hiragana"/>
  </si>
  <si>
    <t>団体等支援（断酒会等）</t>
    <phoneticPr fontId="0" type="Hiragana"/>
  </si>
  <si>
    <t>アルコール依存症の本人及び家族の回復のための例会活動、研修会開催、酒害相談活動を支援するため、必要な情報提供等を行う。</t>
    <phoneticPr fontId="0" type="Hiragana"/>
  </si>
  <si>
    <t>西湘断酒新生会、AA小田原グループ</t>
    <phoneticPr fontId="0" type="Hiragana"/>
  </si>
  <si>
    <t>・地域における食生活改善活動
・行政が行う各種健康づくり事業等への協力
・会員への研修
・食生活改善のための調査研究
・健康づくりに関する広報活動</t>
    <phoneticPr fontId="0" type="Hiragana"/>
  </si>
  <si>
    <t>食生活改善推進団体いくみ会</t>
    <phoneticPr fontId="0" type="Hiragana"/>
  </si>
  <si>
    <t>足柄上地域活動栄養士「あじ彩の会」</t>
    <phoneticPr fontId="0" type="Hiragana"/>
  </si>
  <si>
    <t>オーラルフレイル健口推進員（8020運動推進員）養成事業</t>
    <phoneticPr fontId="0" type="Hiragana"/>
  </si>
  <si>
    <t>県で養成したオーラルフレイル健口推進員（8020運動推進員）による、健口体操等の自主的な普及啓発活動</t>
    <phoneticPr fontId="0" type="Hiragana"/>
  </si>
  <si>
    <t>在宅歯科衛生士会活動支援</t>
    <phoneticPr fontId="0" type="Hiragana"/>
  </si>
  <si>
    <t>・行政が行う各種歯科保健業務等への協力
・口腔ケア等に関する普及啓発活動
・会員への研修</t>
    <phoneticPr fontId="0" type="Hiragana"/>
  </si>
  <si>
    <t>足柄歯科衛生士会（歯ーとハートの会）</t>
    <phoneticPr fontId="0" type="Hiragana"/>
  </si>
  <si>
    <t>厚木保健福祉事務所</t>
    <rPh sb="0" eb="2">
      <t>アツギ</t>
    </rPh>
    <rPh sb="2" eb="9">
      <t>ホ</t>
    </rPh>
    <phoneticPr fontId="6"/>
  </si>
  <si>
    <t>栄養・食生活対策推進事業費（食生活改善推進団体育成）</t>
    <rPh sb="8" eb="10">
      <t>スイシン</t>
    </rPh>
    <rPh sb="12" eb="13">
      <t>ヒ</t>
    </rPh>
    <rPh sb="19" eb="21">
      <t>スイシン</t>
    </rPh>
    <rPh sb="21" eb="23">
      <t>ダンタイ</t>
    </rPh>
    <phoneticPr fontId="2"/>
  </si>
  <si>
    <t>・地域における食生活改善のための実践活動
・行政が行う栄養改善業務への協力
・会員への研修
・健康づくりに関する広報活動</t>
    <rPh sb="1" eb="3">
      <t>チイキ</t>
    </rPh>
    <rPh sb="7" eb="10">
      <t>ショクセイカツ</t>
    </rPh>
    <rPh sb="10" eb="12">
      <t>カイゼン</t>
    </rPh>
    <rPh sb="16" eb="18">
      <t>ジッセン</t>
    </rPh>
    <rPh sb="18" eb="20">
      <t>カツドウ</t>
    </rPh>
    <rPh sb="22" eb="24">
      <t>ギョウセイ</t>
    </rPh>
    <rPh sb="25" eb="26">
      <t>オコナ</t>
    </rPh>
    <rPh sb="27" eb="29">
      <t>エイヨウ</t>
    </rPh>
    <rPh sb="29" eb="31">
      <t>カイゼン</t>
    </rPh>
    <rPh sb="31" eb="33">
      <t>ギョウム</t>
    </rPh>
    <rPh sb="35" eb="37">
      <t>キョウリョク</t>
    </rPh>
    <rPh sb="39" eb="41">
      <t>カイイン</t>
    </rPh>
    <rPh sb="43" eb="45">
      <t>ケンシュウ</t>
    </rPh>
    <rPh sb="47" eb="49">
      <t>ケンコウ</t>
    </rPh>
    <rPh sb="53" eb="54">
      <t>カン</t>
    </rPh>
    <rPh sb="56" eb="58">
      <t>コウホウ</t>
    </rPh>
    <rPh sb="58" eb="60">
      <t>カツドウ</t>
    </rPh>
    <phoneticPr fontId="6"/>
  </si>
  <si>
    <t>食生活改善推進団体あゆみ会</t>
    <rPh sb="0" eb="3">
      <t>ショクセイカツ</t>
    </rPh>
    <rPh sb="3" eb="5">
      <t>カイゼン</t>
    </rPh>
    <rPh sb="5" eb="7">
      <t>スイシン</t>
    </rPh>
    <rPh sb="7" eb="9">
      <t>ダンタイ</t>
    </rPh>
    <rPh sb="12" eb="13">
      <t>カイ</t>
    </rPh>
    <phoneticPr fontId="6"/>
  </si>
  <si>
    <t>厚木保健福祉事務所</t>
    <rPh sb="0" eb="2">
      <t>アツギ</t>
    </rPh>
    <rPh sb="2" eb="4">
      <t>ホケン</t>
    </rPh>
    <rPh sb="4" eb="6">
      <t>フクシ</t>
    </rPh>
    <rPh sb="6" eb="9">
      <t>ジムショ</t>
    </rPh>
    <phoneticPr fontId="2"/>
  </si>
  <si>
    <t>オーラルフレイル健口推進員養成事業</t>
    <rPh sb="8" eb="9">
      <t>ケン</t>
    </rPh>
    <rPh sb="9" eb="10">
      <t>クチ</t>
    </rPh>
    <rPh sb="10" eb="13">
      <t>スイシンイン</t>
    </rPh>
    <rPh sb="13" eb="15">
      <t>ヨウセイ</t>
    </rPh>
    <rPh sb="15" eb="17">
      <t>ジギョウ</t>
    </rPh>
    <phoneticPr fontId="2"/>
  </si>
  <si>
    <t>県で養成したオーラルフレイル健口推進員の育成及び歯及び口腔の健康づくりや健口体操等の自主的な普及啓発活動を支援</t>
    <rPh sb="0" eb="1">
      <t>ケン</t>
    </rPh>
    <rPh sb="2" eb="4">
      <t>ヨウセイ</t>
    </rPh>
    <rPh sb="14" eb="15">
      <t>ケン</t>
    </rPh>
    <rPh sb="15" eb="16">
      <t>クチ</t>
    </rPh>
    <rPh sb="16" eb="19">
      <t>スイシンイン</t>
    </rPh>
    <rPh sb="20" eb="22">
      <t>イクセイ</t>
    </rPh>
    <rPh sb="22" eb="23">
      <t>オヨ</t>
    </rPh>
    <rPh sb="24" eb="25">
      <t>ハ</t>
    </rPh>
    <rPh sb="36" eb="37">
      <t>ケン</t>
    </rPh>
    <rPh sb="37" eb="38">
      <t>クチ</t>
    </rPh>
    <rPh sb="38" eb="40">
      <t>タイソウ</t>
    </rPh>
    <rPh sb="40" eb="41">
      <t>トウ</t>
    </rPh>
    <rPh sb="42" eb="45">
      <t>ジシュテキ</t>
    </rPh>
    <rPh sb="46" eb="48">
      <t>フキュウ</t>
    </rPh>
    <rPh sb="50" eb="52">
      <t>カツドウ</t>
    </rPh>
    <rPh sb="53" eb="55">
      <t>シエン</t>
    </rPh>
    <phoneticPr fontId="2"/>
  </si>
  <si>
    <t>オーラルフレイル健口推進員</t>
    <rPh sb="8" eb="10">
      <t>ケンコウ</t>
    </rPh>
    <rPh sb="10" eb="12">
      <t>スイシン</t>
    </rPh>
    <rPh sb="12" eb="13">
      <t>イン</t>
    </rPh>
    <phoneticPr fontId="6"/>
  </si>
  <si>
    <t>地域人材の育成（地域歯科衛生士）</t>
    <rPh sb="0" eb="2">
      <t>チイキ</t>
    </rPh>
    <rPh sb="2" eb="4">
      <t>ジンザイ</t>
    </rPh>
    <rPh sb="5" eb="7">
      <t>イクセイ</t>
    </rPh>
    <rPh sb="8" eb="10">
      <t>チイキ</t>
    </rPh>
    <rPh sb="10" eb="12">
      <t>シカ</t>
    </rPh>
    <rPh sb="12" eb="15">
      <t>エイセイシ</t>
    </rPh>
    <phoneticPr fontId="2"/>
  </si>
  <si>
    <t>管内で地域歯科保健活動を行う歯科衛生士に対する助言、指導等</t>
    <rPh sb="0" eb="2">
      <t>カンナイ</t>
    </rPh>
    <rPh sb="3" eb="5">
      <t>チイキ</t>
    </rPh>
    <rPh sb="5" eb="7">
      <t>シカ</t>
    </rPh>
    <rPh sb="7" eb="9">
      <t>ホケン</t>
    </rPh>
    <rPh sb="9" eb="11">
      <t>カツドウ</t>
    </rPh>
    <rPh sb="12" eb="13">
      <t>オコナ</t>
    </rPh>
    <rPh sb="14" eb="16">
      <t>シカ</t>
    </rPh>
    <rPh sb="16" eb="19">
      <t>エイセイシ</t>
    </rPh>
    <rPh sb="20" eb="21">
      <t>タイ</t>
    </rPh>
    <rPh sb="23" eb="25">
      <t>ジョゲン</t>
    </rPh>
    <rPh sb="26" eb="28">
      <t>シドウ</t>
    </rPh>
    <rPh sb="28" eb="29">
      <t>トウ</t>
    </rPh>
    <phoneticPr fontId="2"/>
  </si>
  <si>
    <t>神奈川県歯科衛生士会県央支部・厚木愛甲歯科衛生士会</t>
    <rPh sb="0" eb="4">
      <t>カナガワケン</t>
    </rPh>
    <rPh sb="4" eb="6">
      <t>シカ</t>
    </rPh>
    <rPh sb="6" eb="9">
      <t>エイセイシ</t>
    </rPh>
    <rPh sb="9" eb="10">
      <t>カイ</t>
    </rPh>
    <rPh sb="10" eb="12">
      <t>ケンオウ</t>
    </rPh>
    <rPh sb="12" eb="14">
      <t>シブ</t>
    </rPh>
    <rPh sb="15" eb="17">
      <t>アツギ</t>
    </rPh>
    <rPh sb="17" eb="19">
      <t>アイコウ</t>
    </rPh>
    <rPh sb="19" eb="21">
      <t>シカ</t>
    </rPh>
    <rPh sb="21" eb="24">
      <t>エイセイシ</t>
    </rPh>
    <rPh sb="24" eb="25">
      <t>カイ</t>
    </rPh>
    <phoneticPr fontId="2"/>
  </si>
  <si>
    <t>長期療養児支援事業</t>
    <rPh sb="0" eb="2">
      <t>チョウキ</t>
    </rPh>
    <rPh sb="2" eb="4">
      <t>リョウヨウ</t>
    </rPh>
    <rPh sb="4" eb="5">
      <t>ジ</t>
    </rPh>
    <rPh sb="5" eb="7">
      <t>シエン</t>
    </rPh>
    <rPh sb="7" eb="9">
      <t>ジギョウ</t>
    </rPh>
    <phoneticPr fontId="6"/>
  </si>
  <si>
    <t>ダウン症家族の会への情報提供、助言等の活動支援を行う。</t>
    <rPh sb="3" eb="4">
      <t>ショウ</t>
    </rPh>
    <rPh sb="4" eb="6">
      <t>カゾク</t>
    </rPh>
    <rPh sb="7" eb="8">
      <t>カイ</t>
    </rPh>
    <rPh sb="10" eb="12">
      <t>ジョウホウ</t>
    </rPh>
    <rPh sb="12" eb="14">
      <t>テイキョウ</t>
    </rPh>
    <rPh sb="15" eb="17">
      <t>ジョゲン</t>
    </rPh>
    <rPh sb="17" eb="18">
      <t>トウ</t>
    </rPh>
    <rPh sb="19" eb="21">
      <t>カツドウ</t>
    </rPh>
    <rPh sb="21" eb="23">
      <t>シエン</t>
    </rPh>
    <rPh sb="24" eb="25">
      <t>オコナ</t>
    </rPh>
    <phoneticPr fontId="6"/>
  </si>
  <si>
    <t>ひまわり会</t>
    <rPh sb="4" eb="5">
      <t>カイ</t>
    </rPh>
    <phoneticPr fontId="6"/>
  </si>
  <si>
    <t>管内でアレルギーの子を育てている親の会への活動支援。後援等。</t>
    <rPh sb="0" eb="2">
      <t>カンナイ</t>
    </rPh>
    <rPh sb="9" eb="10">
      <t>コ</t>
    </rPh>
    <rPh sb="11" eb="12">
      <t>ソダ</t>
    </rPh>
    <rPh sb="16" eb="17">
      <t>オヤ</t>
    </rPh>
    <rPh sb="18" eb="19">
      <t>カイ</t>
    </rPh>
    <rPh sb="21" eb="23">
      <t>カツドウ</t>
    </rPh>
    <rPh sb="23" eb="25">
      <t>シエン</t>
    </rPh>
    <rPh sb="26" eb="28">
      <t>コウエン</t>
    </rPh>
    <rPh sb="28" eb="29">
      <t>ナド</t>
    </rPh>
    <phoneticPr fontId="2"/>
  </si>
  <si>
    <t>えびなアレルギーサークルデイジー</t>
    <phoneticPr fontId="2"/>
  </si>
  <si>
    <t>厚木保健福祉事務所大和センター</t>
    <phoneticPr fontId="0" type="Hiragana"/>
  </si>
  <si>
    <t>精神保健福祉普及相談事業費（団体支援）</t>
    <phoneticPr fontId="0" type="Hiragana"/>
  </si>
  <si>
    <t>アルコール依存症からの回復のための活動、研修活動、アルコールの問題を抱える本人、家族からの酒害相談活動</t>
    <phoneticPr fontId="0" type="Hiragana"/>
  </si>
  <si>
    <t xml:space="preserve">大和つくし断酒会
</t>
    <phoneticPr fontId="0" type="Hiragana"/>
  </si>
  <si>
    <t>地域人材の育成（地域活動歯科衛生士）</t>
    <phoneticPr fontId="0" type="Hiragana"/>
  </si>
  <si>
    <t>地域歯科活動を行う歯科衛生士に対する助言、指導等</t>
    <phoneticPr fontId="0" type="Hiragana"/>
  </si>
  <si>
    <t>大和綾瀬地域歯科衛生士会</t>
    <phoneticPr fontId="0" type="Hiragana"/>
  </si>
  <si>
    <t>地域人材の育成(食生活改善推進団体)</t>
    <phoneticPr fontId="0" type="Hiragana"/>
  </si>
  <si>
    <t>・地域における食生活改善のための実践活動　　　　　　　　　　・行政が行う栄養改善業務への協力　　　　　　　　　　　　　　・会員への研修　　　　　　　　　　　　　　　　　　　　　　　・健康づくりに関する広報活動</t>
    <phoneticPr fontId="0" type="Hiragana"/>
  </si>
  <si>
    <t>食生活改善推進団体なごみ会</t>
    <phoneticPr fontId="0" type="Hiragana"/>
  </si>
  <si>
    <t>地域人材の育成(地域活動栄養士)</t>
    <phoneticPr fontId="0" type="Hiragana"/>
  </si>
  <si>
    <t>・地域における食育
・行政が行う栄養改善業務への協力
・会員への研修</t>
    <phoneticPr fontId="0" type="Hiragana"/>
  </si>
  <si>
    <t>栄養士みつわ会</t>
    <phoneticPr fontId="0" type="Hiragana"/>
  </si>
  <si>
    <t>精神保健福祉センター</t>
    <phoneticPr fontId="0" type="Hiragana"/>
  </si>
  <si>
    <t>精神障害者地域生活支援事業費（県事業）</t>
    <phoneticPr fontId="0" type="Hiragana"/>
  </si>
  <si>
    <t>入院中の精神障害者の円滑な地域移行を促すため、関係機関との連携、ピアサポーターを活用した普及啓発活動を行い、地域の受け入れ体制の充実を図る。</t>
    <phoneticPr fontId="0" type="Hiragana"/>
  </si>
  <si>
    <t>特定非営利活動法人地域生活サポートまいんど
特定非営利活動法人平塚市精神障害者地域生活支援連絡会</t>
    <phoneticPr fontId="0" type="Hiragana"/>
  </si>
  <si>
    <t>精神障害者家族相談員養成事業</t>
    <phoneticPr fontId="0" type="Hiragana"/>
  </si>
  <si>
    <t>精神障害者の家族会員等を精神障害者家族相談員として養成・登録し、地域で生活している精神障害者やその家族に対し、相談や援助を行うことにより、誰もがその人らしく地域で生活できる社会づくりを推進する。</t>
    <phoneticPr fontId="0" type="Hiragana"/>
  </si>
  <si>
    <t>NPO法人　じんかれん</t>
    <phoneticPr fontId="0" type="Hiragana"/>
  </si>
  <si>
    <t>相談指導・酒害予防・調査研究事業</t>
    <phoneticPr fontId="0" type="Hiragana"/>
  </si>
  <si>
    <t>酒害相談員研修の開催、地区別断酒会会員研修の開催等</t>
    <phoneticPr fontId="0" type="Hiragana"/>
  </si>
  <si>
    <t>一般社団法人神奈川県断酒連合会</t>
    <phoneticPr fontId="0" type="Hiragana"/>
  </si>
  <si>
    <t>こころといのちを守る対策推進事業</t>
    <phoneticPr fontId="0" type="Hiragana"/>
  </si>
  <si>
    <t>自死遺族の集いの運営、自死遺族の集いに関するチラシ、リーフレット作成</t>
    <phoneticPr fontId="0" type="Hiragana"/>
  </si>
  <si>
    <t>自死遺族すまいる</t>
  </si>
  <si>
    <t>平塚市
平塚保健福祉事務所</t>
    <phoneticPr fontId="0" type="Hiragana"/>
  </si>
  <si>
    <t>こころといのちの地域医療支援事業</t>
    <phoneticPr fontId="0" type="Hiragana"/>
  </si>
  <si>
    <t>かかりつけの医師がうつ病の患者に対して適切な対応を取ることができるようにするため、身体科の医師を主な対象に、うつ病についての知識や技術を習得する研修の開催</t>
    <phoneticPr fontId="0" type="Hiragana"/>
  </si>
  <si>
    <t>公益社団法人神奈川県医師会</t>
    <phoneticPr fontId="0" type="Hiragana"/>
  </si>
  <si>
    <t>横浜市
川崎市
相模原市</t>
    <phoneticPr fontId="0" type="Hiragana"/>
  </si>
  <si>
    <t>薬物乱用防止対策事業</t>
    <phoneticPr fontId="0" type="Hiragana"/>
  </si>
  <si>
    <t>薬物依存症への理解を深め、治療や支援による依存症からの回復や本人、家族の孤立を防ぐことに対する啓蒙を目的とした講演会の開催</t>
    <phoneticPr fontId="0" type="Hiragana"/>
  </si>
  <si>
    <t>ＮＰО法人横浜ひまわり家族会</t>
    <phoneticPr fontId="0" type="Hiragana"/>
  </si>
  <si>
    <t>大学生を対象に、自殺対策の必要性についての理解を深めるとともに、効果的に対策を進めることを目的として、若年者層のゲートキーパーを養成する研修を大学の講義として開催</t>
    <phoneticPr fontId="0" type="Hiragana"/>
  </si>
  <si>
    <t>神奈川県立保健福祉大学</t>
    <phoneticPr fontId="0" type="Hiragana"/>
  </si>
  <si>
    <t>法律専門家である司法書士が入院先に赴き、医療機関の理解を得て、未遂者本人及び家族等の相談を実施する「ベッドサイド法律相談」に対して支援を行う。</t>
    <phoneticPr fontId="2"/>
  </si>
  <si>
    <t>神奈川県司法書士会</t>
    <phoneticPr fontId="2"/>
  </si>
  <si>
    <t>県は、法律専門家をはじめ、各職種の専門家が一堂に会し、相談を受ける「暮らしとこころの相談会」に対して支援を行う。</t>
    <phoneticPr fontId="2"/>
  </si>
  <si>
    <t>神奈川県弁護士会</t>
  </si>
  <si>
    <t>国際医療福祉大学</t>
    <phoneticPr fontId="0" type="Hiragana"/>
  </si>
  <si>
    <t>動物愛護センター</t>
    <phoneticPr fontId="0" type="Hiragana"/>
  </si>
  <si>
    <t>動物愛護センター登録ボランティア（譲渡・グルーミング）</t>
    <phoneticPr fontId="0" type="Hiragana"/>
  </si>
  <si>
    <t>動物愛護センターに収容された動物の致死処分数を削減するために、新たな飼い主への動物の譲渡、収容動物の健康等を保つためのグルーミングを行う。</t>
    <phoneticPr fontId="0" type="Hiragana"/>
  </si>
  <si>
    <t>動物愛護センター登録ボランティア（譲渡）</t>
    <phoneticPr fontId="0" type="Hiragana"/>
  </si>
  <si>
    <t>動物愛護センターに収容された動物の致死処分数を削減するために、新たな飼い主への動物の譲渡活動を行う。</t>
    <phoneticPr fontId="0" type="Hiragana"/>
  </si>
  <si>
    <t>Cattery Branche</t>
    <phoneticPr fontId="0" type="Hiragana"/>
  </si>
  <si>
    <t>産業振興課</t>
    <phoneticPr fontId="0" type="Hiragana"/>
  </si>
  <si>
    <t>神奈川県溶接技術コンクール</t>
  </si>
  <si>
    <t>溶接技術の研鑽を促すことを目的として、溶接競技において優秀な結果を出した溶接従事者を表彰する。昭和33年から毎年開催。</t>
    <phoneticPr fontId="0" type="Hiragana"/>
  </si>
  <si>
    <t>（一社）神奈川県溶接協会</t>
    <phoneticPr fontId="0" type="Hiragana"/>
  </si>
  <si>
    <t>関東地方発明表彰</t>
  </si>
  <si>
    <t>優れた発明、考案または意匠を生み出した技術者・研究開発者を顕彰する。大正10年から全国を8地方に分けて毎年開催。</t>
    <phoneticPr fontId="0" type="Hiragana"/>
  </si>
  <si>
    <t>（一社）神奈川県発明協会、（公社）発明協会</t>
    <phoneticPr fontId="0" type="Hiragana"/>
  </si>
  <si>
    <t>神奈川県青少年創意くふう展覧会</t>
  </si>
  <si>
    <t>青少年に発明くふうする楽しさと創作する喜びを感じてもらい、創造性豊かな人間形成を目指すことを目的として、優れた作品の展示、表彰を行う。</t>
    <phoneticPr fontId="0" type="Hiragana"/>
  </si>
  <si>
    <t>（一社）神奈川県発明協会</t>
    <phoneticPr fontId="0" type="Hiragana"/>
  </si>
  <si>
    <t>ＱＣサークル　関東支部　神奈川地区 チャンピオン大会</t>
    <phoneticPr fontId="0" type="Hiragana"/>
  </si>
  <si>
    <t>神奈川地区の年間優秀サークルを表彰する。</t>
    <phoneticPr fontId="0" type="Hiragana"/>
  </si>
  <si>
    <t>ＱＣサークル関東支部神奈川地区</t>
    <phoneticPr fontId="0" type="Hiragana"/>
  </si>
  <si>
    <t>さがみロボット産業特区協議会</t>
    <phoneticPr fontId="0" type="Hiragana"/>
  </si>
  <si>
    <t>「さがみロボット産業特区」の推進組織として、生活支援ロボットの実用化及び関連産業の集積を図る。</t>
    <phoneticPr fontId="0" type="Hiragana"/>
  </si>
  <si>
    <t>（公社）神奈川県医師会、（公社）神奈川県看護協会、（一社）神奈川県高齢者福祉施設協議会、（公社）かながわ福祉サービス振興会</t>
    <phoneticPr fontId="0" type="Hiragana"/>
  </si>
  <si>
    <t>特区区域内の企業、商工会・商工会議所、大学等　他47者</t>
    <phoneticPr fontId="0" type="Hiragana"/>
  </si>
  <si>
    <t>かながわ起業家教育推進協議会</t>
    <phoneticPr fontId="0" type="Hiragana"/>
  </si>
  <si>
    <t>大学と県、起業支援機関等を構成員とし、県事業の効果的な事業推進に資するための意見聴取を行うとともに、起業家教育に関する情報共有を図る。</t>
    <phoneticPr fontId="0" type="Hiragana"/>
  </si>
  <si>
    <t>雇用労政課</t>
    <phoneticPr fontId="0" type="Hiragana"/>
  </si>
  <si>
    <t>労使及び一般県民を対象に労働問題や社会経済に関する知識を提供することにより、労働問題の自主的解決能力の向上を図るとともに、紛争の未然防止や労働環境の改善に資するため、労働法、人事労務管理・労働経済、労働福祉の３分野を中心に、労働問題に関する基礎的知識を体系的に学ぶ。</t>
  </si>
  <si>
    <t>（公財）神奈川県労働福祉協会</t>
  </si>
  <si>
    <t>労働福祉協会事業費補助</t>
    <phoneticPr fontId="0" type="Hiragana"/>
  </si>
  <si>
    <t>無料の職業紹介や職業相談等に実施により、寿地区の日雇労働者の適正な就労と福祉の向上を図る。</t>
    <phoneticPr fontId="0" type="Hiragana"/>
  </si>
  <si>
    <t>（公財）神奈川県労働福祉協会</t>
    <phoneticPr fontId="0" type="Hiragana"/>
  </si>
  <si>
    <t>横浜市</t>
    <phoneticPr fontId="0" type="Hiragana"/>
  </si>
  <si>
    <t>(公財)横浜市寿町健康福祉交流協会</t>
    <phoneticPr fontId="0" type="Hiragana"/>
  </si>
  <si>
    <t>寿地区の住民等への保健医療を提供し、地域福祉に関する事業及び社会参加・就業支援に関する事業等を行っている。</t>
    <phoneticPr fontId="0" type="Hiragana"/>
  </si>
  <si>
    <t>（公財）横浜市寿町健康福祉交流協会</t>
    <phoneticPr fontId="0" type="Hiragana"/>
  </si>
  <si>
    <t>産業人材課</t>
    <phoneticPr fontId="0" type="Hiragana"/>
  </si>
  <si>
    <t>視覚障害者技能取得援助事業費補助</t>
    <phoneticPr fontId="0" type="Hiragana"/>
  </si>
  <si>
    <t>中途視覚障害者の職業的自立を促進するための技能習得に必要な資金を貸し付ける公益財団法人神奈川県労働福祉協会に対して補助を行う。</t>
    <phoneticPr fontId="0" type="Hiragana"/>
  </si>
  <si>
    <t>公益財団法人神奈川県労働福祉協会</t>
    <phoneticPr fontId="0" type="Hiragana"/>
  </si>
  <si>
    <t>計量検定所</t>
    <phoneticPr fontId="0" type="Hiragana"/>
  </si>
  <si>
    <t>計量管理強調月間運動</t>
    <phoneticPr fontId="0" type="Hiragana"/>
  </si>
  <si>
    <t>　科学的諸管理の基礎である計量管理の進展を図るため本運動を展開し、県内産業経済の発展に寄与する。</t>
  </si>
  <si>
    <t>（公社）神奈川県計量協会</t>
    <phoneticPr fontId="0" type="Hiragana"/>
  </si>
  <si>
    <t>横浜市、川崎市、相模原市、横須賀市、
平塚市、小田原市、茅ヶ崎市、厚木市、大和市</t>
    <phoneticPr fontId="0" type="Hiragana"/>
  </si>
  <si>
    <t>かながわ労働センター川崎支所　</t>
    <phoneticPr fontId="0" type="Hiragana"/>
  </si>
  <si>
    <t>労働講座</t>
    <phoneticPr fontId="0" type="Hiragana"/>
  </si>
  <si>
    <t>労働問題に対する知識の普及、自主的解決能力の向上を図るため労働法に関する講座を開催する。</t>
    <phoneticPr fontId="0" type="Hiragana"/>
  </si>
  <si>
    <t>（公財）神奈川県労働福祉協会（てくのかわさき）</t>
    <phoneticPr fontId="0" type="Hiragana"/>
  </si>
  <si>
    <t>労務管理セミナー</t>
    <phoneticPr fontId="0" type="Hiragana"/>
  </si>
  <si>
    <t>使用者を対象に、労働問題に対する知識の普及、自主的解決能力の向上を図るため労働法に関する講座を開催する。</t>
    <rPh sb="0" eb="3">
      <t>しようしゃ</t>
    </rPh>
    <rPh sb="4" eb="6">
      <t>たいしょう</t>
    </rPh>
    <phoneticPr fontId="0" type="Hiragana"/>
  </si>
  <si>
    <t>（公財）神奈川県労働福祉協会（てくのかわさき）
(公財)川崎市産業振興財団</t>
    <phoneticPr fontId="0" type="Hiragana"/>
  </si>
  <si>
    <t>中小企業団体連絡会</t>
    <phoneticPr fontId="0" type="Hiragana"/>
  </si>
  <si>
    <t>産業技術短期大学校</t>
    <phoneticPr fontId="0" type="Hiragana"/>
  </si>
  <si>
    <t>人材育成支援センター事業費</t>
    <phoneticPr fontId="0" type="Hiragana"/>
  </si>
  <si>
    <t>民間との連携による職業能力開発を推進するため、職業能力開発に携わるＮＰＯ法人を含む民間とのネットワークを形成し、訓練情報の提供や訓練プログラム開発などを推進。</t>
    <phoneticPr fontId="0" type="Hiragana"/>
  </si>
  <si>
    <t>公共職業能力開発施設、認定職業能力開発施設、大学、専修学校、企業、団体</t>
    <phoneticPr fontId="0" type="Hiragana"/>
  </si>
  <si>
    <t>神奈川障害者職業能力開発校</t>
    <phoneticPr fontId="0" type="Hiragana"/>
  </si>
  <si>
    <t>障害者就職促進委託訓練事業費</t>
  </si>
  <si>
    <t>求職中の障害者の就職促進を図るため、ＮＰＯ法人等の多用な委託先を活用し、障害者の能力、適性及び障害者の雇用ニーズに対応した様々な委託訓練を実施する。</t>
    <phoneticPr fontId="2"/>
  </si>
  <si>
    <t>(ＮＰＯ法人)障害者雇用部会、(ＮＰＯ法人)かながわ精神障害者就労支援事業所の会、(ＮＰＯ法人)デジタルコンテンツ研究会、(ＮＰＯ法人)男女共同参画さがみはら</t>
    <phoneticPr fontId="0" type="Hiragana"/>
  </si>
  <si>
    <t>県土整備経理課</t>
  </si>
  <si>
    <t>建設ともしび運動</t>
  </si>
  <si>
    <t>地域住民が自発的に行う道路、河川、公園等の美化清掃等の活動に対し、物品等を支給または貸し出しする。</t>
  </si>
  <si>
    <t>こども会</t>
    <phoneticPr fontId="0" type="Hiragana"/>
  </si>
  <si>
    <t>自治会、小中学校</t>
    <phoneticPr fontId="0" type="Hiragana"/>
  </si>
  <si>
    <t>都市整備課</t>
  </si>
  <si>
    <t>湘南邸園文化祭</t>
  </si>
  <si>
    <t>相模湾沿岸地域一帯の歴史的な邸宅・庭園等の保全活用を推進する。この一環として、ＮＰＯ等と公民連携で邸園等の価値や魅力の発信等を目指して邸園等を舞台にした文化的イベントを実施する。</t>
    <phoneticPr fontId="0" type="Hiragana"/>
  </si>
  <si>
    <t>湘南邸園文化祭連絡協議会</t>
  </si>
  <si>
    <t>都市公園課</t>
    <phoneticPr fontId="0" type="Hiragana"/>
  </si>
  <si>
    <t xml:space="preserve">県立都市公園指定管理費
</t>
    <phoneticPr fontId="2"/>
  </si>
  <si>
    <t>指定管理者：公園協会・オーチュー・サカタのタネ・小田急電鉄共同事業体
障がいのある人もない人も、誰もが楽しめ、癒されるユニバーサルカヌー体験会を実施。子どもから年配の方まで、幅広い年齢層が対象。</t>
    <rPh sb="35" eb="36">
      <t>ショウ</t>
    </rPh>
    <phoneticPr fontId="2"/>
  </si>
  <si>
    <t>NPO法人HONKI University</t>
    <phoneticPr fontId="2"/>
  </si>
  <si>
    <t xml:space="preserve">県立都市公園指定管理費
</t>
  </si>
  <si>
    <t>指定管理者：公園協会・オーチュー・サカタのタネ・小田急電鉄共同事業体
障がいのあるなしに関わらず、様々な年齢や国籍などを持つ人たちが一緒に体を動かし、本気で楽しむことを通じて、様々な気付きや考えるきっかけに繋げることを目指した「THE HONKI 運動会」を実施。</t>
    <phoneticPr fontId="0" type="Hiragana"/>
  </si>
  <si>
    <t>NPO法人HONKI University</t>
  </si>
  <si>
    <t>指定管理者：㈱湘南なぎさパーク
湘南海岸公園で増えた野良猫問題に対して、NPOが不妊手術、里親探しの活動を行っている。この活動で、捕獲の協力等を行い野良猫を減らし管理下に置いている。</t>
    <phoneticPr fontId="0" type="Hiragana"/>
  </si>
  <si>
    <t>「湘南海岸公園地域猫を救う会」</t>
    <phoneticPr fontId="0" type="Hiragana"/>
  </si>
  <si>
    <t>指定管理者：㈱湘南なぎさパーク
希少海浜植物であるハマボウフウなどの育成について協働して取り組んでいる。</t>
    <phoneticPr fontId="0" type="Hiragana"/>
  </si>
  <si>
    <t>「湘南海浜植物育成会」</t>
    <phoneticPr fontId="0" type="Hiragana"/>
  </si>
  <si>
    <t>指定管理者：㈱湘南なぎさパーク
ライフセーバー育成活動の協力及び水難事故発生時の救護活動支援</t>
    <phoneticPr fontId="0" type="Hiragana"/>
  </si>
  <si>
    <t>「(特非)西浜サーフライフセービングクラブ」</t>
    <phoneticPr fontId="0" type="Hiragana"/>
  </si>
  <si>
    <t>指定管理者：㈱湘南なぎさパーク
水難事故発生時の救護活動支援</t>
    <phoneticPr fontId="0" type="Hiragana"/>
  </si>
  <si>
    <t>「サーフ90藤沢ライフセービングクラブ」</t>
  </si>
  <si>
    <t>指定管理者：神奈川県公園協会・小田急ビルサービスグループ
茅ケ崎里山公園の発展と活性化を目指し、季節に応じたイベントなどを実施</t>
    <phoneticPr fontId="0" type="Hiragana"/>
  </si>
  <si>
    <t>茅ケ崎里山公園倶楽部
柳谷の自然に学ぶ会</t>
    <phoneticPr fontId="0" type="Hiragana"/>
  </si>
  <si>
    <t>指定管理者：公園協会・オーチュー・サカタのタネ・小田急電鉄共同事業体
ハマボウフウなどの海浜植物の保護・啓発</t>
    <phoneticPr fontId="0" type="Hiragana"/>
  </si>
  <si>
    <t>湘南海浜植物育成会</t>
    <phoneticPr fontId="0" type="Hiragana"/>
  </si>
  <si>
    <t>指定管理者：公園協会・オーチュー・サカタのタネ・小田急電鉄共同事業体
ハマカキラン生育調査</t>
    <phoneticPr fontId="0" type="Hiragana"/>
  </si>
  <si>
    <t>県植物誌調査会（藤沢グループ）</t>
  </si>
  <si>
    <t>指定管理者：神奈川県公園協会・小田急ビルサービスグループ
茅ヶ崎里山公園の里山保全活動</t>
    <phoneticPr fontId="0" type="Hiragana"/>
  </si>
  <si>
    <t>湘南工科大学社会貢献活動・鎌倉湘南地区高校生インターンシップ・茅ヶ崎公園体験学習センター、茅ヶ崎市ユースボランティア</t>
    <phoneticPr fontId="0" type="Hiragana"/>
  </si>
  <si>
    <t>県立都市公園指定管理費</t>
    <phoneticPr fontId="0" type="Hiragana"/>
  </si>
  <si>
    <t>指定管理者:（公財）神奈川県公園協会
厚木市内における森林の保全や森林の持つ多様な機能を回復することを目的に活動している「厚木市森林づくりボランティア協会」に七沢森林公園を活動の場として提供し、間伐、下草刈り、階段補修などの森林整備を実施していただいており、階段補修材料の支給や資器材の運搬を公園で担っている。</t>
    <phoneticPr fontId="0" type="Hiragana"/>
  </si>
  <si>
    <t>厚木市森林づくりボランティア協会</t>
    <phoneticPr fontId="0" type="Hiragana"/>
  </si>
  <si>
    <t>指定管理者神奈川県公園協会・サカタのタネグループ・オーチュー共同事業体
公園内（花見台交番前他）の花壇管理</t>
    <phoneticPr fontId="0" type="Hiragana"/>
  </si>
  <si>
    <t>保土ヶ谷公園フラワーメイト</t>
    <phoneticPr fontId="0" type="Hiragana"/>
  </si>
  <si>
    <t>指定管理者神奈川県公園協会・サカタのタネグループ・オーチュー共同事業体
サッカー教室、芝生管理教室</t>
    <phoneticPr fontId="0" type="Hiragana"/>
  </si>
  <si>
    <t>県庁サッカー部グラスホッパー、COJB、芝生応援団グラスルーター</t>
    <phoneticPr fontId="0" type="Hiragana"/>
  </si>
  <si>
    <t>指定管理者神奈川県公園協会・サカタのタネグループ・オーチュー共同事業体
園内わんぱく広場等における遊び・体験、サバイバルクッキング教室</t>
    <phoneticPr fontId="0" type="Hiragana"/>
  </si>
  <si>
    <t>ほどがやわくわくわんぱくパーク</t>
    <phoneticPr fontId="0" type="Hiragana"/>
  </si>
  <si>
    <t>指定管理者神奈川県公園協会・サカタのタネグループ・オーチュー共同事業体
公園内の清掃活動</t>
    <phoneticPr fontId="0" type="Hiragana"/>
  </si>
  <si>
    <t>社会福祉法人恵和（恵和館）</t>
    <phoneticPr fontId="0" type="Hiragana"/>
  </si>
  <si>
    <t>指定管理者　神奈川県公園協会・石勝エクステリア・サカタのタネGSグループ
園内の水田耕作、花壇管理、自然観察会の実施</t>
    <phoneticPr fontId="0" type="Hiragana"/>
  </si>
  <si>
    <t>三ツ池公園を活用する会</t>
    <phoneticPr fontId="0" type="Hiragana"/>
  </si>
  <si>
    <t>指定管理者　神奈川県公園協会・石勝エクステリア・サカタのタネGSグループ
園内の樹林地広場におけるプレーパーク活動</t>
    <phoneticPr fontId="0" type="Hiragana"/>
  </si>
  <si>
    <t>つるみプレーパーク</t>
  </si>
  <si>
    <t>指定管理者　神奈川県公園協会・石勝エクステリア・サカタのタネGSグループ
園内の飼い主のいないネコの繁殖を抑え、個体数を減らしていく活動</t>
    <phoneticPr fontId="0" type="Hiragana"/>
  </si>
  <si>
    <t>三ツ池公園TNR活動の会（仮称）</t>
  </si>
  <si>
    <t>県立都市公園指定管理費</t>
    <phoneticPr fontId="2"/>
  </si>
  <si>
    <t>指定管理者　神奈川県公園協会・石勝エクステリア・サカタのタネGSグループ
園内でのラジオ体操、園内清掃</t>
    <phoneticPr fontId="0" type="Hiragana"/>
  </si>
  <si>
    <t>三ツ池公園ラジオ体操会</t>
    <phoneticPr fontId="0" type="Hiragana"/>
  </si>
  <si>
    <t>指定管理者　神奈川県公園協会・石勝エクステリア・サカタのタネGSグループ
公園内の花壇の手入れ作業</t>
    <phoneticPr fontId="0" type="Hiragana"/>
  </si>
  <si>
    <t>花壇ボランティア</t>
    <phoneticPr fontId="0" type="Hiragana"/>
  </si>
  <si>
    <t>指定管理者:神奈川県公園協会・大和ハウスリアル・サカタのタネＧＳグループ
園内樹林地の里山の二次林への更新、維持活動、自然観察会講師</t>
    <phoneticPr fontId="0" type="Hiragana"/>
  </si>
  <si>
    <t>NPO法人四季の森里山研究会</t>
    <phoneticPr fontId="0" type="Hiragana"/>
  </si>
  <si>
    <t>指定管理者:神奈川県公園協会・大和ハウスリアル・サカタのタネＧＳグループ
園内の水田での体験学習の指導、水田の管理</t>
    <phoneticPr fontId="0" type="Hiragana"/>
  </si>
  <si>
    <t>県立四季の森公園稲作の会</t>
    <phoneticPr fontId="0" type="Hiragana"/>
  </si>
  <si>
    <t>指定管理者:神奈川県公園協会・大和ハウスリアル・サカタのタネＧＳグループ
自然観察会講師</t>
    <phoneticPr fontId="0" type="Hiragana"/>
  </si>
  <si>
    <t>NPO法人全国森林インストラクター神奈川会</t>
    <phoneticPr fontId="0" type="Hiragana"/>
  </si>
  <si>
    <t>ボランティアガイド</t>
    <phoneticPr fontId="0" type="Hiragana"/>
  </si>
  <si>
    <t>指定管理者:神奈川県公園協会・大和ハウスリアル・サカタのタネＧＳグループ
花壇の手入れ、ハナショウブの管理、ハスの管理など</t>
    <phoneticPr fontId="0" type="Hiragana"/>
  </si>
  <si>
    <t>四季友の会</t>
    <phoneticPr fontId="0" type="Hiragana"/>
  </si>
  <si>
    <t>指定管理者:神奈川県公園協会・大和ハウスリアル・サカタのタネＧＳグループ
子どもたちへキャンプを通じて自然体験の機会を提供する</t>
    <phoneticPr fontId="0" type="Hiragana"/>
  </si>
  <si>
    <t>ボーイスカウト横浜第125団</t>
    <phoneticPr fontId="0" type="Hiragana"/>
  </si>
  <si>
    <t>ボーイスカウト横浜第89団</t>
    <phoneticPr fontId="0" type="Hiragana"/>
  </si>
  <si>
    <t>相模湖公園において、指定管理者の指導のもと、花壇、プランターに各班に分かれて花植えをする。年２回（６月、１１月）に行う。</t>
    <phoneticPr fontId="0" type="Hiragana"/>
  </si>
  <si>
    <t>公園周辺の地域住民</t>
    <phoneticPr fontId="0" type="Hiragana"/>
  </si>
  <si>
    <t>湖畔商店会、相模湖こども園、桂北小学校、養護学校</t>
    <phoneticPr fontId="0" type="Hiragana"/>
  </si>
  <si>
    <t>まちづくり「湖の星」</t>
    <phoneticPr fontId="0" type="Hiragana"/>
  </si>
  <si>
    <t>（相模湖ふれあい広場実行委員会）　　　　　　　　　　　　　　　　　指定管理者：（一社）相模湖観光協会・神奈川県ローイング協会グループ　　　相模湖公園で実施するふれあい広場の開催に関する必要な事項を協議し、その開催と運営にあたる。</t>
    <phoneticPr fontId="0" type="Hiragana"/>
  </si>
  <si>
    <t>相模湖商工会、相模湖商工会青年部、相模湖商工会女性部、相模湖商工相友会、相模原市消防局津久井消防署</t>
    <phoneticPr fontId="0" type="Hiragana"/>
  </si>
  <si>
    <t>（さがみ湖やまなみイルミネーション実行委員会）　　　　　　　　　　　　　　　　　指定管理者：（一社）相模湖観光協会・神奈川県ローイング協会グループ　　　相模湖畔で冬の風物詩として実施し、冬季の公園利用の促進、地域の人々や観光客の誘客を促し、ひいては地域の活性化をはかることを目的に、運営、管理全般について協議し、決定する。</t>
    <phoneticPr fontId="0" type="Hiragana"/>
  </si>
  <si>
    <t>相模湖商工会、相模湖商工会青年部、相模湖商工会女性部、JR東日本相模湖駅、与瀬商栄会、相模湖遊船組合、湖畔商店会</t>
    <phoneticPr fontId="0" type="Hiragana"/>
  </si>
  <si>
    <t>（相模湖やまなみ祭実行委員会）　　　　　　　　　　　　　　　　　指定管理者：（一社）相模湖観光協会・神奈川県ローイング協会グループ　　　相模湖公園で実施する相模湖やまなみ祭の開催に関する必要な事項を協議し、その開催と運営にあたる。</t>
    <phoneticPr fontId="0" type="Hiragana"/>
  </si>
  <si>
    <t>相模湖商工会、相模湖商工会青年部、相模湖商工会女性部、相模原市相模湖まちづくりセンター津久井警察署、JR東日本相模湖駅、神奈川中央交通（株）相模湖交流センターアクティオ（株）</t>
    <phoneticPr fontId="0" type="Hiragana"/>
  </si>
  <si>
    <t xml:space="preserve">県立都市公園指定管理費
</t>
    <phoneticPr fontId="0" type="Hiragana"/>
  </si>
  <si>
    <t>指定管理者：神奈川県公園協会・サカタのタネ・サカタのタネGSグループ
相模原公園において、ドッグランの利用者の受付、案内・指導などの管理運営を行う。</t>
    <phoneticPr fontId="0" type="Hiragana"/>
  </si>
  <si>
    <t>Crossed Paws（クロスト ポウズ）</t>
    <phoneticPr fontId="0" type="Hiragana"/>
  </si>
  <si>
    <t>（相模原公園イベント協力会）
指定管理者：神奈川県公園協会・サカタのタネ・サカタのタネGSグループ
相模原公園において、指定管理者が地域振興等のために、公園周辺の地域団体とイベント（春、初夏、秋の３回）の企画や協議を実施。</t>
    <phoneticPr fontId="0" type="Hiragana"/>
  </si>
  <si>
    <t>社会福祉法人すずらんの会、
麻溝地区自治会連合会、
アクアフローラ㈱、
㈱アクアカラー、
さがみ野夢工房ふっくら、
宝来堂伊藤製菓舗、
県立スポーツセンター</t>
    <phoneticPr fontId="0" type="Hiragana"/>
  </si>
  <si>
    <t>指定管理者：神奈川県公園協会・サカタのタネ・サカタのタネGSグループ
相模原公園内の日本庭園「衆遊の庭」において、造園技術継承を目的に維持管理（剪定、除草、竹垣作成等）を実施。</t>
    <phoneticPr fontId="0" type="Hiragana"/>
  </si>
  <si>
    <t>一般社団法人神奈川県造園業協会　作庭塾庭守</t>
    <phoneticPr fontId="0" type="Hiragana"/>
  </si>
  <si>
    <t xml:space="preserve">指定管理者：神奈川県公園協会・サカタのタネ・サカタのタネGSグループ
相模原公園内「緑の街」において、ハーブを中心とした草花の手入れを実施。
</t>
    <phoneticPr fontId="0" type="Hiragana"/>
  </si>
  <si>
    <t>ボランティアハーブの会</t>
    <phoneticPr fontId="0" type="Hiragana"/>
  </si>
  <si>
    <t>指定管理者：神奈川県公園協会・サカタのタネ・サカタのタネGSグループ
相模原公園において、子供たちへ伝統文化の継承を目的に開催する。（子ども生け花教室）</t>
    <phoneticPr fontId="0" type="Hiragana"/>
  </si>
  <si>
    <t>伝統文化いけばな子供教室</t>
    <phoneticPr fontId="0" type="Hiragana"/>
  </si>
  <si>
    <t>県立都市公園指定管理費</t>
  </si>
  <si>
    <t>指定管理者：神奈川県公園協会・サカタのタネ・サカタのタネGSグループ
相模原公園において、緑の情報発信や普及啓発を目的に、事業をとおし自然や緑に触れながら、学び、喜び、楽しむ機会を提供する。（ネーチャーゲーム、自然観察会、ツリークライミング）</t>
    <phoneticPr fontId="0" type="Hiragana"/>
  </si>
  <si>
    <t>グリーン相模原シェアリングネーチャーの会、
さがみはら緑の風、
ツリークライミングジャパン　クラブLeaf</t>
    <phoneticPr fontId="0" type="Hiragana"/>
  </si>
  <si>
    <t>指定管理者：神奈川県公園協会・サカタのタネ・サカタのタネGSグループ
相模原公園において、緑の情報発信や普及啓発を目的に、事業をとおし、植物展示による日本の伝統的な芸術に触れる機会を提供する。
（盆栽展、山野草展、さつき展）</t>
    <phoneticPr fontId="0" type="Hiragana"/>
  </si>
  <si>
    <t>（一社）日本盆栽協会相模原支部
県央皐月会、相模原老鴉柿を育てる会</t>
    <phoneticPr fontId="0" type="Hiragana"/>
  </si>
  <si>
    <t>指定管理者：神奈川県公園協会・サカタのタネ・サカタのタネGSグループ
相模原公園において、県民の健康や福祉の増進を目的に、事業をとおし、自然の中で体を動かし、健康づくりの機会を提供する。（ポールウォーキング、ニュースポーツ）</t>
    <phoneticPr fontId="0" type="Hiragana"/>
  </si>
  <si>
    <t>さがみはらスポーツ・レクリエーションの会</t>
    <phoneticPr fontId="0" type="Hiragana"/>
  </si>
  <si>
    <t>指定管理者：神奈川県公園協会・サカタのタネ・サカタのタネGSグループ
津久井湖城山公園において、指定管理者と観光協会や地元自治会等と地域振興等を目的に、津久井湖さくら祭り(千本桜含む)、津久井湖湖上祭、みんなの津久井湖夏祭り、イルミネーション等を企画し、その運営を協働で実施している。</t>
    <phoneticPr fontId="2"/>
  </si>
  <si>
    <t>津久井・城山観光協会、津久井・城山商工会、津久井青年会議所、地元自治会</t>
    <phoneticPr fontId="0" type="Hiragana"/>
  </si>
  <si>
    <t>指定管理者：神奈川県公園協会・サカタのタネグリーンサービスグループ
津久井湖城山公園において、指定管理者が地域振興等を目的に、公園周辺の地域団体とイベントの企画や運営を協働で実施している。</t>
    <phoneticPr fontId="0" type="Hiragana"/>
  </si>
  <si>
    <t>グリーン相模原シェアリングネイチャーの会、さがみはらスポーツレクリエーション協会</t>
    <phoneticPr fontId="0" type="Hiragana"/>
  </si>
  <si>
    <t>指定管理者：神奈川県公園協会・サカタのタネグリーンサービスグループ
津久井湖城山公園において、指定管理者と共催で年に10回イベント「いきものウォッチング」を開催。また、園内の自然に関する調査・普及活動を行う。</t>
    <phoneticPr fontId="0" type="Hiragana"/>
  </si>
  <si>
    <t>しろやま自然観察グループ</t>
    <phoneticPr fontId="0" type="Hiragana"/>
  </si>
  <si>
    <t>指定管理者：神奈川県公園協会・サカタのタネグリーンサービスグループ
津久井湖城山公園において、指定管理者の指導のもと、花壇、畑、展示、自然の各班に分かれてそれぞれが公園に貢献するボランティア活動を行う。</t>
    <phoneticPr fontId="0" type="Hiragana"/>
  </si>
  <si>
    <t>ＳＫＴボランティア</t>
  </si>
  <si>
    <t>指定管理者：神奈川県公園協会・サカタのタネグリーンサービスグループ
津久井湖城山公園において、指定管理者に協力する形で、イベント「津久井城開城記念の日」「風雲！つくい城」「収穫感謝祭」「津久井城まつり」などに甲冑姿で登場し、寸劇等を行って場を盛り上げる。</t>
    <phoneticPr fontId="0" type="Hiragana"/>
  </si>
  <si>
    <t>津久井衆甲冑隊</t>
    <phoneticPr fontId="0" type="Hiragana"/>
  </si>
  <si>
    <t>座間谷戸山公園の存在意識である、里山としての貴重な緑や多彩な動植物を保全し、自然生態観察公園としてふさわしい谷戸山公園の管
理運営や利用のあり方を協議し、かつ、行動することを目的に平成９年４月に設立</t>
    <phoneticPr fontId="0" type="Hiragana"/>
  </si>
  <si>
    <t>県立座間谷戸山公園運営会議</t>
    <phoneticPr fontId="2"/>
  </si>
  <si>
    <t>土友会横須賀地区ボランティア（神奈川県県土整備局のＯＢが主体）</t>
    <phoneticPr fontId="2"/>
  </si>
  <si>
    <t>指定管理者：神奈川県公園協会・県立塚山公園保存会グループ
公園周辺（横須賀市道や園路）の清掃活動等を実施</t>
    <phoneticPr fontId="0" type="Hiragana"/>
  </si>
  <si>
    <t>西逸見第２町内会</t>
    <phoneticPr fontId="0" type="Hiragana"/>
  </si>
  <si>
    <t>指定管理者三浦市観光協会・湯山造園土木・京浜急行電鉄グループ
園内の観光案内　　　　　　　　　　　　　　　　　　　　　　　　　　　　　　　　　　土曜・日曜・祝日に長屋門において、来園者の案内を行なう。</t>
    <phoneticPr fontId="0" type="Hiragana"/>
  </si>
  <si>
    <t>みうらガイド協会</t>
  </si>
  <si>
    <t>指定管理者三浦市観光協会・湯山造園土木・京浜急行電鉄グループ
水仙まつり　地元の城ヶ島観光協会が、水仙の開花時期に合わせて、城ヶ島で水仙まつりを開催し、島内を回るスタンプラリーや、城ヶ島灯台の開放を行なう。園内にも、スタンプラリーのチェックポイントを設置。</t>
    <phoneticPr fontId="0" type="Hiragana"/>
  </si>
  <si>
    <t>城ヶ島観光協会</t>
  </si>
  <si>
    <t>コミュニティガーデン作り（花壇管理）
近隣自主保育（おひさま保育室）幼児（14人、保護者付添10人）と葉山公園スタッフ4名で園内北花壇にて数種類のお花を植えるもの。</t>
    <phoneticPr fontId="0" type="Hiragana"/>
  </si>
  <si>
    <t>近隣自主保育（おひさま保育室）</t>
    <phoneticPr fontId="0" type="Hiragana"/>
  </si>
  <si>
    <t>専門知識をもった地元NPOを講師に迎え、葉山公園に面する大浜海岸でビーチコーミング、小磯海岸で初夏の海の生き物観察会を行うもの。</t>
    <phoneticPr fontId="0" type="Hiragana"/>
  </si>
  <si>
    <t>特定非営利活動法人オーシャンファミリー海洋自然体験センター</t>
    <phoneticPr fontId="0" type="Hiragana"/>
  </si>
  <si>
    <t>指定管理者：神奈川県公園協会・京急サービス共同事業体
歴史的資源、自然資源に恵まれた公園の魅力を来園者に伝えるガイドボランティア。</t>
    <phoneticPr fontId="0" type="Hiragana"/>
  </si>
  <si>
    <t>フィールドレンジャー</t>
  </si>
  <si>
    <t>指定管理者：神奈川県公園協会・京急サービス共同事業体
公園の貴重植物を次世代に伝える為、保全増殖活動にあたる</t>
    <phoneticPr fontId="0" type="Hiragana"/>
  </si>
  <si>
    <t>観音崎の自然を守る会</t>
    <phoneticPr fontId="0" type="Hiragana"/>
  </si>
  <si>
    <t>指定管理者：神奈川県公園協会・京急サービス共同事業体
枯損木や密度の多いところの樹木を利用してカントリーヘッシ゜やムシ・小動物の棲家等を作って楽しむ活動</t>
    <phoneticPr fontId="0" type="Hiragana"/>
  </si>
  <si>
    <t>森の手入れボランティア</t>
    <phoneticPr fontId="0" type="Hiragana"/>
  </si>
  <si>
    <t>指定管理者：神奈川県公園協会・京急サービス共同事業体
花の広場の手入れを主に活動し、種子まき、除草植付活動を実施。</t>
    <phoneticPr fontId="0" type="Hiragana"/>
  </si>
  <si>
    <t>花のボランティア</t>
    <phoneticPr fontId="0" type="Hiragana"/>
  </si>
  <si>
    <t>【活動休止中】
指定管理者：神奈川県公園協会・京急サービス共同事業体
園内の防犯巡回パトロールを実施</t>
    <phoneticPr fontId="0" type="Hiragana"/>
  </si>
  <si>
    <t>公園見回り隊</t>
    <phoneticPr fontId="0" type="Hiragana"/>
  </si>
  <si>
    <t>指定管理者：神奈川県公園協会・京急サービス共同事業体
公園周辺（海岸線）の清掃活動を実施</t>
    <phoneticPr fontId="0" type="Hiragana"/>
  </si>
  <si>
    <t>鴨居地区連合町内会</t>
    <phoneticPr fontId="0" type="Hiragana"/>
  </si>
  <si>
    <t>横須賀美術館
観音崎自然博物館
BEACH⇔PARK LIVING</t>
    <phoneticPr fontId="0" type="Hiragana"/>
  </si>
  <si>
    <t>指定管理者:株式会社石勝エクステリア
公園でのスポーツ・健康増進関連イベントへの協力。</t>
    <phoneticPr fontId="0" type="Hiragana"/>
  </si>
  <si>
    <t>特定非営利活動法人ファンズアスリートクラブ</t>
    <phoneticPr fontId="0" type="Hiragana"/>
  </si>
  <si>
    <t>指定管理者:株式会社石勝エクステリア
公園での自然体験イベントへの協力。</t>
    <phoneticPr fontId="0" type="Hiragana"/>
  </si>
  <si>
    <t>特定非営利活動法人国際自然大学校</t>
    <phoneticPr fontId="0" type="Hiragana"/>
  </si>
  <si>
    <t>指定管理者:株式会社石勝エクステリア
生物多様性保全の観点からの公園維持管理への助言。</t>
    <phoneticPr fontId="0" type="Hiragana"/>
  </si>
  <si>
    <t>東高根森林公園昆虫班</t>
    <phoneticPr fontId="0" type="Hiragana"/>
  </si>
  <si>
    <t>指定管理者:株式会社石勝エクステリア
園内美化活動への協力。</t>
    <phoneticPr fontId="0" type="Hiragana"/>
  </si>
  <si>
    <t>シラカシ会</t>
    <phoneticPr fontId="0" type="Hiragana"/>
  </si>
  <si>
    <t>指定管理者:株式会社石勝エクステリア
公園内で開催する福祉イベントの協力</t>
    <phoneticPr fontId="0" type="Hiragana"/>
  </si>
  <si>
    <t>(社福)川崎市社会福祉協議会宮前区支部　向丘地区社会福祉協議会</t>
    <phoneticPr fontId="0" type="Hiragana"/>
  </si>
  <si>
    <t>指定管理者:株式会社石勝エクステリア
公園の維持管理活動、イベントへの支援</t>
    <phoneticPr fontId="0" type="Hiragana"/>
  </si>
  <si>
    <t>東高根森林公園パークボランティア</t>
    <phoneticPr fontId="0" type="Hiragana"/>
  </si>
  <si>
    <t>指定管理者神奈川県公園協会・サカタのタネグリーンサービスグループ
園内の植物調査を実施し調査結果は公園と共有</t>
    <phoneticPr fontId="0" type="Hiragana"/>
  </si>
  <si>
    <t>県植物誌調査会（横浜、藤沢グループ）</t>
    <phoneticPr fontId="0" type="Hiragana"/>
  </si>
  <si>
    <t>指定管理者神奈川県公園協会・サカタのタネグリーンサービスグループ
園内（ビオトープ）の外来種生物の調査</t>
    <phoneticPr fontId="0" type="Hiragana"/>
  </si>
  <si>
    <t>NPO法人Dream eggs ゆめたま</t>
    <phoneticPr fontId="0" type="Hiragana"/>
  </si>
  <si>
    <t>指定管理者神奈川県公園協会・サカタのタネグリーンサービスグループ園内（ビオトープ）の外来種(植物)駆除・ヒシ撤去作業</t>
    <phoneticPr fontId="0" type="Hiragana"/>
  </si>
  <si>
    <t>日本大学</t>
    <phoneticPr fontId="0" type="Hiragana"/>
  </si>
  <si>
    <t>指定管理者:おだわら諏訪の原公園パートナーズ
ミカンや野菜などを育成し、収穫体験などを運営する活動</t>
    <phoneticPr fontId="0" type="Hiragana"/>
  </si>
  <si>
    <t>植物管理ボランティア「みかんの会」</t>
    <phoneticPr fontId="0" type="Hiragana"/>
  </si>
  <si>
    <t>指定管理者：神奈川県公園協会・ランドフローラ・小田急箱根ＨＤグルーブ
景観スポットなど本公園の見どころ約20カ所にQＲコードの掲示等を行い、スマートフォンを利用することにより多言語で本公園を案内する。</t>
    <phoneticPr fontId="0" type="Hiragana"/>
  </si>
  <si>
    <t>日本大学生物資源科学部くらしの生物学科住まいと環境研究室</t>
    <phoneticPr fontId="0" type="Hiragana"/>
  </si>
  <si>
    <t>指定管理者：神奈川県公園協会・ランドフローラ・小田急箱根ＨＤグルーブ
「神奈川の美しい広葉樹林50選」スタンプラリーのスタンプ等の設置。</t>
    <phoneticPr fontId="0" type="Hiragana"/>
  </si>
  <si>
    <t>横浜国立大学地域連携推進機構</t>
    <phoneticPr fontId="0" type="Hiragana"/>
  </si>
  <si>
    <t>指定管理者：公益財団法人宮ヶ瀬ダム周辺振興財団
ハイキングイベントの実施</t>
    <phoneticPr fontId="0" type="Hiragana"/>
  </si>
  <si>
    <t>愛川山岳会</t>
    <phoneticPr fontId="0" type="Hiragana"/>
  </si>
  <si>
    <t>指定管理者：公益財団法人宮ヶ瀬ダム周辺振興財団
毎月１回実施のおはなし会</t>
    <phoneticPr fontId="0" type="Hiragana"/>
  </si>
  <si>
    <t>お話ボランティア おはなしなごなご</t>
    <phoneticPr fontId="0" type="Hiragana"/>
  </si>
  <si>
    <t>指定管理者：公益財団法人宮ヶ瀬ダム周辺振興財団
毎月１回～2回実施の花壇等の整備</t>
    <rPh sb="28" eb="31">
      <t>から2かい</t>
    </rPh>
    <rPh sb="34" eb="37">
      <t>かだんとう</t>
    </rPh>
    <rPh sb="38" eb="40">
      <t>せいび</t>
    </rPh>
    <phoneticPr fontId="0" type="Hiragana"/>
  </si>
  <si>
    <t xml:space="preserve">個人　６名  </t>
    <rPh sb="0" eb="2">
      <t>コジン</t>
    </rPh>
    <rPh sb="4" eb="5">
      <t>メイ</t>
    </rPh>
    <phoneticPr fontId="2"/>
  </si>
  <si>
    <t>めぐる　ガーデナー　松田　恵</t>
    <rPh sb="10" eb="12">
      <t>マツダ</t>
    </rPh>
    <rPh sb="13" eb="14">
      <t>メグミ</t>
    </rPh>
    <phoneticPr fontId="2"/>
  </si>
  <si>
    <t>指定管理者：神奈川県公園協会・サカタのタネ・サカタのタネＧＳグループ
相模原公園において、県民の健康や福祉の増進を目的に、地域の撮影場所の紹介と地元マルシェによる観光財産等に触れる機会を提供する。（フィルムコミッション展示、観光マルシェ）</t>
    <phoneticPr fontId="0" type="Hiragana"/>
  </si>
  <si>
    <t>（公社）相模原市観光協会</t>
    <phoneticPr fontId="0" type="Hiragana"/>
  </si>
  <si>
    <t>指定管理者：神奈川県公園協会・サカタのタネ・サカタのタネＧＳグループ
相模原公園において、県民の健康や福祉の増進を目的に、地域の伝統文化に触れる機会を提供する。（大凧他多様な凧展示、新春寿囃子）</t>
    <phoneticPr fontId="0" type="Hiragana"/>
  </si>
  <si>
    <t>相模の大凧文化保存会、久保囃子連</t>
    <phoneticPr fontId="0" type="Hiragana"/>
  </si>
  <si>
    <t>指定管理者：神奈川県公園協会・サカタのタネグリーンサービスグループ
津久井湖城山公園において、指定管理者と共催で、年３回「つくい考古学講座」を開催。講師派遣を行う。</t>
    <phoneticPr fontId="0" type="Hiragana"/>
  </si>
  <si>
    <t>指定管理者　神奈川県公園協会・石勝エクステリア・サカタのタネGSグループ
園内の花壇管理</t>
    <phoneticPr fontId="0" type="Hiragana"/>
  </si>
  <si>
    <t xml:space="preserve">指定管理者：神奈川県公園協会
公園のエントランスゾーンなどに植栽を実施する。
</t>
    <phoneticPr fontId="0" type="Hiragana"/>
  </si>
  <si>
    <t>地域ボランティア</t>
    <phoneticPr fontId="0" type="Hiragana"/>
  </si>
  <si>
    <t xml:space="preserve">指定管理者：神奈川県公園協会
公園周辺道路の清掃活動により、ヤマビル・ダニ被害の対策を実施する。
</t>
    <phoneticPr fontId="0" type="Hiragana"/>
  </si>
  <si>
    <t>NPO法人共和のもり</t>
    <phoneticPr fontId="0" type="Hiragana"/>
  </si>
  <si>
    <t xml:space="preserve">指定管理者：神奈川県公園協会
樹林地の園路沿いの間伐や間伐材を活用した資源循環型の木工教室を開催するなど、公園及び地域の活性化を図る。
</t>
    <phoneticPr fontId="0" type="Hiragana"/>
  </si>
  <si>
    <t xml:space="preserve">指定管理者：神奈川県公園協会
公園内の森林セラピーコースの設定や体験プログラムを実施する。また、その活動をPRしていくための連携体制を構築する。
</t>
    <phoneticPr fontId="0" type="Hiragana"/>
  </si>
  <si>
    <t>Forest Edge、山北町森林セラピー運営協議会</t>
    <phoneticPr fontId="0" type="Hiragana"/>
  </si>
  <si>
    <t xml:space="preserve">指定管理者：神奈川県公園協会
公園内のお茶畑で茶摘み体験を実施する。
</t>
    <phoneticPr fontId="0" type="Hiragana"/>
  </si>
  <si>
    <t>指定管理者：神奈川県公園協会
自然豊かな森づくり、地域づくりについて講演する。</t>
    <phoneticPr fontId="0" type="Hiragana"/>
  </si>
  <si>
    <t>公園利用がもたらす「見えざる経済効果」について聞き取り調査を実施</t>
    <phoneticPr fontId="0" type="Hiragana"/>
  </si>
  <si>
    <t>麻布大学生命・環境科学部環境科学科</t>
    <phoneticPr fontId="0" type="Hiragana"/>
  </si>
  <si>
    <t>東高根森林公園フォーラム</t>
    <phoneticPr fontId="0" type="Hiragana"/>
  </si>
  <si>
    <t>指定管理者:株式会社石勝エクステリア
収穫感謝祭等イベント開催協力。</t>
    <phoneticPr fontId="0" type="Hiragana"/>
  </si>
  <si>
    <t>坂の上カフェしらはた</t>
    <phoneticPr fontId="0" type="Hiragana"/>
  </si>
  <si>
    <t>しらはた21</t>
    <phoneticPr fontId="0" type="Hiragana"/>
  </si>
  <si>
    <t>ゆ～ずツクルブ（稗原ゆ～ず連絡会）</t>
    <phoneticPr fontId="0" type="Hiragana"/>
  </si>
  <si>
    <t>（社福）なごみ福祉会 多摩川あゆ工房</t>
    <phoneticPr fontId="0" type="Hiragana"/>
  </si>
  <si>
    <t>（社福）はぐるまの会 はぐるま稗原農園</t>
    <phoneticPr fontId="0" type="Hiragana"/>
  </si>
  <si>
    <t>スケッチ楽描きの会</t>
    <phoneticPr fontId="0" type="Hiragana"/>
  </si>
  <si>
    <t>特定非営利活動法人アトリエ言の葉</t>
    <phoneticPr fontId="0" type="Hiragana"/>
  </si>
  <si>
    <t>指定管理者：神奈川県公園協会・小田急ビルサービスグループ
園内湿地の生物多様性保全活動のほか、植物・野鳥・水質水生植物・カエル調査を実施。自然観察会などの公園イベント運営を協働で行う。</t>
    <phoneticPr fontId="0" type="Hiragana"/>
  </si>
  <si>
    <t>特定非営利活動法人川崎市で木育を広め隊</t>
    <phoneticPr fontId="0" type="Hiragana"/>
  </si>
  <si>
    <t>特定非営利活動法人フラワークラブはな夢</t>
    <phoneticPr fontId="0" type="Hiragana"/>
  </si>
  <si>
    <t>都市公園課</t>
  </si>
  <si>
    <t>指定管理者：神奈川県公園協会・京急サービス共同事業体
園内及びその周辺の歴史的遺産の魅力を来園者に伝える個人ガイドボランティア</t>
  </si>
  <si>
    <t>東京湾要塞研究家
デビット佐藤</t>
  </si>
  <si>
    <t>指定管理者：神奈川県公園協会・京急サービス共同事業体
園内及びその周辺の歴史的遺産の魅力を来園者に伝える個人ガイドボランティア</t>
    <phoneticPr fontId="0" type="Hiragana"/>
  </si>
  <si>
    <t>東京湾要塞研究家
デビット佐藤</t>
    <phoneticPr fontId="0" type="Hiragana"/>
  </si>
  <si>
    <t>厚木土木事務所津久井治水センター、教育委員会文化遺産課
指定管理者：神奈川県公園協会・サカタのタネグリーンサービスグループ
「県立津久井湖城山公園整備と管理運営に関する連絡会」として地域と連絡調整を行う。</t>
    <phoneticPr fontId="0" type="Hiragana"/>
  </si>
  <si>
    <t>津久井観光協会、津久井商工会、城山観光協会、城山商工会、有識者、地元自治会</t>
    <phoneticPr fontId="0" type="Hiragana"/>
  </si>
  <si>
    <t>相模原市（文化財保護課、津久井まちづくりセンター、津久井地域環境課、城山まちづくりセンター）</t>
    <phoneticPr fontId="0" type="Hiragana"/>
  </si>
  <si>
    <t>指定管理者：神奈川県公園協会・サカタのタネグリーンサービスグループ
「津久井城PR委員会」を組織。津久井湖城山公園および他所（「お城EXPO]等）において、津久井城を周知する活動を行う。</t>
    <phoneticPr fontId="0" type="Hiragana"/>
  </si>
  <si>
    <t>津久井観光協会、津久井商工会、相模原市観光協会、</t>
    <phoneticPr fontId="0" type="Hiragana"/>
  </si>
  <si>
    <t>相模原市（文化財保護課、津久井まちづくりセンター、市立博物館、観光・シティプロモーション課）</t>
    <phoneticPr fontId="0" type="Hiragana"/>
  </si>
  <si>
    <t>道路管理課</t>
  </si>
  <si>
    <t>かながわアダプトプログラム</t>
  </si>
  <si>
    <t>県、市町村と活動者が覚書を交わして役割分担を明確化し、活動者は道路の里親として歩道等の清掃等を継続的に行い、県や市町村は、活動場所の提供等の支援を行う。</t>
  </si>
  <si>
    <t>鎌倉市、三菱電機㈱</t>
    <phoneticPr fontId="0" type="Hiragana"/>
  </si>
  <si>
    <t>道守サポーターズ</t>
  </si>
  <si>
    <t>活動団体が、簡易な手続きにより活動内容と活動場所を事前に登録し、歩道の清掃や花植え等の活動を行う。県は活動場所の提供や保険加入等の支援を行う。</t>
  </si>
  <si>
    <t>公共住宅課</t>
    <phoneticPr fontId="0" type="Hiragana"/>
  </si>
  <si>
    <t>津久井浜0分図書館</t>
    <phoneticPr fontId="0" type="Hiragana"/>
  </si>
  <si>
    <t>県営団地の空住戸を利用して、多世代の居場所となる私設図書館を開設し、地域での孤立・孤独の解消に役立てる。その関わりの中で見えてきた地域課題や個人の議題を関係各所につなげ、地域住民同士で解決に向けて考えるネットワーク構築の場としても活用する。</t>
    <phoneticPr fontId="0" type="Hiragana"/>
  </si>
  <si>
    <t>特定非営利活動法人プラットフォーム</t>
    <phoneticPr fontId="0" type="Hiragana"/>
  </si>
  <si>
    <t>横須賀三浦地域県政総合センター</t>
    <phoneticPr fontId="0" type="Hiragana"/>
  </si>
  <si>
    <t>後援名義の承認</t>
    <phoneticPr fontId="0" type="Hiragana"/>
  </si>
  <si>
    <t>横須賀三浦地域で開催される観光イベントに対して後援名義を承認することで、地域の観光振興を支援している。</t>
    <phoneticPr fontId="0" type="Hiragana"/>
  </si>
  <si>
    <t>湘南地域県政総合センター</t>
    <phoneticPr fontId="0" type="Hiragana"/>
  </si>
  <si>
    <t>「湘南里川づくり」の促進</t>
    <phoneticPr fontId="0" type="Hiragana"/>
  </si>
  <si>
    <t xml:space="preserve">  ＮＰＯ等の団体、県民、行政と連携し、金目川水系の河川の保全・活用に取り組む「湘南里川づくり※」を推進する。
※金目川水系の河川等を次世代に引き継いでいくため、河川等の保全に取り組む活動のこと。
本活動の推進のため、平成23年度に任意団体「湘南里川づくりみんなの会」を設立した。</t>
  </si>
  <si>
    <t>平塚市、秦野市、伊勢原市</t>
    <phoneticPr fontId="0" type="Hiragana"/>
  </si>
  <si>
    <t>経営課</t>
    <phoneticPr fontId="0" type="Hiragana"/>
  </si>
  <si>
    <t>水道記念館運営業務</t>
    <phoneticPr fontId="0" type="Hiragana"/>
  </si>
  <si>
    <t xml:space="preserve">水道に関する知識の普及及び啓発のため、広報施設である神奈川県水道記念館の運営を委託により行う。
</t>
    <rPh sb="19" eb="21">
      <t>こうほう</t>
    </rPh>
    <rPh sb="21" eb="23">
      <t>しせつ</t>
    </rPh>
    <rPh sb="39" eb="41">
      <t>いたく</t>
    </rPh>
    <rPh sb="44" eb="45">
      <t>おこな</t>
    </rPh>
    <phoneticPr fontId="0" type="Hiragana"/>
  </si>
  <si>
    <t>一般財団法人かながわ水・エネルギーサービス</t>
    <phoneticPr fontId="0" type="Hiragana"/>
  </si>
  <si>
    <t>行政課</t>
    <phoneticPr fontId="0" type="Hiragana"/>
  </si>
  <si>
    <t>人権教育推進事業費</t>
    <phoneticPr fontId="0" type="Hiragana"/>
  </si>
  <si>
    <t>人間の生命の尊さについての理解を深め、学校・家庭・地域における人権尊重の意識の高揚を図る。（対象は県内公立・小中学校、県立中等教育学校）</t>
    <phoneticPr fontId="0" type="Hiragana"/>
  </si>
  <si>
    <t>国連ＮＧＯ　横浜国際人権センター</t>
    <phoneticPr fontId="0" type="Hiragana"/>
  </si>
  <si>
    <t>教育委員会本庁各室課における文書集配、文書印刷等の業務を、知的障害者の雇用促進を目的とするＮＰＯ法人に委託して実施する。</t>
    <phoneticPr fontId="0" type="Hiragana"/>
  </si>
  <si>
    <t>特定非営利活動法人　障害者雇用部会</t>
    <phoneticPr fontId="0" type="Hiragana"/>
  </si>
  <si>
    <t>教職員人事課</t>
    <phoneticPr fontId="0" type="Hiragana"/>
  </si>
  <si>
    <t>派遣体験研修</t>
    <phoneticPr fontId="0" type="Hiragana"/>
  </si>
  <si>
    <t>県立学校教員又は政令市を除く市町村立学校教員をフリースクール等を運営しているNPO法人に１年間研修派遣し、直接運営に携わらせることで不登校対策のノウハウ等を学ぶ。</t>
    <phoneticPr fontId="0" type="Hiragana"/>
  </si>
  <si>
    <t>NPO法人フリースクール鈴蘭学園、NPO法人楠の木学園</t>
    <rPh sb="3" eb="5">
      <t>ほうじん</t>
    </rPh>
    <rPh sb="12" eb="14">
      <t>すずらん</t>
    </rPh>
    <rPh sb="14" eb="16">
      <t>がくえん</t>
    </rPh>
    <rPh sb="20" eb="22">
      <t>ほうじん</t>
    </rPh>
    <rPh sb="22" eb="23">
      <t>くすのき</t>
    </rPh>
    <rPh sb="24" eb="25">
      <t>き</t>
    </rPh>
    <rPh sb="25" eb="27">
      <t>がくえん</t>
    </rPh>
    <phoneticPr fontId="0" type="Hiragana"/>
  </si>
  <si>
    <t>高校教育課</t>
    <phoneticPr fontId="0" type="Hiragana"/>
  </si>
  <si>
    <t>入学者選抜実施運営費
外国につながりを持つ子どもへの教育・進路サポート事業</t>
    <phoneticPr fontId="0" type="Hiragana"/>
  </si>
  <si>
    <t>ＮＰＯ法人多文化共生教育ネットワークかながわ</t>
    <phoneticPr fontId="0" type="Hiragana"/>
  </si>
  <si>
    <t>日本語を母語としない生徒支援者派遣事業費
外国につながりを持つ子どもへの教育・進路サポート事業</t>
    <phoneticPr fontId="0" type="Hiragana"/>
  </si>
  <si>
    <t>地域人材による生徒支援事業</t>
    <phoneticPr fontId="0" type="Hiragana"/>
  </si>
  <si>
    <t>CEMLA事業</t>
    <phoneticPr fontId="0" type="Hiragana"/>
  </si>
  <si>
    <t>神奈川県の県央地区及び相模原地区において、日本語を母語としない生徒に対して日本語支援を行う。事業の推進にあたっては、該当生徒が在籍する県立高等学校（在県外国人等特別募集を行う県立高等学校等）が、他の県立高等学校及び外部機関・団体と連携・協力して必要な教育支援を遂行することを目的とした、ＣＥＭＬＡ運営協議会を設置している。また、運営協議会は、生徒への日本語支援及び学習支援を行うＣＥＭＬＡスクール、目的を達成するためのＣＥＭＬＡ関係者等による必要な手立ての研究及び協議を行うＣＥＭＬＡ研究会を開く。</t>
    <phoneticPr fontId="0" type="Hiragana"/>
  </si>
  <si>
    <t>相模女子大学</t>
    <phoneticPr fontId="0" type="Hiragana"/>
  </si>
  <si>
    <t>県立高等学校朝食等提供事業</t>
    <phoneticPr fontId="0" type="Hiragana"/>
  </si>
  <si>
    <t>ＮＰＯ法人等による居場所カフェの取組を実施している４校（全日制３校、昼間定時制１校）で、在校生の希望者へ朝食を提供</t>
    <phoneticPr fontId="0" type="Hiragana"/>
  </si>
  <si>
    <t>緑法人会</t>
    <phoneticPr fontId="0" type="Hiragana"/>
  </si>
  <si>
    <t>保健体育課</t>
    <phoneticPr fontId="0" type="Hiragana"/>
  </si>
  <si>
    <t>運動部活動活性化推進事業
（企業等連携協議会）</t>
    <phoneticPr fontId="0" type="Hiragana"/>
  </si>
  <si>
    <t>神奈川県教育委員会と企業・大学・専門学校・ＮＰＯ等が連携・協力するとともに、企業等間相互の連携･協力を促進することにより、企業等が有する人的資産（技術・能力等）や物的資産（施設・設備等）を積極的に活用して、学校の教育活動（特に部活動）を支援することを目的とする。</t>
  </si>
  <si>
    <t>（特非）南魚沼おもてなしの郷
（一社）神奈川県トラック協会
（特非）青少年育成支援フォーラム
ライオンズクラブ国際協会330-B地区
（特非）県ライフセービング連盟
（公財）横浜YMCA
（公財）横浜カントリー＆アスレティッククラブ</t>
    <phoneticPr fontId="0" type="Hiragana"/>
  </si>
  <si>
    <t xml:space="preserve">神奈川県外部講師を活用したがん教育等現代的な健康課題の理解増進に向けた授業 </t>
    <phoneticPr fontId="0" type="Hiragana"/>
  </si>
  <si>
    <t>外部講師を活用したがん教育授業において、各学校から希望があった場合に講師を派遣する。</t>
    <phoneticPr fontId="0" type="Hiragana"/>
  </si>
  <si>
    <t>一般社団法人神奈川県がん患者団体連合会</t>
  </si>
  <si>
    <t>子ども教育支援課</t>
    <phoneticPr fontId="0" type="Hiragana"/>
  </si>
  <si>
    <t>ＮＰＯ等との連携による不登校児童・生徒支援事業</t>
    <phoneticPr fontId="0" type="Hiragana"/>
  </si>
  <si>
    <t>不登校児童・生徒の社会的な自立及び学校生活の再開に向けて、協議や不登校相談会などを実施することにより、より効果的な不登校対策についての検討を進め、児童・生徒への支援充実を図る。</t>
    <phoneticPr fontId="0" type="Hiragana"/>
  </si>
  <si>
    <t>ＮＰＯ法人フリースペースたまりば　他８団体</t>
    <phoneticPr fontId="0" type="Hiragana"/>
  </si>
  <si>
    <t>国が示す出席扱いとすることができる要件を満たす社会的自立
に向けた学びの環境を整えるとともに、フリースクール等と学校との連携をさらに円滑にすることで、より適切かつ積極的に出席扱いが認められることを促進する。</t>
    <phoneticPr fontId="2"/>
  </si>
  <si>
    <t>神奈川県学校フリースクール等連携協議会加入団体うち委託契約した団体</t>
    <phoneticPr fontId="0" type="Hiragana"/>
  </si>
  <si>
    <t>子どもの居場所づくり推進委託事業</t>
    <phoneticPr fontId="0" type="Hiragana"/>
  </si>
  <si>
    <t>不登校等の児童・生徒に対する支援のノウハウのあるフリースクールやフリースペース等（以下、 「 フリースクール等 」 という。） に不登校支援の取組を委託し、県とフリースクール 等 の連携により不登校対策の強化を図る。</t>
    <phoneticPr fontId="0" type="Hiragana"/>
  </si>
  <si>
    <t>足柄ふれあいの村「不登校対策自然体験活動事業」</t>
    <phoneticPr fontId="0" type="Hiragana"/>
  </si>
  <si>
    <t>指定管理者：株式会社アグサ（連携協力：関東学院大学）
野外活動・自然体験活動を通して、今後に向けた「次の一歩」（日常生活の見直し・学校生活の再開・社会的な自立）を踏み出すためのサポートを行う。</t>
    <phoneticPr fontId="0" type="Hiragana"/>
  </si>
  <si>
    <t>NPO法人横須賀ヨット協会、横浜市こども自然公園青少年野外活動センター/横浜市三ツ沢公園青少年野外活動センター（指定管理者：公益財団法人横浜市スポーツ協会）、厚木市七沢自然ふれあいセンター（指定管理者：NPO法人国際自然大学校）、川崎市黒川青少年野外活動センター（指定管理者：NPO法人国際自然大学校）、藤沢市少年の森（指定管理者：公益財団法人藤沢市みらい創造財団）、その他個人ボランティア参加8名（5/28 現在）</t>
    <phoneticPr fontId="0" type="Hiragana"/>
  </si>
  <si>
    <t>愛川ふれあいの村「野外活動講習会」</t>
    <phoneticPr fontId="0" type="Hiragana"/>
  </si>
  <si>
    <t>指定管理者：東急コミュニテイー・国際自然大学校グループが実施
神奈川県学校野外活動研究会と共催し、管内の教職員及び野外活動指導者を対象に学校での宿泊体験や子どもを対象とした野外活動で役立つ自然体験活動の基礎知識を学ぶ講習会を実施する。（野外炊事、キャンプファイヤー、ゲーム指導等）</t>
    <phoneticPr fontId="0" type="Hiragana"/>
  </si>
  <si>
    <t>神奈川県学校野外活動研究会</t>
    <phoneticPr fontId="0" type="Hiragana"/>
  </si>
  <si>
    <t>学校支援課</t>
    <phoneticPr fontId="0" type="Hiragana"/>
  </si>
  <si>
    <t>ファミリー・コミュニケーション・ウォーク</t>
    <phoneticPr fontId="0" type="Hiragana"/>
  </si>
  <si>
    <t xml:space="preserve">「ファミリー・コミュニケーション運動」の一環として、第一日曜日の「ファミリー・コミュニケーションの日」に家族と会話を楽しみながら歩く「ファミリー・コミュニケーション・ウォーク」を開催する。（年４回）
</t>
    <phoneticPr fontId="0" type="Hiragana"/>
  </si>
  <si>
    <t>ＮＰＯ法人神奈川県歩け歩け協会</t>
    <phoneticPr fontId="0" type="Hiragana"/>
  </si>
  <si>
    <t>特別支援教育課</t>
    <phoneticPr fontId="0" type="Hiragana"/>
  </si>
  <si>
    <t>重度障害者の訪問型生涯学習支援（訪問カレッジEnjoy　かながわ）</t>
    <phoneticPr fontId="0" type="Hiragana"/>
  </si>
  <si>
    <t>医療的ケアを必要とする障害の重い方の多くが在宅生活をしている中、生涯にわたり学び続けたいという願いにこたえる制度がないため、学習支援員が自宅等を訪問して生涯学習支援事業を実施することで、その人らしい豊かな生き方の支援を行う。</t>
    <phoneticPr fontId="0" type="Hiragana"/>
  </si>
  <si>
    <t>特定非営利法人フュージョンコムかながわ・県肢体不自由児協会</t>
    <phoneticPr fontId="0" type="Hiragana"/>
  </si>
  <si>
    <t>生涯学習課</t>
    <phoneticPr fontId="0" type="Hiragana"/>
  </si>
  <si>
    <t>川崎図書館</t>
  </si>
  <si>
    <t>川崎図書館事業費</t>
  </si>
  <si>
    <t>社会人を対象に開催する生涯を通じた学びや学び直しを支援する「大人の理科教室」等の講師を依頼して実施する。</t>
    <phoneticPr fontId="0" type="Hiragana"/>
  </si>
  <si>
    <t>特定非営利活動法人ＮＰＯブルーアース</t>
    <phoneticPr fontId="0" type="Hiragana"/>
  </si>
  <si>
    <t>創業時の事業計画や資金調達等の相談に応じる「創業・経営相談」を実施する。</t>
    <phoneticPr fontId="0" type="Hiragana"/>
  </si>
  <si>
    <t>特定非営利活動法人日本技術マネジメント協会（創業・経営相談）</t>
    <phoneticPr fontId="0" type="Hiragana"/>
  </si>
  <si>
    <t>金沢文庫</t>
    <phoneticPr fontId="0" type="Hiragana"/>
  </si>
  <si>
    <t>金沢文庫維持運営費</t>
    <phoneticPr fontId="0" type="Hiragana"/>
  </si>
  <si>
    <t>展覧会の観覧者に対して展示内容をわかりやすく解説する「展示解説」等への協力を依頼する。</t>
    <phoneticPr fontId="0" type="Hiragana"/>
  </si>
  <si>
    <t>個人10人</t>
    <phoneticPr fontId="0" type="Hiragana"/>
  </si>
  <si>
    <t>近代美術館</t>
    <rPh sb="0" eb="2">
      <t>こぼり</t>
    </rPh>
    <phoneticPr fontId="0" type="Hiragana"/>
  </si>
  <si>
    <t>葉山芸術祭に係る共同イベント</t>
    <phoneticPr fontId="0" type="Hiragana"/>
  </si>
  <si>
    <t>葉山芸術祭会期中に、葉山芸術祭実行委員会と共同で子ども向けイベントを開催する。</t>
    <rPh sb="24" eb="25">
      <t>こ</t>
    </rPh>
    <rPh sb="27" eb="28">
      <t>む</t>
    </rPh>
    <phoneticPr fontId="0" type="Hiragana"/>
  </si>
  <si>
    <t xml:space="preserve">・葉山芸術祭実行委員会
</t>
    <phoneticPr fontId="0" type="Hiragana"/>
  </si>
  <si>
    <t>総合教育センター</t>
    <phoneticPr fontId="0" type="Hiragana"/>
  </si>
  <si>
    <t>管理運営費</t>
    <phoneticPr fontId="0" type="Hiragana"/>
  </si>
  <si>
    <t>知的障害者の就労機会の拡大を図るため、ＮＰＯ法人に総合教育センターの業務の一部を委託して間接雇用を図るとともに、企業就労に向けて通年での現場実習の場を提供する。</t>
  </si>
  <si>
    <t>歴史博物館</t>
    <phoneticPr fontId="0" type="Hiragana"/>
  </si>
  <si>
    <t>歴史博物館ボランティア</t>
    <phoneticPr fontId="0" type="Hiragana"/>
  </si>
  <si>
    <t>講座・講演会等催し物への協力を依頼する。</t>
    <phoneticPr fontId="0" type="Hiragana"/>
  </si>
  <si>
    <t>歴史博物館ボランティア　　115名</t>
    <phoneticPr fontId="0" type="Hiragana"/>
  </si>
  <si>
    <t>フュージョンコムかながわ・県肢体不自由児協会</t>
    <phoneticPr fontId="2"/>
  </si>
  <si>
    <t>肢体不自由児を対象とした訪問型学習支援に協力する。（詳細未定）</t>
    <rPh sb="0" eb="6">
      <t>シタイフジユウジ</t>
    </rPh>
    <rPh sb="7" eb="9">
      <t>タイショウ</t>
    </rPh>
    <rPh sb="20" eb="22">
      <t>キョウリョク</t>
    </rPh>
    <rPh sb="26" eb="28">
      <t>ショウサイ</t>
    </rPh>
    <rPh sb="28" eb="30">
      <t>ミテイ</t>
    </rPh>
    <phoneticPr fontId="2"/>
  </si>
  <si>
    <t>NPO法人 フュージョンコムかながわ・県肢体不自由児協会</t>
    <rPh sb="3" eb="5">
      <t>ホウジン</t>
    </rPh>
    <rPh sb="19" eb="20">
      <t>ケン</t>
    </rPh>
    <rPh sb="20" eb="25">
      <t>シタイフジユウ</t>
    </rPh>
    <rPh sb="25" eb="26">
      <t>ジ</t>
    </rPh>
    <rPh sb="26" eb="28">
      <t>キョウカイ</t>
    </rPh>
    <phoneticPr fontId="2"/>
  </si>
  <si>
    <t>警務部警務課</t>
    <phoneticPr fontId="0" type="Hiragana"/>
  </si>
  <si>
    <t>神奈川県被害者支援連絡協議会</t>
    <phoneticPr fontId="0" type="Hiragana"/>
  </si>
  <si>
    <t>関係する行政機関、民間団体等による緊密な連携と相互協力により、被害者の支援活動の効果的推進を図る。</t>
    <phoneticPr fontId="0" type="Hiragana"/>
  </si>
  <si>
    <t>(社福)横浜いのちの電話
(社福)川崎いのちの電話
神奈川県弁護士会
川崎市男女共同参画センター
商工会議所連合会
商工会連合会
損害保険料率算出機構自賠責損害調査センター
(独法)自動車事故対策機構神奈川支所</t>
    <phoneticPr fontId="0" type="Hiragana"/>
  </si>
  <si>
    <t>犯罪被害者等支援</t>
    <phoneticPr fontId="0" type="Hiragana"/>
  </si>
  <si>
    <t>地域の関係機関・団体、企業等との緊密な連携と相互協力により、被害者の視点に立った各種の支援活動を推進する。</t>
    <phoneticPr fontId="0" type="Hiragana"/>
  </si>
  <si>
    <t>被害者支援ネットワーク・連絡協議会（地域レベル：警察署単位）</t>
  </si>
  <si>
    <t>県下54警察署に設けられ、地域の関係機関・団体、病院、企業等で構成されている。（一部ボランタリー団体の加入あり。）</t>
  </si>
  <si>
    <t>地域部地域総務課</t>
    <phoneticPr fontId="0" type="Hiragana"/>
  </si>
  <si>
    <t>登山届受理システム「コンパス」の活用に関する協定</t>
    <phoneticPr fontId="0" type="Hiragana"/>
  </si>
  <si>
    <t>山岳遭難の検索又は救助活動に際し、公益社団法人日本山岳ガイド「コンパス」に登録された情報の閲覧等及び同協会へ山岳遭難等の情報提供を図る。</t>
    <phoneticPr fontId="0" type="Hiragana"/>
  </si>
  <si>
    <t>（公社）日本山岳ガイド協会</t>
    <phoneticPr fontId="0" type="Hiragana"/>
  </si>
  <si>
    <t>警察活動への支援</t>
    <phoneticPr fontId="0" type="Hiragana"/>
  </si>
  <si>
    <t>警察活動への支援及び協力並びに、警察活動に対する県民の理解と協力を深めるために必要な事業を行い、県民が安全で安心して暮らせる社会の実現に寄与するとともに、会員の福利厚生を図る。</t>
    <phoneticPr fontId="0" type="Hiragana"/>
  </si>
  <si>
    <t>（一社）神奈川県警親会</t>
    <phoneticPr fontId="0" type="Hiragana"/>
  </si>
  <si>
    <t>地域部通信指令課</t>
    <phoneticPr fontId="0" type="Hiragana"/>
  </si>
  <si>
    <t>防災通信に関し、非常通報装置の普及、管理運用指導等を行い、金融機関その他公共施設における防犯活動等を支援する活動を行う。</t>
    <phoneticPr fontId="0" type="Hiragana"/>
  </si>
  <si>
    <t>財団法人日本防災通信協会神奈川県支部</t>
    <phoneticPr fontId="0" type="Hiragana"/>
  </si>
  <si>
    <t>生活安全部
生活安全総務課</t>
    <phoneticPr fontId="0" type="Hiragana"/>
  </si>
  <si>
    <t>地域安全活動</t>
    <phoneticPr fontId="0" type="Hiragana"/>
  </si>
  <si>
    <t>防犯対策の調査研究及び指導、防犯団体相互の連携調整と支援、防犯意識の普及啓発、防犯指導員の活動促進、風俗環境の浄化対策の推進、青少年の健全育成と非行防止対策の推進及び防犯功労者（団体）の表彰</t>
    <phoneticPr fontId="0" type="Hiragana"/>
  </si>
  <si>
    <t>（公社）神奈川県防犯協会連合会</t>
    <phoneticPr fontId="0" type="Hiragana"/>
  </si>
  <si>
    <t>特殊詐欺を始めとした各種犯罪の未然防止に関する情報発信及び広報活動</t>
    <rPh sb="0" eb="2">
      <t>とくしゅ</t>
    </rPh>
    <rPh sb="2" eb="4">
      <t>さぎ</t>
    </rPh>
    <rPh sb="5" eb="6">
      <t>はじ</t>
    </rPh>
    <rPh sb="10" eb="12">
      <t>かくしゅ</t>
    </rPh>
    <rPh sb="12" eb="14">
      <t>はんざい</t>
    </rPh>
    <rPh sb="15" eb="17">
      <t>みぜん</t>
    </rPh>
    <rPh sb="17" eb="19">
      <t>ぼうし</t>
    </rPh>
    <rPh sb="20" eb="21">
      <t>かん</t>
    </rPh>
    <rPh sb="23" eb="25">
      <t>じょうほう</t>
    </rPh>
    <rPh sb="25" eb="27">
      <t>はっしん</t>
    </rPh>
    <rPh sb="27" eb="28">
      <t>およ</t>
    </rPh>
    <rPh sb="29" eb="31">
      <t>こうほう</t>
    </rPh>
    <rPh sb="31" eb="33">
      <t>かつどう</t>
    </rPh>
    <phoneticPr fontId="0" type="Hiragana"/>
  </si>
  <si>
    <t>（一社）神奈川県タクシー協会</t>
    <rPh sb="1" eb="2">
      <t>いち</t>
    </rPh>
    <rPh sb="12" eb="14">
      <t>きょうかい</t>
    </rPh>
    <phoneticPr fontId="0" type="Hiragana"/>
  </si>
  <si>
    <t>かねて</t>
    <phoneticPr fontId="2"/>
  </si>
  <si>
    <t>サイバーセキュリティ対策本部</t>
    <rPh sb="10" eb="12">
      <t>たいさく</t>
    </rPh>
    <rPh sb="12" eb="14">
      <t>ほんぶ</t>
    </rPh>
    <phoneticPr fontId="0" type="Hiragana"/>
  </si>
  <si>
    <t>サイバー_x000D_
犯罪対策</t>
  </si>
  <si>
    <t>情報セキュリティに関する・啓発普及・調査、研究事業・教育事業・教育プログラム開発事業・相談支援・出版事業</t>
    <phoneticPr fontId="0" type="Hiragana"/>
  </si>
  <si>
    <t>ＮＰＯ情報セキュリティフォーラム　</t>
  </si>
  <si>
    <t>刑事部刑事総務課</t>
    <phoneticPr fontId="0" type="Hiragana"/>
  </si>
  <si>
    <t>神奈川クレジットカード犯罪対策連絡協議会</t>
    <phoneticPr fontId="0" type="Hiragana"/>
  </si>
  <si>
    <t>クレジットカードの社会公共性に鑑み、神奈川県におけるクレジットカード発行会社または国内ブランド会社と警察との相互理解と緊密な連携によって、クレジットカードに関連するあらゆる犯罪の予防と排除に努め、もってクレジットカード事業の健全な発展を図る</t>
    <phoneticPr fontId="0" type="Hiragana"/>
  </si>
  <si>
    <t>（一社）日本クレジット協会</t>
    <phoneticPr fontId="0" type="Hiragana"/>
  </si>
  <si>
    <t>アプラス
アメリカンエキスプレス
イオンクレジットサービス
オリエントコーポレーション
クレディセゾン
ジェーシービー
セディナ
東急カード
トヨタファイナンス
ポケットカード
三井住友カード
三井住友トラストクラブ
三菱ＵＦＪニコス
ジャックス
ユーシーカード
横浜バンクカード
ライフ
楽天カード</t>
    <phoneticPr fontId="0" type="Hiragana"/>
  </si>
  <si>
    <t>神奈川県警察・生損保連絡協議会</t>
    <phoneticPr fontId="0" type="Hiragana"/>
  </si>
  <si>
    <t>　保険金をめぐるあらゆる暴力、不正請求、詐欺等を排除し、社会の安全と保健事業の健全な発展を確保する事を目的とし、年１回の協議会を開催して、情報交換等を行う。</t>
    <phoneticPr fontId="0" type="Hiragana"/>
  </si>
  <si>
    <t>（一社）日本損害保険協会神奈川損保会
（一社）神奈川県生命保険協会</t>
    <phoneticPr fontId="0" type="Hiragana"/>
  </si>
  <si>
    <t>あいおいニッセイ同和損保保険(株)
東京海上日動火災保険(株)
第一生命(株)
明治安田生命(株)
日本生命(株)
朝日生命(株)
住友生命(株)
ソニー生命(株)等</t>
    <phoneticPr fontId="0" type="Hiragana"/>
  </si>
  <si>
    <t>刑事部捜査第一課</t>
    <phoneticPr fontId="0" type="Hiragana"/>
  </si>
  <si>
    <t>警察協力医及び警察歯科医の委嘱</t>
    <phoneticPr fontId="0" type="Hiragana"/>
  </si>
  <si>
    <t>・大規模災害、突発重大事故等の発生に伴う多数死体の検視、検案、身元確認等の警察業務の円滑な推進のため委嘱をするもの。
・年１回、神奈川県歯科医師会、鑑識課、捜査第一課、科学捜査研究所、危機管理対策課、海上保安庁が参加し連絡協議会を行っている。</t>
    <phoneticPr fontId="0" type="Hiragana"/>
  </si>
  <si>
    <t>神奈川県警察医会(（公社）神奈川県医師会内の組織）
司法警察活動協力機構（（一社）神奈川県歯科医師会内の組織）</t>
    <phoneticPr fontId="0" type="Hiragana"/>
  </si>
  <si>
    <t>刑事部組織犯罪対策本部
暴力団対策課</t>
    <phoneticPr fontId="0" type="Hiragana"/>
  </si>
  <si>
    <t>暴力団排除活動</t>
    <phoneticPr fontId="0" type="Hiragana"/>
  </si>
  <si>
    <t>暴力団員が行う不当な行為を防止する広報活動、不当要求防止責任者講習、事務所使用等差し止め請求訴訟等</t>
    <phoneticPr fontId="0" type="Hiragana"/>
  </si>
  <si>
    <t>（公財）神奈川県暴力追放推進センター</t>
    <phoneticPr fontId="0" type="Hiragana"/>
  </si>
  <si>
    <t>交通部交通総務課</t>
    <phoneticPr fontId="0" type="Hiragana"/>
  </si>
  <si>
    <t>交通安全活動</t>
    <phoneticPr fontId="0" type="Hiragana"/>
  </si>
  <si>
    <t>神奈川県交通安全対策協議会が定める神奈川県交通安全県民運動事業計画に基づく活動</t>
    <phoneticPr fontId="0" type="Hiragana"/>
  </si>
  <si>
    <t>（公財）神奈川県交通安全協会
（一社）神奈川県安全運転管理者会連合会
他223機関・団体</t>
    <phoneticPr fontId="0" type="Hiragana"/>
  </si>
  <si>
    <t>交通安全こども自転車神奈川大会</t>
    <phoneticPr fontId="0" type="Hiragana"/>
  </si>
  <si>
    <t>交通安全教育の効果を高め、競技を通じて児童に自転車の安全走行に関する知識・技能、マナー等を体得させ、交通事故防止を図ることを目的としている。</t>
    <phoneticPr fontId="0" type="Hiragana"/>
  </si>
  <si>
    <t>（公財）神奈川県交通安全協会　　　　　　　　　　　　　</t>
    <phoneticPr fontId="0" type="Hiragana"/>
  </si>
  <si>
    <t>神奈川県自転車安全教育推進委員会</t>
    <phoneticPr fontId="0" type="Hiragana"/>
  </si>
  <si>
    <t>かながわ・バイク・リカレントスクール</t>
    <phoneticPr fontId="2"/>
  </si>
  <si>
    <t>安全な二輪車の利用を促進するために、全ての二輪車運転者の安全運転技能の向上や交通法規・マナーの遵守を目的している。</t>
    <phoneticPr fontId="2"/>
  </si>
  <si>
    <t>（公財）神奈川県交通安全協会
神奈川県二輪車普及安全協会</t>
    <phoneticPr fontId="0" type="Hiragana"/>
  </si>
  <si>
    <t>神奈川県二輪車安全運転推進委員会　　　　　　</t>
    <phoneticPr fontId="0" type="Hiragana"/>
  </si>
  <si>
    <t>グッドライダーミーティング</t>
    <phoneticPr fontId="0" type="Hiragana"/>
  </si>
  <si>
    <t>安全な二輪車の利用を促進するために、全ての二輪車運転者の安全運転技能の向上や交通法規・マナーの遵守を目的している。</t>
    <phoneticPr fontId="0" type="Hiragana"/>
  </si>
  <si>
    <t>（一社）神奈川県二輪車普及安全協会</t>
    <phoneticPr fontId="0" type="Hiragana"/>
  </si>
  <si>
    <t>先進安全自動車の普及促進</t>
    <phoneticPr fontId="0" type="Hiragana"/>
  </si>
  <si>
    <t>交通事故抑止の効果が期待できる自動ブレーキやペダル踏み間違い時加速抑制装置等の先進安全技術を搭載した「安全運転サポート車」の普及啓発を促進している。</t>
    <phoneticPr fontId="0" type="Hiragana"/>
  </si>
  <si>
    <t>神奈川県自動車ディーラー交通安全対策推進協議会（一社）神奈川県指定自動車教習所協会</t>
    <phoneticPr fontId="0" type="Hiragana"/>
  </si>
  <si>
    <t>交通指導員事業委託</t>
    <phoneticPr fontId="0" type="Hiragana"/>
  </si>
  <si>
    <t>地域住民を交通事故から守るため、各季の交通安全運動、交通安全日等における歩行者の保護誘導や祭礼等における交通整理などを行っており、警察活動にも大きく寄与している。</t>
    <phoneticPr fontId="0" type="Hiragana"/>
  </si>
  <si>
    <t>（公財）神奈川県交通安全協会</t>
    <phoneticPr fontId="0" type="Hiragana"/>
  </si>
  <si>
    <t>安全運転管理者法定講習委託</t>
    <phoneticPr fontId="0" type="Hiragana"/>
  </si>
  <si>
    <t>安全運転管理者及び副安全運転管理者の法定講習の業務委託</t>
    <phoneticPr fontId="0" type="Hiragana"/>
  </si>
  <si>
    <t>（一社）神奈川県安全運転管理者会連合会</t>
    <phoneticPr fontId="0" type="Hiragana"/>
  </si>
  <si>
    <t>シルバードライビングスクール講習委託</t>
    <phoneticPr fontId="0" type="Hiragana"/>
  </si>
  <si>
    <t>加齢による運転技能の変化について自覚を促すとともに、交通実態に即した危険の認知・判断及び適切な運転操作ができるよう教育、訓練することにより、高齢運転者による交通事故を防止することを目的としている。</t>
    <phoneticPr fontId="0" type="Hiragana"/>
  </si>
  <si>
    <t>（一社）神奈川県指定自動車教習所協会</t>
    <phoneticPr fontId="0" type="Hiragana"/>
  </si>
  <si>
    <t>交通部交通規制課</t>
    <phoneticPr fontId="0" type="Hiragana"/>
  </si>
  <si>
    <t>交通情報提供活動</t>
    <phoneticPr fontId="0" type="Hiragana"/>
  </si>
  <si>
    <t>道路交通法第109条の２及び同法施行規則第38条の７に定める交通情報提供業務</t>
    <phoneticPr fontId="0" type="Hiragana"/>
  </si>
  <si>
    <t>（公財）日本道路交通情報センター</t>
    <phoneticPr fontId="0" type="Hiragana"/>
  </si>
  <si>
    <t>「ラジオ・チャリティ・ミュージックソン基金」により信号機に視覚障害者用付加装置を設置</t>
    <phoneticPr fontId="0" type="Hiragana"/>
  </si>
  <si>
    <t>（株）ニッポン放送</t>
    <phoneticPr fontId="0" type="Hiragana"/>
  </si>
  <si>
    <t>道路交通法第108条の31に定める道路使用許可に係る道路又は交通の状況に関する調査業務</t>
    <phoneticPr fontId="0" type="Hiragana"/>
  </si>
  <si>
    <t>（公財）神奈川県交通安全協会　</t>
    <phoneticPr fontId="0" type="Hiragana"/>
  </si>
  <si>
    <t>交通部運転免許本部運転免許課</t>
    <phoneticPr fontId="0" type="Hiragana"/>
  </si>
  <si>
    <t>運転免許証等交付委託業務</t>
    <phoneticPr fontId="0" type="Hiragana"/>
  </si>
  <si>
    <t>運転免許本部における運転免許更新者に対する運転免許証交付業務、更新連絡葉書の郵送業務</t>
    <phoneticPr fontId="0" type="Hiragana"/>
  </si>
  <si>
    <t>交通部運転免許本部
運転免許課</t>
    <phoneticPr fontId="0" type="Hiragana"/>
  </si>
  <si>
    <t>自動車教習所職員の教育、訓練資質の向上による、優秀な自動車運転者を養成するとともに、交通安全思想の普及及び啓発活動に対する支援</t>
    <phoneticPr fontId="0" type="Hiragana"/>
  </si>
  <si>
    <t>仮運転免許試験事務等委託事業</t>
    <phoneticPr fontId="0" type="Hiragana"/>
  </si>
  <si>
    <t>仮運転免許試験事務、指定自動車教習所指導員等に対する講習等の実施</t>
    <phoneticPr fontId="0" type="Hiragana"/>
  </si>
  <si>
    <t>自動車運転練習事務等委託事業</t>
    <phoneticPr fontId="0" type="Hiragana"/>
  </si>
  <si>
    <t>交通事故防止の一環として技能試験コースを開放し運転練習の機会を提供する事業、試験車両の管理業務の実施</t>
    <phoneticPr fontId="0" type="Hiragana"/>
  </si>
  <si>
    <t>交通部運転免許本部運転教育課</t>
    <phoneticPr fontId="0" type="Hiragana"/>
  </si>
  <si>
    <t>講習等委託事業</t>
    <phoneticPr fontId="0" type="Hiragana"/>
  </si>
  <si>
    <t>運転免許証の更新時講習等の実施</t>
    <phoneticPr fontId="0" type="Hiragana"/>
  </si>
  <si>
    <t>運転免許の効力の停止等受けた者に対する講習の実施</t>
    <phoneticPr fontId="0" type="Hiragana"/>
  </si>
  <si>
    <t>認知機能検査及び臨時認知機能検査の実施</t>
    <phoneticPr fontId="0" type="Hiragana"/>
  </si>
  <si>
    <t>別紙２のとおり</t>
    <phoneticPr fontId="0" type="Hiragana"/>
  </si>
  <si>
    <t>27団体（別紙４のとおり）</t>
    <phoneticPr fontId="0" type="Hiragana"/>
  </si>
  <si>
    <t>別紙４のとおり</t>
    <phoneticPr fontId="0" type="Hiragana"/>
  </si>
  <si>
    <t>丹沢大山クリーンピア21　（別紙７のとおり）</t>
    <phoneticPr fontId="0" type="Hiragana"/>
  </si>
  <si>
    <t>別紙８のとおり（登録ボランティア24団体（個人を含む））</t>
    <phoneticPr fontId="0" type="Hiragana"/>
  </si>
  <si>
    <t>別紙９のとおり</t>
    <phoneticPr fontId="0" type="Hiragana"/>
  </si>
  <si>
    <t>山北町上下流域自治体間交流事業実行委員会、（一社）藤野観光協会、上下流域自治体間交流事業実行委員会、小松コスモスまつり実行委員会、愛川町観光協会、中道志川トラスト協会</t>
    <phoneticPr fontId="0" type="Hiragana"/>
  </si>
  <si>
    <t>企業・ＮＰＯ・大学パートナシップミーティングin葉山</t>
    <rPh sb="7" eb="9">
      <t>ダイガク</t>
    </rPh>
    <rPh sb="24" eb="26">
      <t>ハヤマ</t>
    </rPh>
    <phoneticPr fontId="6"/>
  </si>
  <si>
    <t>認定ＮＰＯ法人地球学校、ＮＰＯ法人Small Step</t>
    <rPh sb="0" eb="2">
      <t>にんてい</t>
    </rPh>
    <rPh sb="5" eb="7">
      <t>ほうじん</t>
    </rPh>
    <rPh sb="7" eb="11">
      <t>ちきゅうがっこう</t>
    </rPh>
    <rPh sb="15" eb="17">
      <t>ほうじん</t>
    </rPh>
    <phoneticPr fontId="0" type="Hiragana"/>
  </si>
  <si>
    <t>ＮＰＯ向け勉強会</t>
    <rPh sb="3" eb="4">
      <t>ム</t>
    </rPh>
    <rPh sb="5" eb="8">
      <t>ベンキョウカイ</t>
    </rPh>
    <phoneticPr fontId="6"/>
  </si>
  <si>
    <t>認定NPO法人 全国こども食堂支援センター・むすびえ
一般社団法人ソーシャルコーディネートかながわ</t>
    <rPh sb="0" eb="2">
      <t>ニンテイ</t>
    </rPh>
    <rPh sb="5" eb="7">
      <t>ホウジン</t>
    </rPh>
    <rPh sb="8" eb="10">
      <t>ゼンコク</t>
    </rPh>
    <rPh sb="13" eb="15">
      <t>ショクドウ</t>
    </rPh>
    <rPh sb="15" eb="17">
      <t>シエン</t>
    </rPh>
    <rPh sb="27" eb="33">
      <t>イッパンシャダンホウジン</t>
    </rPh>
    <phoneticPr fontId="2"/>
  </si>
  <si>
    <t>各種選挙が明るく正しく行われるよう、有権者等の政治意識の向上を図るため、神奈川県明るい選挙推進協議会と連携して高等学校等での啓発事業や若年層の低投票率対策を実施する。</t>
    <phoneticPr fontId="0" type="Hiragana"/>
  </si>
  <si>
    <t>・（一社）Silva
・We Love 自然ふれあいの森
・NPO法人 オーシャンファミリー海洋自然体験センター
・国際ソロプチミスト横須賀
・葉山の環境を守る会
・三浦半島自然保護の会
・ＮＰＯ法人三浦半島生物多様性保全
・大楠観光協会</t>
    <rPh sb="113" eb="119">
      <t>おおぐすかんこうきょうかい</t>
    </rPh>
    <phoneticPr fontId="0" type="Hiragana"/>
  </si>
  <si>
    <r>
      <t>・（一社）Silva
・Ｗｅ Ｌｏｖｅ　自然ふれあいの森
・ＮＰＯ法人オーシャンファミリー海洋自然体験センター
・ＮＰＯ法人グリーンパワーファクトリー
・ＮＰＯ法人国際ふるさとの森づくり協会
・国際ソロプチミスト横須賀
・葉山の環境を守る会
・三浦半島自然保護の会
・ＮＰＯ法人三浦半島生物多様性保全</t>
    </r>
    <r>
      <rPr>
        <strike/>
        <sz val="9"/>
        <color theme="1"/>
        <rFont val="ＭＳ 明朝"/>
        <family val="1"/>
        <charset val="128"/>
      </rPr>
      <t xml:space="preserve">
</t>
    </r>
    <r>
      <rPr>
        <sz val="9"/>
        <color theme="1"/>
        <rFont val="ＭＳ 明朝"/>
        <family val="1"/>
        <charset val="128"/>
      </rPr>
      <t>・認定ＮＰＯ法人産業クラスター研究会</t>
    </r>
    <phoneticPr fontId="0" type="Hiragana"/>
  </si>
  <si>
    <t>・㈱大川印刷
・㈱研進
・社会福祉法人　湘南の凪
・社会福祉法人　進和学園
・CINEMA CARAVAN
・㈱LaLaLand Holdings
・株式会社サンケイアイ</t>
    <phoneticPr fontId="0" type="Hiragana"/>
  </si>
  <si>
    <r>
      <t xml:space="preserve">県退職者ボランタリー活動支援データベース事業
</t>
    </r>
    <r>
      <rPr>
        <strike/>
        <sz val="9"/>
        <color theme="1"/>
        <rFont val="ＭＳ 明朝"/>
        <family val="1"/>
        <charset val="128"/>
      </rPr>
      <t xml:space="preserve">
</t>
    </r>
    <r>
      <rPr>
        <sz val="9"/>
        <color theme="1"/>
        <rFont val="ＭＳ 明朝"/>
        <family val="1"/>
        <charset val="128"/>
      </rPr>
      <t xml:space="preserve">（令和７年度再開予定）
</t>
    </r>
    <rPh sb="25" eb="27">
      <t>レイワ</t>
    </rPh>
    <rPh sb="28" eb="30">
      <t>ネンド</t>
    </rPh>
    <rPh sb="30" eb="32">
      <t>サイカイ</t>
    </rPh>
    <rPh sb="32" eb="34">
      <t>ヨテイ</t>
    </rPh>
    <phoneticPr fontId="2"/>
  </si>
  <si>
    <t xml:space="preserve">県内関係団体等の参画を得て協議会を設置し、県内一斉防犯パトロールの実施など、自主的な防犯活動を推進することで、犯罪のない安全・安心まちづくりを県民総ぐるみの運動として推進する。
</t>
    <rPh sb="33" eb="35">
      <t>ジッシ</t>
    </rPh>
    <rPh sb="38" eb="41">
      <t>ジシュテキ</t>
    </rPh>
    <rPh sb="42" eb="44">
      <t>ボウハン</t>
    </rPh>
    <rPh sb="44" eb="46">
      <t>カツドウ</t>
    </rPh>
    <rPh sb="47" eb="49">
      <t>スイシン</t>
    </rPh>
    <phoneticPr fontId="2"/>
  </si>
  <si>
    <t>自主防犯活動団体として県に登録した団体計2,400団体(3月末現在)</t>
    <rPh sb="29" eb="31">
      <t>がつまつ</t>
    </rPh>
    <phoneticPr fontId="0" type="Hiragana"/>
  </si>
  <si>
    <t>犯罪被害者等が日常生活を一刻も早く回復できるよう、法律相談やカウンセリングなど犯罪被害者等の立場に立った適切できめ細かい支援を提供する。公益社団法人に対しては、カウンセリング業務および法律相談調整業務を委託する。</t>
    <phoneticPr fontId="0" type="Hiragana"/>
  </si>
  <si>
    <t>犯罪被害者等支援の現場活動を担う人材を確保するため、ボランティアの効果的な募集と管理、育成を図る。公益社団法人に対して、犯罪被害者等支援員養成講座の開催を委託する。</t>
    <rPh sb="53" eb="55">
      <t>ほうじん</t>
    </rPh>
    <phoneticPr fontId="0" type="Hiragana"/>
  </si>
  <si>
    <t>犯罪被害者等への総合的な支援体制として「かながわ犯罪被害者サポートステーション」を運営する。公益社団法人に対しては、犯罪被害者等相談業務および付添支援業務を委託する。</t>
    <phoneticPr fontId="0" type="Hiragana"/>
  </si>
  <si>
    <t>適格消費者団体NPO法人消費者支援かながわ、神奈川県消費者団体連絡会、全国消費生活相談員協会、、日本消費生活アドバイザー・コンサルタント・相談員協会東日本支部、神奈川県ファイナンシャルプランナーズ協同組合、消費者問題に取組むCの会、NACS標準化を考える会、特定非営利活動法人 セカンドリーグ神奈川、野菜ソムリエコミュニティかながわ、一般社団法人日本産業協会</t>
    <rPh sb="120" eb="123">
      <t>ひょうじゅんか</t>
    </rPh>
    <rPh sb="124" eb="125">
      <t>かんが</t>
    </rPh>
    <rPh sb="127" eb="128">
      <t>かい</t>
    </rPh>
    <phoneticPr fontId="0" type="Hiragana"/>
  </si>
  <si>
    <t>消防団員に対する教育訓練のうち基礎教育、専科教育警防科、幹部教育初級幹部科・指揮幹部科、特別教育女性消防団員等活性化研修の実施</t>
    <rPh sb="15" eb="17">
      <t>きそ</t>
    </rPh>
    <rPh sb="17" eb="19">
      <t>きょういく</t>
    </rPh>
    <phoneticPr fontId="0" type="Hiragana"/>
  </si>
  <si>
    <t>公益財団法人かながわ国際交流財団、認定NPO法人多文化共生教育ネットワークかながわ、NPO法人ABCジャパン</t>
    <rPh sb="45" eb="47">
      <t>ほうじん</t>
    </rPh>
    <phoneticPr fontId="0" type="Hiragana"/>
  </si>
  <si>
    <t>慶應義塾大学、東京外国語大学、明星大学、日本労働組合総連合会神奈川県連合会、一般社団法人神奈川県経営者協会、独立行政法人国際協力機構横浜センター、平塚市、箱根町</t>
    <rPh sb="7" eb="9">
      <t>とうきょう</t>
    </rPh>
    <rPh sb="9" eb="11">
      <t>がいこく</t>
    </rPh>
    <rPh sb="11" eb="12">
      <t>ご</t>
    </rPh>
    <rPh sb="12" eb="14">
      <t>だいがく</t>
    </rPh>
    <rPh sb="15" eb="17">
      <t>みょうじょう</t>
    </rPh>
    <rPh sb="73" eb="75">
      <t>ひらつか</t>
    </rPh>
    <rPh sb="77" eb="80">
      <t>はこねまち</t>
    </rPh>
    <phoneticPr fontId="0" type="Hiragana"/>
  </si>
  <si>
    <t>文化課（財団）</t>
    <rPh sb="4" eb="6">
      <t>ザイダン</t>
    </rPh>
    <phoneticPr fontId="2"/>
  </si>
  <si>
    <t>公益財団法人鎌倉市芸術文化振興財団
神奈川県美術展委員会</t>
    <phoneticPr fontId="0" type="Hiragana"/>
  </si>
  <si>
    <t>第64回「音楽堂・おかあさんコーラス」</t>
    <phoneticPr fontId="0" type="Hiragana"/>
  </si>
  <si>
    <t>小中高校生のための公開リハーサル</t>
    <phoneticPr fontId="0" type="Hiragana"/>
  </si>
  <si>
    <t>第68回神奈川県合唱コンクール</t>
    <phoneticPr fontId="0" type="Hiragana"/>
  </si>
  <si>
    <t>第39回ヨコハマ・コンペティション</t>
    <phoneticPr fontId="0" type="Hiragana"/>
  </si>
  <si>
    <t>第59回神奈川県名流三曲祭</t>
    <phoneticPr fontId="0" type="Hiragana"/>
  </si>
  <si>
    <t>第34回神奈川オペラフェスティバル</t>
    <phoneticPr fontId="0" type="Hiragana"/>
  </si>
  <si>
    <t>第48回 神奈川県合唱フェスティバル</t>
    <phoneticPr fontId="0" type="Hiragana"/>
  </si>
  <si>
    <t>第58回クリスマス音楽会「メサイア」全曲演奏会</t>
    <phoneticPr fontId="0" type="Hiragana"/>
  </si>
  <si>
    <t>打楽器奏者加藤訓子プロデュースによる、スティーブ・ライヒ、権代敦彦の作品を集めた公演。</t>
    <rPh sb="0" eb="3">
      <t>だがっき</t>
    </rPh>
    <rPh sb="3" eb="5">
      <t>そうしゃ</t>
    </rPh>
    <rPh sb="29" eb="30">
      <t>けん</t>
    </rPh>
    <rPh sb="30" eb="31">
      <t>だい</t>
    </rPh>
    <rPh sb="31" eb="33">
      <t>あつひこ</t>
    </rPh>
    <rPh sb="34" eb="36">
      <t>さくひん</t>
    </rPh>
    <rPh sb="37" eb="38">
      <t>あつ</t>
    </rPh>
    <phoneticPr fontId="0" type="Hiragana"/>
  </si>
  <si>
    <t>横浜国際舞台芸術ミーティング2025(YPAM2025)</t>
    <phoneticPr fontId="0" type="Hiragana"/>
  </si>
  <si>
    <t>KAATフレンドシッププログラム「横浜中華街 2026横浜春節祭　ランタンオブジェ展示」</t>
    <phoneticPr fontId="0" type="Hiragana"/>
  </si>
  <si>
    <t>かながわＤＭＯ事業費補助(インバウンド一元的対応窓口整備事業費補助)</t>
    <phoneticPr fontId="0" type="Hiragana"/>
  </si>
  <si>
    <t>公益社団法人かながわ福祉サービス振興会、かながわシニアスポーツフェスタ実行委員会の団体（一部を除く）（別紙３のとおり）</t>
    <rPh sb="51" eb="53">
      <t>べっし</t>
    </rPh>
    <phoneticPr fontId="0" type="Hiragana"/>
  </si>
  <si>
    <t>かながわシニアスポーツフェスタ実行委員会の一部団体（別紙３のとおり）</t>
    <rPh sb="26" eb="28">
      <t>べっし</t>
    </rPh>
    <phoneticPr fontId="0" type="Hiragana"/>
  </si>
  <si>
    <t>民間スポーツクラブ
3033生涯スポーツ推進会議　県内各市町村
公益財団法人神奈川県スポーツ協会
一般財団法人かながわパラスポーツ協会</t>
    <phoneticPr fontId="0" type="Hiragana"/>
  </si>
  <si>
    <t>障がい者スポーツの普及を図るため、県障害者スポーツ大会の開催、全国障害者スポーツ大会への選手団派遣、パラスポーツ指導者の養成等を実施する。</t>
    <phoneticPr fontId="0" type="Hiragana"/>
  </si>
  <si>
    <t>特定非営利活動法人ＳＲＣ、城下町スポーツクラブほか</t>
    <rPh sb="13" eb="16">
      <t>じょうかまち</t>
    </rPh>
    <phoneticPr fontId="0" type="Hiragana"/>
  </si>
  <si>
    <t>「かながわパラスポーツ」の普及推進のため、パラスポーツを知り、体験するイベント等を開催する。</t>
    <phoneticPr fontId="0" type="Hiragana"/>
  </si>
  <si>
    <t>一般財団法人かながわパラスポーツ協会、各障がい者スポーツ競技団体ほか</t>
    <rPh sb="0" eb="2">
      <t>いっぱん</t>
    </rPh>
    <rPh sb="2" eb="4">
      <t>ざいだん</t>
    </rPh>
    <rPh sb="4" eb="6">
      <t>ほうじん</t>
    </rPh>
    <rPh sb="16" eb="18">
      <t>きょうかい</t>
    </rPh>
    <phoneticPr fontId="0" type="Hiragana"/>
  </si>
  <si>
    <t>一般財団法人かながわパラスポーツ協会
（神奈川県障害者スポーツ振興協議会は解散し、事務は神奈川県障がい者スポーツ協会へ引継ぎ）</t>
    <phoneticPr fontId="2"/>
  </si>
  <si>
    <t>一般財団法人かながわパラスポーツ協会
各障がい者スポーツ競技団体</t>
    <phoneticPr fontId="2"/>
  </si>
  <si>
    <t>一般財団法人かながわパラスポーツ協会、一般社団法人パラ神奈川スポーツクラブ、認定特定非営利活動法人スペシャルオリンピックス日本・神奈川、神奈川ボッチャ協会</t>
    <phoneticPr fontId="2"/>
  </si>
  <si>
    <t xml:space="preserve">神奈川県森林組合連合会
神奈川県木材業協同組合連合会
神奈川県森林協会
神奈川県山林種苗協同組合
連合神奈川
株式会社神奈川新聞社
</t>
    <phoneticPr fontId="0" type="Hiragana"/>
  </si>
  <si>
    <t>神奈川県菊花連盟等
計48団体（別紙５のとおり)</t>
    <phoneticPr fontId="0" type="Hiragana"/>
  </si>
  <si>
    <t>NPO法人ファームパーク湘南
NPO法人愛川宮ノ下農園会</t>
    <phoneticPr fontId="2"/>
  </si>
  <si>
    <t>生田緑地の谷戸とホトケドジョウを守る会、さむかわエコネット、酒匂川のメダカとその生息地を守る会、桂川・相模川流域協議会、ゆめたま</t>
    <phoneticPr fontId="0" type="Hiragana"/>
  </si>
  <si>
    <t>川崎市、横浜市、寒川町、小田原市、Nexco東日本、相模川漁連、酒匂川漁協、（一財）内水面漁業振興会</t>
    <phoneticPr fontId="0" type="Hiragana"/>
  </si>
  <si>
    <t>丹沢大山ボランティアネットワーク
（別紙６のとおり）</t>
    <phoneticPr fontId="0" type="Hiragana"/>
  </si>
  <si>
    <t>丹沢大山クリーンピア21
(別紙７のとおり）</t>
    <phoneticPr fontId="0" type="Hiragana"/>
  </si>
  <si>
    <t>特定非営利活動法人laule'a、公益社団法人SSP、公益財団法人横浜市スポーツ協会、公益財団法人茅ケ崎市・スポーツ振興財団</t>
    <rPh sb="17" eb="19">
      <t>こうえき</t>
    </rPh>
    <rPh sb="19" eb="21">
      <t>しゃだん</t>
    </rPh>
    <rPh sb="27" eb="33">
      <t>こうえきざいだんほうじん</t>
    </rPh>
    <rPh sb="33" eb="36">
      <t>よこはまし</t>
    </rPh>
    <rPh sb="40" eb="42">
      <t>きょうかい</t>
    </rPh>
    <rPh sb="43" eb="49">
      <t>こうえきざいだんほうじん</t>
    </rPh>
    <rPh sb="49" eb="53">
      <t>ちがさきし</t>
    </rPh>
    <rPh sb="58" eb="60">
      <t>しんこう</t>
    </rPh>
    <rPh sb="60" eb="62">
      <t>ざいだん</t>
    </rPh>
    <phoneticPr fontId="0" type="Hiragana"/>
  </si>
  <si>
    <t>かながわこども・子育て支援大賞</t>
    <phoneticPr fontId="0" type="Hiragana"/>
  </si>
  <si>
    <t>事業者や個人・団体による自主的なこども・子育て支援活動の活性化と、県民総ぐるみの取組みへの機運の醸成を図るため、こども・子育て支援活動のモデルとなる活動を表彰し、その活動について周知する。</t>
    <rPh sb="4" eb="6">
      <t>こじん</t>
    </rPh>
    <rPh sb="7" eb="9">
      <t>だんたい</t>
    </rPh>
    <rPh sb="60" eb="62">
      <t>こそだ</t>
    </rPh>
    <rPh sb="63" eb="67">
      <t>しえんかつどう</t>
    </rPh>
    <rPh sb="74" eb="76">
      <t>かつどう</t>
    </rPh>
    <rPh sb="77" eb="79">
      <t>ひょうしょう</t>
    </rPh>
    <rPh sb="83" eb="85">
      <t>かつどう</t>
    </rPh>
    <rPh sb="89" eb="91">
      <t>しゅうち</t>
    </rPh>
    <phoneticPr fontId="0" type="Hiragana"/>
  </si>
  <si>
    <r>
      <rPr>
        <sz val="9"/>
        <color theme="1"/>
        <rFont val="ＭＳ 明朝"/>
        <family val="1"/>
        <charset val="128"/>
      </rPr>
      <t>青少年課</t>
    </r>
    <r>
      <rPr>
        <strike/>
        <sz val="9"/>
        <color theme="1"/>
        <rFont val="ＭＳ 明朝"/>
        <family val="1"/>
        <charset val="128"/>
      </rPr>
      <t xml:space="preserve">
</t>
    </r>
    <r>
      <rPr>
        <sz val="9"/>
        <color theme="1"/>
        <rFont val="ＭＳ 明朝"/>
        <family val="1"/>
        <charset val="128"/>
      </rPr>
      <t xml:space="preserve">
</t>
    </r>
    <rPh sb="0" eb="3">
      <t>セイショウネン</t>
    </rPh>
    <rPh sb="3" eb="4">
      <t>カ</t>
    </rPh>
    <phoneticPr fontId="2"/>
  </si>
  <si>
    <r>
      <rPr>
        <sz val="9"/>
        <color theme="1"/>
        <rFont val="ＭＳ 明朝"/>
        <family val="1"/>
        <charset val="128"/>
      </rPr>
      <t>青少年課</t>
    </r>
    <r>
      <rPr>
        <strike/>
        <sz val="9"/>
        <color theme="1"/>
        <rFont val="ＭＳ 明朝"/>
        <family val="1"/>
        <charset val="128"/>
      </rPr>
      <t xml:space="preserve">
</t>
    </r>
    <rPh sb="0" eb="3">
      <t>セイショウネン</t>
    </rPh>
    <rPh sb="3" eb="4">
      <t>カ</t>
    </rPh>
    <phoneticPr fontId="2"/>
  </si>
  <si>
    <t>　災害対策基本法（昭和36 年法律第223 号）の規定に基づく防災基本計画に掲げられた災害中間支援組織を含めた被災者支援機関の連携体制の構築の一環として、県内外の多様な支援機関が災害時に最大限の力を各々発揮し、被災者の多様なニーズに沿った「もれ・むら」のない効果的な支援活動を実現する。</t>
    <phoneticPr fontId="0" type="Hiragana"/>
  </si>
  <si>
    <t>地域で医療的ケア児等からの各種相談に対応するため、各障害保健福祉圏域に医療的ケア児支援センターのブランチを設置、運営する。</t>
    <rPh sb="56" eb="58">
      <t>うんえい</t>
    </rPh>
    <phoneticPr fontId="0" type="Hiragana"/>
  </si>
  <si>
    <t>各障害保健福祉圏域に設置している医療的ケア児支援センターのブランチと共催で行う医療的ケア児のための座談会、交流会等への後援を行う。</t>
    <rPh sb="37" eb="38">
      <t>おこな</t>
    </rPh>
    <rPh sb="59" eb="61">
      <t>こうえん</t>
    </rPh>
    <rPh sb="62" eb="63">
      <t>おこな</t>
    </rPh>
    <phoneticPr fontId="0" type="Hiragana"/>
  </si>
  <si>
    <t>重度障がい者の地域生活移行及び地域定着を支える地域の相談支援体制を拡充するため、法人を対象に、相談支援事業所の開設促進セミナーを開催するとともに 、セミナー参加法人等からの問合せ等に対応するサポートデスクを開設してフォローアップを行うことで相談支援事業所の新規開設を促進する。</t>
    <rPh sb="120" eb="122">
      <t>そうだん</t>
    </rPh>
    <rPh sb="122" eb="124">
      <t>しえん</t>
    </rPh>
    <rPh sb="124" eb="127">
      <t>じぎょうしょ</t>
    </rPh>
    <rPh sb="128" eb="130">
      <t>しんき</t>
    </rPh>
    <rPh sb="130" eb="132">
      <t>かいせつ</t>
    </rPh>
    <rPh sb="133" eb="135">
      <t>そくしん</t>
    </rPh>
    <phoneticPr fontId="0" type="Hiragana"/>
  </si>
  <si>
    <t>NPO法人エンパワメントかながわ</t>
    <phoneticPr fontId="0" type="Hiragana"/>
  </si>
  <si>
    <t>・法人日本ディベート協会
・NPO法人あっとほーむ
・アクティヴリッスン</t>
    <phoneticPr fontId="0" type="Hiragana"/>
  </si>
  <si>
    <t>相模原市、横須賀市、平塚市、藤沢市、小田原市、茅ヶ崎市、三浦市、厚木市、伊勢原市、海老名市、二宮町、中井町、大井町、山北町、箱根町</t>
    <rPh sb="11" eb="12">
      <t>つか</t>
    </rPh>
    <rPh sb="50" eb="53">
      <t>なかいまち</t>
    </rPh>
    <phoneticPr fontId="0" type="Hiragana"/>
  </si>
  <si>
    <t>厚生労働大臣が定める基準を満たす施設（６団体）</t>
    <phoneticPr fontId="0" type="Hiragana"/>
  </si>
  <si>
    <t>厚生労働大臣が定める基準を満たす施設（１社会福祉法人）</t>
    <phoneticPr fontId="0" type="Hiragana"/>
  </si>
  <si>
    <t>NPO法人教育支援協会南関東、NPO法人楠の木学園、NPO法人アーモンドコミュニティネットワーク、NPO法人教育活動総合サポートセンター、NPO法人フリースクール鈴蘭学園、NPO法人アンガージュマン・よこすか、NPO法人子どもと共に歩むフリースペースたんぽぽ、NPO法人くだかけ会、NPO法人鎌倉あそび基地、NPO法人不登校・発達支援ネットワークSeedsAPP</t>
    <rPh sb="157" eb="159">
      <t>ほうじん</t>
    </rPh>
    <rPh sb="159" eb="162">
      <t>ふとうこう</t>
    </rPh>
    <rPh sb="163" eb="165">
      <t>はったつ</t>
    </rPh>
    <rPh sb="165" eb="167">
      <t>しえん</t>
    </rPh>
    <phoneticPr fontId="0" type="Hiragana"/>
  </si>
  <si>
    <t>社会福祉法人唐池学園
社会福祉法人碧
社会福祉法人南足柄市社会福祉協議会
医療法人社団秦和会</t>
    <rPh sb="37" eb="43">
      <t>いりょうほうじんしゃだん</t>
    </rPh>
    <rPh sb="43" eb="44">
      <t>しん</t>
    </rPh>
    <rPh sb="44" eb="45">
      <t>わ</t>
    </rPh>
    <rPh sb="45" eb="46">
      <t>かい</t>
    </rPh>
    <phoneticPr fontId="0" type="Hiragana"/>
  </si>
  <si>
    <t>(公財)神奈川産業振興センター、(公財)川崎市産業振興財団、(公財)湘南産業振興財団、(公財)横浜企業経営支援財団、（一社）神奈川ニュービジネス協議会</t>
    <phoneticPr fontId="2"/>
  </si>
  <si>
    <t>(株)ケイエスピー、(株)さがみはら産業創造センター、(株)日本政策金融公庫、（国研）新エネルギー・産業技術総合開発機構、神奈川工科大学、神奈川大学、関東学院大学、慶應義塾大学、女子美術大学、専修大学、東海大学、東京農業大学、東京科学大学、フェリス女学院大学、明治学院大学、横浜国立大学、横浜商科大学、横浜市立大学</t>
    <rPh sb="113" eb="115">
      <t>とうきょう</t>
    </rPh>
    <rPh sb="115" eb="117">
      <t>かがく</t>
    </rPh>
    <rPh sb="117" eb="119">
      <t>だいがく</t>
    </rPh>
    <phoneticPr fontId="0" type="Hiragana"/>
  </si>
  <si>
    <t>令和７年度神奈川県労働大学講座</t>
    <phoneticPr fontId="0" type="Hiragana"/>
  </si>
  <si>
    <t>ＮＰＯ法人ウェッブストーリー、
ＮＰＯ法人ＦＰネットワーク神奈川、
ＮＰＯ法人かながわ就職支援研修センター、
ＮＰＯ法人かながわ精神障害者就労支援事業所の会、
ＮＰＯ法人キーパーソン２１、
ＮＰＯ法人コアネット、
ＮＰＯ法人ＮＰＯサポートちがさき、
ＮＰＯ法人湘南ふじさわシニアネット、
ＮＰＯ法人ＮＰＯ情報セキュリティフォーラム、
ＮＰＯ法人ニッポン・アクティブライフ・クラブ、
ＮＰＯ法人ＮＰＯ日本キャリア・コンサルタント協会、
ＮＰＯ法人日本プロフェッショナル・キャリア・カウンセラー協会、ＮＰＯ法人はあとけあ、ＮＰＯ法人マンション管理支援協会、
ＮＰＯ法人ユースポート横濱、
ＮＰＯ法人地球元気塾、
ＮＰＯ法人和の環、
ＮＰＯ法人SoELa</t>
    <phoneticPr fontId="2"/>
  </si>
  <si>
    <t>川崎市ビルメンテナンス業協同組合、（株）Ｋ２インターナショナルジャパン､（株）希和､（株）興学社、（株）沖ワークウェル、オーシャンインダストリー(株）、(株)日本教育指導協会、富士ソフト企画（株）</t>
    <rPh sb="88" eb="90">
      <t>ふじ</t>
    </rPh>
    <rPh sb="93" eb="95">
      <t>きかく</t>
    </rPh>
    <rPh sb="96" eb="97">
      <t>かぶ</t>
    </rPh>
    <phoneticPr fontId="0" type="Hiragana"/>
  </si>
  <si>
    <t>（相模湖ふれあい広場実行委員会）　　　　　　　　　　　　　　　　　指定管理者：（一社）相模湖観光協会・神奈川県ローイング協会グループ　　相模湖畔で長年にわたって実施してきた伝統のある花火大会を後世に伝えると共に、地域の人々や観光客の誘客を促し、ひいては地域の活性化をはかることを目的に、運営、管理全般について協議し、決定する。</t>
    <phoneticPr fontId="0" type="Hiragana"/>
  </si>
  <si>
    <t>相模湖商工会、相模湖商工会青年部、相模湖商工会女性部、津久井消防署津久井警察署、JR東日本相模湖駅、神奈川中央交通（株）相模湖交流センターアクティオ（株）</t>
    <phoneticPr fontId="0" type="Hiragana"/>
  </si>
  <si>
    <t>グリーン相模原シェアリングネイチャーの会、
NPO法人ジャパンコンパニオンドッグクラブ、
麻溝観光協会、
さがみはらスポーツレクリエーション協会、
（一社）日本造園業協会神奈川支部、
ツリークライミングRジャパンクラブLeaf、
特定ＮＰＯ法人ジャパン･コンパニオン･ドッグ･クラブ
NPO法人みどりのお医者さん、
女子美術大学、
久保囃子連、
相模原市少年鼓笛バンド連盟、
相模太鼓保存会、
相模原山草会、
相模原華道協会、
相模原市茶道連盟、
相模原造園協同組合、
相模の大凧文化保存会、
（一社）相模原市観光協会、
NPO法人エバーグリーン24</t>
    <phoneticPr fontId="0" type="Hiragana"/>
  </si>
  <si>
    <t>指定管理者：神奈川県公園協会・県立塚山公園保存会グループ
県立塚山公園にジンダイアケボノ（桜）の苗木を植樹</t>
    <phoneticPr fontId="0" type="Hiragana"/>
  </si>
  <si>
    <t xml:space="preserve">指定管理者：神奈川県公園協会
公園内に自生する様々な山野草を適切に保護・育成する。また、公園内の花壇等に植栽を実施する。
</t>
    <phoneticPr fontId="0" type="Hiragana"/>
  </si>
  <si>
    <t>グリーンバード鎌倉、三菱電機鎌倉製作所地区</t>
    <phoneticPr fontId="0" type="Hiragana"/>
  </si>
  <si>
    <t>一般社団法人横須賀市観光協会、神奈川土建一般労働組合横須賀三浦支部 
第19回どけんまつり実行委員会、ガリバープロジェクト、衣笠観光協会、逸見観光協会、道寸祭り実行委員会、三崎白秋会、（一社）三浦市観光協会城ヶ島地区、三浦海岸納涼まつり実行委員会、みうら夜市実行委員会、リビエラリゾートクラブ、公益社団法人鎌倉市観光協会</t>
    <phoneticPr fontId="0" type="Hiragana"/>
  </si>
  <si>
    <t>湘南里川づくりみんなの会
※湘南里川づくりみんなの会の構成団体として、下記の団体が参加。
NPO東海大学地域環境ネットワーク、
金目川水系流域ネットワーク、
21渋田川プロムナードプラン推進協議会、
地球っ子ひろば、
河内川あじさいの会、
鶴巻ホタルの会、
くずはの家　えのきの会、
鶴巻あじさい散歩道美化の会、
鶴巻親水遊歩道の会、
小巻環境サービス花の会、
大根川あじさいの会
平塚農商高等学校</t>
    <rPh sb="191" eb="193">
      <t>ひらつか</t>
    </rPh>
    <phoneticPr fontId="0" type="Hiragana"/>
  </si>
  <si>
    <t>教育委員会事務局運営費（令和7年度教育委員会文書集配等業務委託）</t>
    <phoneticPr fontId="0" type="Hiragana"/>
  </si>
  <si>
    <t>外国につながりを持つ子どもたちの高校への進学支援のために、県内６会場で行う「進学相談会」等の実施、「公立高校入学のためのガイドブック（10言語）」及び「インターネット出願システム操作マニュアル」の作成と配付を実施し、通訳派遣や資料提供等で相互協力を行う。</t>
    <phoneticPr fontId="0" type="Hiragana"/>
  </si>
  <si>
    <t>県立高等学校への支援として、多文化教育コーディネーター派遣事業を委託業務で実施・運営する。</t>
    <rPh sb="32" eb="34">
      <t>いたく</t>
    </rPh>
    <rPh sb="34" eb="36">
      <t>ぎょうむ</t>
    </rPh>
    <phoneticPr fontId="0" type="Hiragana"/>
  </si>
  <si>
    <t>全ての県立高等学校及び中等教育学校生徒のまたは入学予定者に対して、地域人材を活用し、外国につながりのある生徒への日本語を指導を中心とした、入学前から卒業までのトータル的な支援を行う。</t>
    <rPh sb="0" eb="1">
      <t>すべ</t>
    </rPh>
    <rPh sb="9" eb="10">
      <t>およ</t>
    </rPh>
    <rPh sb="11" eb="13">
      <t>ちゅうとう</t>
    </rPh>
    <rPh sb="13" eb="15">
      <t>きょういく</t>
    </rPh>
    <rPh sb="15" eb="17">
      <t>がっこう</t>
    </rPh>
    <phoneticPr fontId="0" type="Hiragana"/>
  </si>
  <si>
    <t>ＮＰＯ法人多文化共生教育ネットワークかながわ
ＮＰＯ法人パノラマ
宮城島篤子</t>
    <phoneticPr fontId="0" type="Hiragana"/>
  </si>
  <si>
    <t>大塚製薬㈱　他39団体(別紙10のとおり)</t>
    <phoneticPr fontId="0" type="Hiragana"/>
  </si>
  <si>
    <t>公益社団法人神奈川被害者支援センター
被害者支援自助グループ「ピア・神奈川」
(公社)医師会
(一社)歯科医師会
(公社)薬剤師会
(公社)防犯協会連合会
(公財)暴力追放推進センター
(公財)交通安全協会
(公財)横浜市男女共同参画センター
(一社)臨床心理士会</t>
    <rPh sb="0" eb="2">
      <t>こうえき</t>
    </rPh>
    <rPh sb="2" eb="4">
      <t>しゃだん</t>
    </rPh>
    <rPh sb="4" eb="6">
      <t>ほうじん</t>
    </rPh>
    <phoneticPr fontId="0" type="Hiragana"/>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2"/>
      <color theme="1"/>
      <name val="ＭＳ 明朝"/>
      <family val="2"/>
      <charset val="128"/>
    </font>
    <font>
      <sz val="12"/>
      <color theme="1"/>
      <name val="ＭＳ 明朝"/>
      <family val="2"/>
      <charset val="128"/>
    </font>
    <font>
      <sz val="6"/>
      <name val="ＭＳ 明朝"/>
      <family val="2"/>
      <charset val="128"/>
    </font>
    <font>
      <sz val="9"/>
      <color theme="1"/>
      <name val="ＭＳ 明朝"/>
      <family val="1"/>
      <charset val="128"/>
    </font>
    <font>
      <sz val="8"/>
      <color theme="1"/>
      <name val="ＭＳ 明朝"/>
      <family val="1"/>
      <charset val="128"/>
    </font>
    <font>
      <sz val="7"/>
      <color theme="1"/>
      <name val="ＭＳ 明朝"/>
      <family val="1"/>
      <charset val="128"/>
    </font>
    <font>
      <sz val="6"/>
      <name val="ＭＳ 明朝"/>
      <family val="1"/>
      <charset val="128"/>
    </font>
    <font>
      <sz val="9"/>
      <color theme="1"/>
      <name val="ＭＳ 明朝"/>
      <family val="2"/>
      <charset val="128"/>
    </font>
    <font>
      <sz val="12"/>
      <color theme="1"/>
      <name val="ＭＳ 明朝"/>
      <family val="1"/>
      <charset val="128"/>
    </font>
    <font>
      <strike/>
      <sz val="9"/>
      <color theme="1"/>
      <name val="ＭＳ 明朝"/>
      <family val="1"/>
      <charset val="128"/>
    </font>
    <font>
      <b/>
      <sz val="14"/>
      <color theme="1"/>
      <name val="ＭＳ ゴシック"/>
      <family val="3"/>
      <charset val="128"/>
    </font>
    <font>
      <sz val="9"/>
      <color theme="1"/>
      <name val="ＭＳ ゴシック"/>
      <family val="3"/>
      <charset val="128"/>
    </font>
    <font>
      <sz val="10"/>
      <color theme="1"/>
      <name val="ＭＳ 明朝"/>
      <family val="1"/>
      <charset val="128"/>
    </font>
    <font>
      <sz val="8"/>
      <color theme="1"/>
      <name val="ＭＳ ゴシック"/>
      <family val="3"/>
      <charset val="128"/>
    </font>
  </fonts>
  <fills count="3">
    <fill>
      <patternFill patternType="none"/>
    </fill>
    <fill>
      <patternFill patternType="gray125"/>
    </fill>
    <fill>
      <patternFill patternType="solid">
        <fgColor theme="0"/>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36">
    <xf numFmtId="0" fontId="0" fillId="0" borderId="0" xfId="0">
      <alignment vertical="center"/>
    </xf>
    <xf numFmtId="0" fontId="4" fillId="2" borderId="1" xfId="0" applyFont="1" applyFill="1" applyBorder="1" applyAlignment="1">
      <alignment horizontal="left" vertical="top" wrapText="1"/>
    </xf>
    <xf numFmtId="0" fontId="5" fillId="2" borderId="1" xfId="0" applyFont="1" applyFill="1" applyBorder="1" applyAlignment="1">
      <alignment horizontal="left" vertical="top" wrapText="1"/>
    </xf>
    <xf numFmtId="0" fontId="3" fillId="2" borderId="1" xfId="0" applyFont="1" applyFill="1" applyBorder="1" applyAlignment="1">
      <alignment vertical="top" wrapText="1"/>
    </xf>
    <xf numFmtId="0" fontId="3" fillId="2" borderId="1" xfId="0" applyFont="1" applyFill="1" applyBorder="1" applyAlignment="1">
      <alignment horizontal="left" vertical="top" wrapText="1"/>
    </xf>
    <xf numFmtId="0" fontId="3" fillId="2" borderId="1" xfId="0" applyFont="1" applyFill="1" applyBorder="1" applyAlignment="1">
      <alignment vertical="center" wrapText="1"/>
    </xf>
    <xf numFmtId="0" fontId="4" fillId="2" borderId="1" xfId="0" applyFont="1" applyFill="1" applyBorder="1" applyAlignment="1">
      <alignment vertical="top" wrapText="1"/>
    </xf>
    <xf numFmtId="0" fontId="3" fillId="2" borderId="1" xfId="0" applyFont="1" applyFill="1" applyBorder="1" applyAlignment="1">
      <alignment vertical="top" wrapText="1" shrinkToFit="1"/>
    </xf>
    <xf numFmtId="0" fontId="3" fillId="2" borderId="1" xfId="0" applyFont="1" applyFill="1" applyBorder="1" applyAlignment="1">
      <alignment horizontal="center" vertical="top" wrapText="1"/>
    </xf>
    <xf numFmtId="0" fontId="3" fillId="2" borderId="1" xfId="0" applyFont="1" applyFill="1" applyBorder="1" applyAlignment="1" applyProtection="1">
      <alignment horizontal="left" vertical="top" wrapText="1"/>
      <protection locked="0"/>
    </xf>
    <xf numFmtId="0" fontId="8" fillId="2" borderId="1" xfId="0" applyFont="1" applyFill="1" applyBorder="1">
      <alignment vertical="center"/>
    </xf>
    <xf numFmtId="0" fontId="8" fillId="2" borderId="0" xfId="0" applyFont="1" applyFill="1">
      <alignment vertical="center"/>
    </xf>
    <xf numFmtId="0" fontId="3" fillId="2" borderId="1" xfId="0" applyFont="1" applyFill="1" applyBorder="1" applyAlignment="1">
      <alignment vertical="top" shrinkToFit="1"/>
    </xf>
    <xf numFmtId="0" fontId="3" fillId="2" borderId="1" xfId="0" applyFont="1" applyFill="1" applyBorder="1" applyAlignment="1">
      <alignment horizontal="left" vertical="center" wrapText="1"/>
    </xf>
    <xf numFmtId="0" fontId="3" fillId="2" borderId="1" xfId="0" applyFont="1" applyFill="1" applyBorder="1" applyAlignment="1" applyProtection="1">
      <alignment vertical="top" wrapText="1"/>
      <protection locked="0"/>
    </xf>
    <xf numFmtId="0" fontId="9" fillId="2" borderId="1" xfId="0" applyFont="1" applyFill="1" applyBorder="1" applyAlignment="1">
      <alignment vertical="top" wrapText="1"/>
    </xf>
    <xf numFmtId="0" fontId="0" fillId="2" borderId="0" xfId="0" applyFont="1" applyFill="1">
      <alignment vertical="center"/>
    </xf>
    <xf numFmtId="0" fontId="3" fillId="2" borderId="0" xfId="0" applyFont="1" applyFill="1" applyAlignment="1">
      <alignment vertical="top"/>
    </xf>
    <xf numFmtId="0" fontId="11" fillId="2" borderId="1" xfId="0" applyFont="1" applyFill="1" applyBorder="1" applyAlignment="1">
      <alignment horizontal="center" vertical="top" wrapText="1"/>
    </xf>
    <xf numFmtId="0" fontId="12" fillId="2" borderId="1" xfId="0" applyFont="1" applyFill="1" applyBorder="1" applyAlignment="1">
      <alignment horizontal="center" vertical="top" wrapText="1"/>
    </xf>
    <xf numFmtId="0" fontId="9" fillId="2" borderId="1" xfId="0" applyFont="1" applyFill="1" applyBorder="1" applyAlignment="1">
      <alignment horizontal="left" vertical="top" wrapText="1"/>
    </xf>
    <xf numFmtId="0" fontId="10" fillId="2" borderId="0" xfId="0" applyFont="1" applyFill="1" applyAlignment="1">
      <alignment horizontal="left" vertical="top" wrapText="1"/>
    </xf>
    <xf numFmtId="0" fontId="0" fillId="2" borderId="0" xfId="0" applyFont="1" applyFill="1" applyAlignment="1">
      <alignment horizontal="left" vertical="top" wrapText="1"/>
    </xf>
    <xf numFmtId="0" fontId="3" fillId="2" borderId="0" xfId="0" applyFont="1" applyFill="1">
      <alignment vertical="center"/>
    </xf>
    <xf numFmtId="0" fontId="13" fillId="2" borderId="0" xfId="0" applyFont="1" applyFill="1" applyAlignment="1">
      <alignment horizontal="center" vertical="top" wrapText="1"/>
    </xf>
    <xf numFmtId="0" fontId="3" fillId="2" borderId="0" xfId="0" applyFont="1" applyFill="1" applyAlignment="1">
      <alignment horizontal="center" vertical="top" wrapText="1"/>
    </xf>
    <xf numFmtId="0" fontId="3" fillId="2" borderId="0" xfId="0" applyFont="1" applyFill="1" applyAlignment="1">
      <alignment horizontal="center" vertical="top"/>
    </xf>
    <xf numFmtId="0" fontId="0" fillId="2" borderId="0" xfId="0" applyFont="1" applyFill="1" applyAlignment="1">
      <alignment horizontal="center" vertical="center"/>
    </xf>
    <xf numFmtId="0" fontId="0" fillId="2" borderId="0" xfId="0" applyFont="1" applyFill="1" applyAlignment="1">
      <alignment horizontal="center" vertical="top" wrapText="1"/>
    </xf>
    <xf numFmtId="0" fontId="3" fillId="2" borderId="0" xfId="0" applyFont="1" applyFill="1" applyAlignment="1">
      <alignment horizontal="center" vertical="center"/>
    </xf>
    <xf numFmtId="0" fontId="8" fillId="2" borderId="0" xfId="0" applyFont="1" applyFill="1" applyAlignment="1">
      <alignment horizontal="center" vertical="center"/>
    </xf>
    <xf numFmtId="0" fontId="9" fillId="2" borderId="0" xfId="0" applyFont="1" applyFill="1" applyAlignment="1">
      <alignment horizontal="center" vertical="top" wrapText="1"/>
    </xf>
    <xf numFmtId="0" fontId="0" fillId="2" borderId="0" xfId="0" applyFont="1" applyFill="1" applyAlignment="1"/>
    <xf numFmtId="0" fontId="3" fillId="2" borderId="0" xfId="0" applyFont="1" applyFill="1" applyAlignment="1">
      <alignment vertical="top" wrapText="1"/>
    </xf>
    <xf numFmtId="0" fontId="4" fillId="2" borderId="1" xfId="0" applyFont="1" applyFill="1" applyBorder="1" applyAlignment="1">
      <alignment horizontal="left" vertical="top" wrapText="1" shrinkToFit="1"/>
    </xf>
    <xf numFmtId="0" fontId="7" fillId="2" borderId="1" xfId="0" applyFont="1" applyFill="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1D6633-2785-413F-9D3B-2397B71BA07F}">
  <sheetPr>
    <pageSetUpPr fitToPage="1"/>
  </sheetPr>
  <dimension ref="A1:XEQ533"/>
  <sheetViews>
    <sheetView tabSelected="1" view="pageBreakPreview" topLeftCell="A5" zoomScale="85" zoomScaleNormal="60" zoomScaleSheetLayoutView="85" workbookViewId="0">
      <selection activeCell="G6" sqref="G6"/>
    </sheetView>
  </sheetViews>
  <sheetFormatPr defaultRowHeight="14.4" x14ac:dyDescent="0.2"/>
  <cols>
    <col min="3" max="3" width="45.59765625" customWidth="1"/>
    <col min="4" max="4" width="46.8984375" customWidth="1"/>
    <col min="5" max="5" width="48.69921875" customWidth="1"/>
  </cols>
  <sheetData>
    <row r="1" spans="1:6" s="16" customFormat="1" ht="27.6" customHeight="1" x14ac:dyDescent="0.2">
      <c r="A1" s="21" t="s">
        <v>0</v>
      </c>
      <c r="B1" s="22"/>
      <c r="C1" s="22"/>
      <c r="D1" s="22"/>
    </row>
    <row r="2" spans="1:6" s="16" customFormat="1" x14ac:dyDescent="0.2">
      <c r="A2" s="17"/>
    </row>
    <row r="3" spans="1:6" s="16" customFormat="1" x14ac:dyDescent="0.2">
      <c r="D3" s="17" t="s">
        <v>1</v>
      </c>
    </row>
    <row r="4" spans="1:6" s="16" customFormat="1" ht="64.8" x14ac:dyDescent="0.2">
      <c r="A4" s="18" t="s">
        <v>2</v>
      </c>
      <c r="B4" s="18" t="s">
        <v>3</v>
      </c>
      <c r="C4" s="18" t="s">
        <v>4</v>
      </c>
      <c r="D4" s="18" t="s">
        <v>5</v>
      </c>
      <c r="E4" s="18" t="s">
        <v>6</v>
      </c>
    </row>
    <row r="5" spans="1:6" s="16" customFormat="1" ht="54" x14ac:dyDescent="0.2">
      <c r="A5" s="3" t="s">
        <v>7</v>
      </c>
      <c r="B5" s="3" t="s">
        <v>8</v>
      </c>
      <c r="C5" s="3" t="s">
        <v>9</v>
      </c>
      <c r="D5" s="3" t="s">
        <v>10</v>
      </c>
      <c r="E5" s="3"/>
    </row>
    <row r="6" spans="1:6" s="16" customFormat="1" ht="157.80000000000001" customHeight="1" x14ac:dyDescent="0.2">
      <c r="A6" s="4" t="s">
        <v>7</v>
      </c>
      <c r="B6" s="4" t="s">
        <v>11</v>
      </c>
      <c r="C6" s="4" t="s">
        <v>12</v>
      </c>
      <c r="D6" s="34" t="s">
        <v>13</v>
      </c>
      <c r="E6" s="1" t="s">
        <v>23</v>
      </c>
      <c r="F6" s="24"/>
    </row>
    <row r="7" spans="1:6" s="16" customFormat="1" ht="62.4" customHeight="1" x14ac:dyDescent="0.2">
      <c r="A7" s="1" t="s">
        <v>7</v>
      </c>
      <c r="B7" s="1" t="s">
        <v>14</v>
      </c>
      <c r="C7" s="1" t="s">
        <v>15</v>
      </c>
      <c r="D7" s="2"/>
      <c r="E7" s="2"/>
      <c r="F7" s="24"/>
    </row>
    <row r="8" spans="1:6" s="16" customFormat="1" ht="87.6" customHeight="1" x14ac:dyDescent="0.2">
      <c r="A8" s="3" t="s">
        <v>16</v>
      </c>
      <c r="B8" s="3" t="s">
        <v>17</v>
      </c>
      <c r="C8" s="4" t="s">
        <v>18</v>
      </c>
      <c r="D8" s="3" t="s">
        <v>19</v>
      </c>
      <c r="E8" s="3" t="s">
        <v>20</v>
      </c>
    </row>
    <row r="9" spans="1:6" s="16" customFormat="1" ht="43.2" x14ac:dyDescent="0.2">
      <c r="A9" s="3" t="s">
        <v>16</v>
      </c>
      <c r="B9" s="4" t="s">
        <v>21</v>
      </c>
      <c r="C9" s="4" t="s">
        <v>22</v>
      </c>
      <c r="D9" s="4" t="s">
        <v>1434</v>
      </c>
      <c r="E9" s="3"/>
    </row>
    <row r="10" spans="1:6" s="16" customFormat="1" ht="54" x14ac:dyDescent="0.2">
      <c r="A10" s="3" t="s">
        <v>16</v>
      </c>
      <c r="B10" s="3" t="s">
        <v>24</v>
      </c>
      <c r="C10" s="4" t="s">
        <v>25</v>
      </c>
      <c r="D10" s="3" t="s">
        <v>1440</v>
      </c>
      <c r="E10" s="3"/>
    </row>
    <row r="11" spans="1:6" s="16" customFormat="1" ht="64.8" x14ac:dyDescent="0.2">
      <c r="A11" s="3" t="s">
        <v>16</v>
      </c>
      <c r="B11" s="3" t="s">
        <v>26</v>
      </c>
      <c r="C11" s="4" t="s">
        <v>27</v>
      </c>
      <c r="D11" s="3" t="s">
        <v>28</v>
      </c>
      <c r="E11" s="3"/>
    </row>
    <row r="12" spans="1:6" s="16" customFormat="1" ht="75.599999999999994" x14ac:dyDescent="0.2">
      <c r="A12" s="3" t="s">
        <v>29</v>
      </c>
      <c r="B12" s="3" t="s">
        <v>30</v>
      </c>
      <c r="C12" s="4" t="s">
        <v>31</v>
      </c>
      <c r="D12" s="3" t="s">
        <v>32</v>
      </c>
      <c r="E12" s="3"/>
      <c r="F12" s="25"/>
    </row>
    <row r="13" spans="1:6" s="16" customFormat="1" ht="64.8" x14ac:dyDescent="0.2">
      <c r="A13" s="3" t="s">
        <v>29</v>
      </c>
      <c r="B13" s="3" t="s">
        <v>33</v>
      </c>
      <c r="C13" s="4" t="s">
        <v>31</v>
      </c>
      <c r="D13" s="3" t="s">
        <v>34</v>
      </c>
      <c r="E13" s="3"/>
      <c r="F13" s="25"/>
    </row>
    <row r="14" spans="1:6" s="16" customFormat="1" ht="64.8" x14ac:dyDescent="0.2">
      <c r="A14" s="3" t="s">
        <v>29</v>
      </c>
      <c r="B14" s="3" t="s">
        <v>35</v>
      </c>
      <c r="C14" s="4" t="s">
        <v>31</v>
      </c>
      <c r="D14" s="3" t="s">
        <v>36</v>
      </c>
      <c r="E14" s="3"/>
      <c r="F14" s="25"/>
    </row>
    <row r="15" spans="1:6" s="16" customFormat="1" ht="64.8" x14ac:dyDescent="0.2">
      <c r="A15" s="3" t="s">
        <v>29</v>
      </c>
      <c r="B15" s="3" t="s">
        <v>1441</v>
      </c>
      <c r="C15" s="4" t="s">
        <v>31</v>
      </c>
      <c r="D15" s="3"/>
      <c r="E15" s="3"/>
      <c r="F15" s="25"/>
    </row>
    <row r="16" spans="1:6" s="16" customFormat="1" ht="75.599999999999994" x14ac:dyDescent="0.2">
      <c r="A16" s="3" t="s">
        <v>37</v>
      </c>
      <c r="B16" s="3" t="s">
        <v>38</v>
      </c>
      <c r="C16" s="3" t="s">
        <v>39</v>
      </c>
      <c r="D16" s="3" t="s">
        <v>40</v>
      </c>
      <c r="E16" s="3" t="s">
        <v>41</v>
      </c>
    </row>
    <row r="17" spans="1:6" s="16" customFormat="1" ht="43.2" x14ac:dyDescent="0.2">
      <c r="A17" s="3" t="s">
        <v>37</v>
      </c>
      <c r="B17" s="3" t="s">
        <v>42</v>
      </c>
      <c r="C17" s="4" t="s">
        <v>43</v>
      </c>
      <c r="D17" s="3" t="s">
        <v>1442</v>
      </c>
      <c r="E17" s="3"/>
      <c r="F17" s="25"/>
    </row>
    <row r="18" spans="1:6" s="16" customFormat="1" ht="21.6" x14ac:dyDescent="0.2">
      <c r="A18" s="3" t="s">
        <v>37</v>
      </c>
      <c r="B18" s="3" t="s">
        <v>44</v>
      </c>
      <c r="C18" s="4" t="s">
        <v>45</v>
      </c>
      <c r="D18" s="3" t="s">
        <v>46</v>
      </c>
      <c r="E18" s="3"/>
      <c r="F18" s="25"/>
    </row>
    <row r="19" spans="1:6" s="16" customFormat="1" ht="21.6" x14ac:dyDescent="0.2">
      <c r="A19" s="3" t="s">
        <v>29</v>
      </c>
      <c r="B19" s="3" t="s">
        <v>1443</v>
      </c>
      <c r="C19" s="4" t="s">
        <v>47</v>
      </c>
      <c r="D19" s="3" t="s">
        <v>1444</v>
      </c>
      <c r="E19" s="15"/>
      <c r="F19" s="25"/>
    </row>
    <row r="20" spans="1:6" s="16" customFormat="1" ht="32.4" x14ac:dyDescent="0.2">
      <c r="A20" s="3" t="s">
        <v>29</v>
      </c>
      <c r="B20" s="3" t="s">
        <v>48</v>
      </c>
      <c r="C20" s="4" t="s">
        <v>49</v>
      </c>
      <c r="D20" s="3" t="s">
        <v>50</v>
      </c>
      <c r="E20" s="3"/>
      <c r="F20" s="25"/>
    </row>
    <row r="21" spans="1:6" s="11" customFormat="1" ht="43.2" x14ac:dyDescent="0.2">
      <c r="A21" s="3" t="s">
        <v>29</v>
      </c>
      <c r="B21" s="3" t="s">
        <v>51</v>
      </c>
      <c r="C21" s="4" t="s">
        <v>52</v>
      </c>
      <c r="D21" s="3" t="s">
        <v>53</v>
      </c>
      <c r="E21" s="3"/>
      <c r="F21" s="25"/>
    </row>
    <row r="22" spans="1:6" s="16" customFormat="1" ht="32.4" x14ac:dyDescent="0.2">
      <c r="A22" s="5" t="s">
        <v>54</v>
      </c>
      <c r="B22" s="5" t="s">
        <v>55</v>
      </c>
      <c r="C22" s="13" t="s">
        <v>1445</v>
      </c>
      <c r="D22" s="5" t="s">
        <v>56</v>
      </c>
      <c r="E22" s="5"/>
    </row>
    <row r="23" spans="1:6" s="16" customFormat="1" ht="108" x14ac:dyDescent="0.2">
      <c r="A23" s="3" t="s">
        <v>57</v>
      </c>
      <c r="B23" s="3" t="s">
        <v>58</v>
      </c>
      <c r="C23" s="4" t="s">
        <v>59</v>
      </c>
      <c r="D23" s="3" t="s">
        <v>1446</v>
      </c>
      <c r="E23" s="3" t="s">
        <v>60</v>
      </c>
    </row>
    <row r="24" spans="1:6" s="16" customFormat="1" ht="112.8" customHeight="1" x14ac:dyDescent="0.2">
      <c r="A24" s="3" t="s">
        <v>57</v>
      </c>
      <c r="B24" s="3" t="s">
        <v>61</v>
      </c>
      <c r="C24" s="3" t="s">
        <v>62</v>
      </c>
      <c r="D24" s="3" t="s">
        <v>1447</v>
      </c>
      <c r="E24" s="3" t="s">
        <v>1448</v>
      </c>
    </row>
    <row r="25" spans="1:6" s="16" customFormat="1" ht="43.2" x14ac:dyDescent="0.2">
      <c r="A25" s="3" t="s">
        <v>63</v>
      </c>
      <c r="B25" s="3" t="s">
        <v>64</v>
      </c>
      <c r="C25" s="4" t="s">
        <v>65</v>
      </c>
      <c r="D25" s="3" t="s">
        <v>66</v>
      </c>
      <c r="E25" s="3"/>
    </row>
    <row r="26" spans="1:6" s="16" customFormat="1" ht="54" x14ac:dyDescent="0.2">
      <c r="A26" s="3" t="s">
        <v>63</v>
      </c>
      <c r="B26" s="3" t="s">
        <v>67</v>
      </c>
      <c r="C26" s="4" t="s">
        <v>68</v>
      </c>
      <c r="D26" s="3" t="s">
        <v>69</v>
      </c>
      <c r="E26" s="3"/>
    </row>
    <row r="27" spans="1:6" s="16" customFormat="1" ht="43.2" x14ac:dyDescent="0.2">
      <c r="A27" s="3" t="s">
        <v>63</v>
      </c>
      <c r="B27" s="3" t="s">
        <v>70</v>
      </c>
      <c r="C27" s="4" t="s">
        <v>71</v>
      </c>
      <c r="D27" s="3" t="s">
        <v>72</v>
      </c>
      <c r="E27" s="3"/>
    </row>
    <row r="28" spans="1:6" s="16" customFormat="1" ht="43.2" x14ac:dyDescent="0.2">
      <c r="A28" s="3" t="s">
        <v>73</v>
      </c>
      <c r="B28" s="3" t="s">
        <v>74</v>
      </c>
      <c r="C28" s="4" t="s">
        <v>75</v>
      </c>
      <c r="D28" s="3" t="s">
        <v>76</v>
      </c>
      <c r="E28" s="3"/>
    </row>
    <row r="29" spans="1:6" s="16" customFormat="1" ht="43.2" x14ac:dyDescent="0.2">
      <c r="A29" s="3" t="s">
        <v>73</v>
      </c>
      <c r="B29" s="3" t="s">
        <v>77</v>
      </c>
      <c r="C29" s="3" t="s">
        <v>78</v>
      </c>
      <c r="D29" s="3" t="s">
        <v>79</v>
      </c>
      <c r="E29" s="3"/>
    </row>
    <row r="30" spans="1:6" s="16" customFormat="1" ht="43.2" x14ac:dyDescent="0.2">
      <c r="A30" s="3" t="s">
        <v>63</v>
      </c>
      <c r="B30" s="3" t="s">
        <v>80</v>
      </c>
      <c r="C30" s="4" t="s">
        <v>81</v>
      </c>
      <c r="D30" s="3" t="s">
        <v>82</v>
      </c>
      <c r="E30" s="3" t="s">
        <v>83</v>
      </c>
    </row>
    <row r="31" spans="1:6" s="16" customFormat="1" ht="43.2" x14ac:dyDescent="0.2">
      <c r="A31" s="3" t="s">
        <v>63</v>
      </c>
      <c r="B31" s="3" t="s">
        <v>84</v>
      </c>
      <c r="C31" s="4" t="s">
        <v>85</v>
      </c>
      <c r="D31" s="3" t="s">
        <v>86</v>
      </c>
      <c r="E31" s="3"/>
    </row>
    <row r="32" spans="1:6" s="16" customFormat="1" ht="96" x14ac:dyDescent="0.2">
      <c r="A32" s="3" t="s">
        <v>73</v>
      </c>
      <c r="B32" s="6" t="s">
        <v>87</v>
      </c>
      <c r="C32" s="4" t="s">
        <v>88</v>
      </c>
      <c r="D32" s="3" t="s">
        <v>89</v>
      </c>
      <c r="E32" s="3"/>
    </row>
    <row r="33" spans="1:5" s="16" customFormat="1" ht="105.6" x14ac:dyDescent="0.2">
      <c r="A33" s="3" t="s">
        <v>73</v>
      </c>
      <c r="B33" s="6" t="s">
        <v>90</v>
      </c>
      <c r="C33" s="4" t="s">
        <v>91</v>
      </c>
      <c r="D33" s="3" t="s">
        <v>92</v>
      </c>
      <c r="E33" s="3"/>
    </row>
    <row r="34" spans="1:5" s="16" customFormat="1" ht="118.8" x14ac:dyDescent="0.2">
      <c r="A34" s="3" t="s">
        <v>73</v>
      </c>
      <c r="B34" s="3" t="s">
        <v>93</v>
      </c>
      <c r="C34" s="4" t="s">
        <v>94</v>
      </c>
      <c r="D34" s="3" t="s">
        <v>95</v>
      </c>
      <c r="E34" s="3"/>
    </row>
    <row r="35" spans="1:5" s="16" customFormat="1" ht="108" x14ac:dyDescent="0.2">
      <c r="A35" s="7" t="s">
        <v>96</v>
      </c>
      <c r="B35" s="3" t="s">
        <v>1449</v>
      </c>
      <c r="C35" s="4" t="s">
        <v>97</v>
      </c>
      <c r="D35" s="3"/>
      <c r="E35" s="3"/>
    </row>
    <row r="36" spans="1:5" s="16" customFormat="1" ht="43.2" x14ac:dyDescent="0.2">
      <c r="A36" s="3" t="s">
        <v>98</v>
      </c>
      <c r="B36" s="3" t="s">
        <v>99</v>
      </c>
      <c r="C36" s="4" t="s">
        <v>100</v>
      </c>
      <c r="D36" s="3" t="s">
        <v>101</v>
      </c>
      <c r="E36" s="3" t="s">
        <v>102</v>
      </c>
    </row>
    <row r="37" spans="1:5" s="16" customFormat="1" ht="75.599999999999994" x14ac:dyDescent="0.2">
      <c r="A37" s="3" t="s">
        <v>103</v>
      </c>
      <c r="B37" s="3" t="s">
        <v>38</v>
      </c>
      <c r="C37" s="3" t="s">
        <v>104</v>
      </c>
      <c r="D37" s="3" t="s">
        <v>105</v>
      </c>
      <c r="E37" s="3" t="s">
        <v>106</v>
      </c>
    </row>
    <row r="38" spans="1:5" s="16" customFormat="1" ht="86.4" x14ac:dyDescent="0.2">
      <c r="A38" s="3" t="s">
        <v>103</v>
      </c>
      <c r="B38" s="3" t="s">
        <v>107</v>
      </c>
      <c r="C38" s="3" t="s">
        <v>108</v>
      </c>
      <c r="D38" s="3" t="s">
        <v>109</v>
      </c>
      <c r="E38" s="3" t="s">
        <v>109</v>
      </c>
    </row>
    <row r="39" spans="1:5" s="16" customFormat="1" ht="43.2" x14ac:dyDescent="0.2">
      <c r="A39" s="3" t="s">
        <v>110</v>
      </c>
      <c r="B39" s="3" t="s">
        <v>111</v>
      </c>
      <c r="C39" s="4" t="s">
        <v>112</v>
      </c>
      <c r="D39" s="3" t="s">
        <v>113</v>
      </c>
      <c r="E39" s="3" t="s">
        <v>114</v>
      </c>
    </row>
    <row r="40" spans="1:5" s="16" customFormat="1" ht="32.4" x14ac:dyDescent="0.2">
      <c r="A40" s="3" t="s">
        <v>110</v>
      </c>
      <c r="B40" s="3" t="s">
        <v>115</v>
      </c>
      <c r="C40" s="4" t="s">
        <v>116</v>
      </c>
      <c r="D40" s="3" t="s">
        <v>117</v>
      </c>
      <c r="E40" s="3"/>
    </row>
    <row r="41" spans="1:5" s="16" customFormat="1" ht="54" x14ac:dyDescent="0.2">
      <c r="A41" s="3" t="s">
        <v>118</v>
      </c>
      <c r="B41" s="3" t="s">
        <v>119</v>
      </c>
      <c r="C41" s="4" t="s">
        <v>1450</v>
      </c>
      <c r="D41" s="3" t="s">
        <v>120</v>
      </c>
      <c r="E41" s="3" t="s">
        <v>121</v>
      </c>
    </row>
    <row r="42" spans="1:5" s="16" customFormat="1" ht="43.2" x14ac:dyDescent="0.2">
      <c r="A42" s="3" t="s">
        <v>118</v>
      </c>
      <c r="B42" s="3" t="s">
        <v>122</v>
      </c>
      <c r="C42" s="4" t="s">
        <v>123</v>
      </c>
      <c r="D42" s="3" t="s">
        <v>1451</v>
      </c>
      <c r="E42" s="3"/>
    </row>
    <row r="43" spans="1:5" s="16" customFormat="1" ht="32.4" x14ac:dyDescent="0.2">
      <c r="A43" s="3" t="s">
        <v>118</v>
      </c>
      <c r="B43" s="3" t="s">
        <v>124</v>
      </c>
      <c r="C43" s="4" t="s">
        <v>125</v>
      </c>
      <c r="D43" s="3" t="s">
        <v>126</v>
      </c>
      <c r="E43" s="3"/>
    </row>
    <row r="44" spans="1:5" s="16" customFormat="1" ht="32.4" x14ac:dyDescent="0.2">
      <c r="A44" s="3" t="s">
        <v>118</v>
      </c>
      <c r="B44" s="3" t="s">
        <v>127</v>
      </c>
      <c r="C44" s="4" t="s">
        <v>128</v>
      </c>
      <c r="D44" s="3" t="s">
        <v>129</v>
      </c>
      <c r="E44" s="3" t="s">
        <v>130</v>
      </c>
    </row>
    <row r="45" spans="1:5" s="16" customFormat="1" ht="43.2" x14ac:dyDescent="0.2">
      <c r="A45" s="4" t="s">
        <v>131</v>
      </c>
      <c r="B45" s="3" t="s">
        <v>132</v>
      </c>
      <c r="C45" s="14" t="s">
        <v>1452</v>
      </c>
      <c r="D45" s="3" t="s">
        <v>133</v>
      </c>
      <c r="E45" s="3"/>
    </row>
    <row r="46" spans="1:5" s="16" customFormat="1" ht="75.599999999999994" x14ac:dyDescent="0.2">
      <c r="A46" s="4" t="s">
        <v>131</v>
      </c>
      <c r="B46" s="3" t="s">
        <v>134</v>
      </c>
      <c r="C46" s="14" t="s">
        <v>1453</v>
      </c>
      <c r="D46" s="3" t="s">
        <v>133</v>
      </c>
      <c r="E46" s="3"/>
    </row>
    <row r="47" spans="1:5" s="16" customFormat="1" ht="75.599999999999994" x14ac:dyDescent="0.2">
      <c r="A47" s="4" t="s">
        <v>131</v>
      </c>
      <c r="B47" s="3" t="s">
        <v>135</v>
      </c>
      <c r="C47" s="14" t="s">
        <v>1454</v>
      </c>
      <c r="D47" s="3" t="s">
        <v>133</v>
      </c>
      <c r="E47" s="3"/>
    </row>
    <row r="48" spans="1:5" s="16" customFormat="1" ht="43.2" x14ac:dyDescent="0.2">
      <c r="A48" s="4" t="s">
        <v>131</v>
      </c>
      <c r="B48" s="3" t="s">
        <v>136</v>
      </c>
      <c r="C48" s="3" t="s">
        <v>137</v>
      </c>
      <c r="D48" s="3" t="s">
        <v>138</v>
      </c>
      <c r="E48" s="3"/>
    </row>
    <row r="49" spans="1:5" s="16" customFormat="1" ht="43.2" x14ac:dyDescent="0.2">
      <c r="A49" s="4" t="s">
        <v>139</v>
      </c>
      <c r="B49" s="3" t="s">
        <v>140</v>
      </c>
      <c r="C49" s="4" t="s">
        <v>141</v>
      </c>
      <c r="D49" s="3" t="s">
        <v>142</v>
      </c>
      <c r="E49" s="8"/>
    </row>
    <row r="50" spans="1:5" s="16" customFormat="1" ht="54" x14ac:dyDescent="0.2">
      <c r="A50" s="4" t="s">
        <v>139</v>
      </c>
      <c r="B50" s="3" t="s">
        <v>143</v>
      </c>
      <c r="C50" s="4" t="s">
        <v>144</v>
      </c>
      <c r="D50" s="3" t="s">
        <v>145</v>
      </c>
      <c r="E50" s="3" t="s">
        <v>146</v>
      </c>
    </row>
    <row r="51" spans="1:5" s="16" customFormat="1" ht="43.2" x14ac:dyDescent="0.2">
      <c r="A51" s="4" t="s">
        <v>139</v>
      </c>
      <c r="B51" s="3" t="s">
        <v>147</v>
      </c>
      <c r="C51" s="4" t="s">
        <v>148</v>
      </c>
      <c r="D51" s="3" t="s">
        <v>149</v>
      </c>
      <c r="E51" s="3" t="s">
        <v>150</v>
      </c>
    </row>
    <row r="52" spans="1:5" s="16" customFormat="1" ht="75.599999999999994" x14ac:dyDescent="0.2">
      <c r="A52" s="4" t="s">
        <v>151</v>
      </c>
      <c r="B52" s="3" t="s">
        <v>152</v>
      </c>
      <c r="C52" s="4" t="s">
        <v>153</v>
      </c>
      <c r="D52" s="3" t="s">
        <v>1455</v>
      </c>
      <c r="E52" s="8"/>
    </row>
    <row r="53" spans="1:5" s="16" customFormat="1" ht="75.599999999999994" x14ac:dyDescent="0.2">
      <c r="A53" s="4" t="s">
        <v>151</v>
      </c>
      <c r="B53" s="3" t="s">
        <v>154</v>
      </c>
      <c r="C53" s="4" t="s">
        <v>155</v>
      </c>
      <c r="D53" s="3" t="s">
        <v>156</v>
      </c>
      <c r="E53" s="4" t="s">
        <v>157</v>
      </c>
    </row>
    <row r="54" spans="1:5" s="16" customFormat="1" ht="64.8" x14ac:dyDescent="0.2">
      <c r="A54" s="4" t="s">
        <v>151</v>
      </c>
      <c r="B54" s="3" t="s">
        <v>158</v>
      </c>
      <c r="C54" s="4" t="s">
        <v>159</v>
      </c>
      <c r="D54" s="3" t="s">
        <v>160</v>
      </c>
      <c r="E54" s="4"/>
    </row>
    <row r="55" spans="1:5" s="16" customFormat="1" ht="54" x14ac:dyDescent="0.2">
      <c r="A55" s="4" t="s">
        <v>139</v>
      </c>
      <c r="B55" s="3" t="s">
        <v>161</v>
      </c>
      <c r="C55" s="4" t="s">
        <v>162</v>
      </c>
      <c r="D55" s="3" t="s">
        <v>163</v>
      </c>
      <c r="E55" s="8"/>
    </row>
    <row r="56" spans="1:5" s="16" customFormat="1" ht="64.8" x14ac:dyDescent="0.2">
      <c r="A56" s="4" t="s">
        <v>139</v>
      </c>
      <c r="B56" s="3" t="s">
        <v>164</v>
      </c>
      <c r="C56" s="4" t="s">
        <v>165</v>
      </c>
      <c r="D56" s="3" t="s">
        <v>166</v>
      </c>
      <c r="E56" s="8"/>
    </row>
    <row r="57" spans="1:5" s="16" customFormat="1" ht="32.4" x14ac:dyDescent="0.2">
      <c r="A57" s="3" t="s">
        <v>167</v>
      </c>
      <c r="B57" s="3" t="s">
        <v>168</v>
      </c>
      <c r="C57" s="4" t="s">
        <v>169</v>
      </c>
      <c r="D57" s="3" t="s">
        <v>170</v>
      </c>
      <c r="E57" s="3"/>
    </row>
    <row r="58" spans="1:5" s="16" customFormat="1" ht="54" x14ac:dyDescent="0.2">
      <c r="A58" s="3" t="s">
        <v>171</v>
      </c>
      <c r="B58" s="3" t="s">
        <v>172</v>
      </c>
      <c r="C58" s="4" t="s">
        <v>173</v>
      </c>
      <c r="D58" s="3" t="s">
        <v>174</v>
      </c>
      <c r="E58" s="3"/>
    </row>
    <row r="59" spans="1:5" s="16" customFormat="1" ht="32.4" x14ac:dyDescent="0.2">
      <c r="A59" s="3" t="s">
        <v>175</v>
      </c>
      <c r="B59" s="3" t="s">
        <v>176</v>
      </c>
      <c r="C59" s="3" t="s">
        <v>1456</v>
      </c>
      <c r="D59" s="3" t="s">
        <v>177</v>
      </c>
      <c r="E59" s="3"/>
    </row>
    <row r="60" spans="1:5" s="16" customFormat="1" ht="32.4" x14ac:dyDescent="0.2">
      <c r="A60" s="4" t="s">
        <v>178</v>
      </c>
      <c r="B60" s="4" t="s">
        <v>179</v>
      </c>
      <c r="C60" s="4" t="s">
        <v>180</v>
      </c>
      <c r="D60" s="4" t="s">
        <v>181</v>
      </c>
      <c r="E60" s="4" t="s">
        <v>182</v>
      </c>
    </row>
    <row r="61" spans="1:5" s="16" customFormat="1" ht="43.2" x14ac:dyDescent="0.2">
      <c r="A61" s="4" t="s">
        <v>183</v>
      </c>
      <c r="B61" s="4" t="s">
        <v>184</v>
      </c>
      <c r="C61" s="4" t="s">
        <v>185</v>
      </c>
      <c r="D61" s="4" t="s">
        <v>186</v>
      </c>
      <c r="E61" s="4"/>
    </row>
    <row r="62" spans="1:5" s="16" customFormat="1" ht="32.4" x14ac:dyDescent="0.2">
      <c r="A62" s="4" t="s">
        <v>183</v>
      </c>
      <c r="B62" s="4" t="s">
        <v>187</v>
      </c>
      <c r="C62" s="4" t="s">
        <v>188</v>
      </c>
      <c r="D62" s="4" t="s">
        <v>181</v>
      </c>
      <c r="E62" s="4"/>
    </row>
    <row r="63" spans="1:5" s="16" customFormat="1" ht="54" x14ac:dyDescent="0.2">
      <c r="A63" s="4" t="s">
        <v>183</v>
      </c>
      <c r="B63" s="4" t="s">
        <v>189</v>
      </c>
      <c r="C63" s="4" t="s">
        <v>190</v>
      </c>
      <c r="D63" s="4" t="s">
        <v>191</v>
      </c>
      <c r="E63" s="4"/>
    </row>
    <row r="64" spans="1:5" s="16" customFormat="1" ht="32.4" x14ac:dyDescent="0.2">
      <c r="A64" s="4" t="s">
        <v>178</v>
      </c>
      <c r="B64" s="4" t="s">
        <v>192</v>
      </c>
      <c r="C64" s="4" t="s">
        <v>193</v>
      </c>
      <c r="D64" s="4" t="s">
        <v>194</v>
      </c>
      <c r="E64" s="4"/>
    </row>
    <row r="65" spans="1:5" s="16" customFormat="1" ht="54" x14ac:dyDescent="0.2">
      <c r="A65" s="4" t="s">
        <v>178</v>
      </c>
      <c r="B65" s="4" t="s">
        <v>195</v>
      </c>
      <c r="C65" s="4" t="s">
        <v>196</v>
      </c>
      <c r="D65" s="4" t="s">
        <v>197</v>
      </c>
      <c r="E65" s="4"/>
    </row>
    <row r="66" spans="1:5" s="16" customFormat="1" ht="54" x14ac:dyDescent="0.2">
      <c r="A66" s="4" t="s">
        <v>183</v>
      </c>
      <c r="B66" s="4" t="s">
        <v>198</v>
      </c>
      <c r="C66" s="4" t="s">
        <v>199</v>
      </c>
      <c r="D66" s="4" t="s">
        <v>200</v>
      </c>
      <c r="E66" s="4"/>
    </row>
    <row r="67" spans="1:5" s="16" customFormat="1" ht="86.4" x14ac:dyDescent="0.2">
      <c r="A67" s="4" t="s">
        <v>183</v>
      </c>
      <c r="B67" s="4" t="s">
        <v>201</v>
      </c>
      <c r="C67" s="4" t="s">
        <v>202</v>
      </c>
      <c r="D67" s="4" t="s">
        <v>203</v>
      </c>
      <c r="E67" s="8"/>
    </row>
    <row r="68" spans="1:5" s="16" customFormat="1" ht="86.4" x14ac:dyDescent="0.2">
      <c r="A68" s="4" t="s">
        <v>183</v>
      </c>
      <c r="B68" s="4" t="s">
        <v>204</v>
      </c>
      <c r="C68" s="4" t="s">
        <v>205</v>
      </c>
      <c r="D68" s="4" t="s">
        <v>206</v>
      </c>
      <c r="E68" s="8"/>
    </row>
    <row r="69" spans="1:5" s="16" customFormat="1" ht="86.4" x14ac:dyDescent="0.2">
      <c r="A69" s="4" t="s">
        <v>183</v>
      </c>
      <c r="B69" s="4" t="s">
        <v>207</v>
      </c>
      <c r="C69" s="4" t="s">
        <v>208</v>
      </c>
      <c r="D69" s="4" t="s">
        <v>209</v>
      </c>
      <c r="E69" s="8"/>
    </row>
    <row r="70" spans="1:5" s="16" customFormat="1" ht="97.2" x14ac:dyDescent="0.2">
      <c r="A70" s="4" t="s">
        <v>183</v>
      </c>
      <c r="B70" s="4" t="s">
        <v>210</v>
      </c>
      <c r="C70" s="4" t="s">
        <v>211</v>
      </c>
      <c r="D70" s="4" t="s">
        <v>212</v>
      </c>
      <c r="E70" s="8"/>
    </row>
    <row r="71" spans="1:5" s="16" customFormat="1" ht="97.2" x14ac:dyDescent="0.2">
      <c r="A71" s="4" t="s">
        <v>183</v>
      </c>
      <c r="B71" s="4" t="s">
        <v>213</v>
      </c>
      <c r="C71" s="4" t="s">
        <v>214</v>
      </c>
      <c r="D71" s="4" t="s">
        <v>215</v>
      </c>
      <c r="E71" s="8"/>
    </row>
    <row r="72" spans="1:5" s="16" customFormat="1" ht="43.2" x14ac:dyDescent="0.2">
      <c r="A72" s="4" t="s">
        <v>178</v>
      </c>
      <c r="B72" s="4" t="s">
        <v>216</v>
      </c>
      <c r="C72" s="4" t="s">
        <v>217</v>
      </c>
      <c r="D72" s="4" t="s">
        <v>218</v>
      </c>
      <c r="E72" s="4"/>
    </row>
    <row r="73" spans="1:5" s="16" customFormat="1" ht="32.4" x14ac:dyDescent="0.2">
      <c r="A73" s="4" t="s">
        <v>178</v>
      </c>
      <c r="B73" s="4" t="s">
        <v>219</v>
      </c>
      <c r="C73" s="4" t="s">
        <v>220</v>
      </c>
      <c r="D73" s="4" t="s">
        <v>186</v>
      </c>
      <c r="E73" s="8"/>
    </row>
    <row r="74" spans="1:5" s="16" customFormat="1" ht="43.2" x14ac:dyDescent="0.2">
      <c r="A74" s="4" t="s">
        <v>178</v>
      </c>
      <c r="B74" s="4" t="s">
        <v>221</v>
      </c>
      <c r="C74" s="4" t="s">
        <v>193</v>
      </c>
      <c r="D74" s="4" t="s">
        <v>222</v>
      </c>
      <c r="E74" s="4"/>
    </row>
    <row r="75" spans="1:5" s="16" customFormat="1" ht="32.4" x14ac:dyDescent="0.2">
      <c r="A75" s="4" t="s">
        <v>183</v>
      </c>
      <c r="B75" s="4" t="s">
        <v>223</v>
      </c>
      <c r="C75" s="4" t="s">
        <v>224</v>
      </c>
      <c r="D75" s="4" t="s">
        <v>1457</v>
      </c>
      <c r="E75" s="4" t="s">
        <v>1458</v>
      </c>
    </row>
    <row r="76" spans="1:5" s="16" customFormat="1" ht="43.2" x14ac:dyDescent="0.2">
      <c r="A76" s="4" t="s">
        <v>183</v>
      </c>
      <c r="B76" s="4" t="s">
        <v>225</v>
      </c>
      <c r="C76" s="4" t="s">
        <v>226</v>
      </c>
      <c r="D76" s="4" t="s">
        <v>227</v>
      </c>
      <c r="E76" s="4" t="s">
        <v>228</v>
      </c>
    </row>
    <row r="77" spans="1:5" s="11" customFormat="1" ht="43.2" x14ac:dyDescent="0.2">
      <c r="A77" s="4" t="s">
        <v>178</v>
      </c>
      <c r="B77" s="4" t="s">
        <v>229</v>
      </c>
      <c r="C77" s="4" t="s">
        <v>230</v>
      </c>
      <c r="D77" s="4" t="s">
        <v>231</v>
      </c>
      <c r="E77" s="4"/>
    </row>
    <row r="78" spans="1:5" s="27" customFormat="1" ht="21.6" x14ac:dyDescent="0.2">
      <c r="A78" s="8" t="s">
        <v>232</v>
      </c>
      <c r="B78" s="8" t="s">
        <v>233</v>
      </c>
      <c r="C78" s="8" t="s">
        <v>234</v>
      </c>
      <c r="D78" s="8" t="s">
        <v>235</v>
      </c>
      <c r="E78" s="8"/>
    </row>
    <row r="79" spans="1:5" s="27" customFormat="1" ht="21.6" x14ac:dyDescent="0.2">
      <c r="A79" s="8" t="s">
        <v>232</v>
      </c>
      <c r="B79" s="8" t="s">
        <v>236</v>
      </c>
      <c r="C79" s="8" t="s">
        <v>237</v>
      </c>
      <c r="D79" s="8" t="s">
        <v>238</v>
      </c>
      <c r="E79" s="8"/>
    </row>
    <row r="80" spans="1:5" s="27" customFormat="1" ht="32.4" x14ac:dyDescent="0.2">
      <c r="A80" s="8" t="s">
        <v>232</v>
      </c>
      <c r="B80" s="8" t="s">
        <v>239</v>
      </c>
      <c r="C80" s="8" t="s">
        <v>240</v>
      </c>
      <c r="D80" s="8" t="s">
        <v>235</v>
      </c>
      <c r="E80" s="8"/>
    </row>
    <row r="81" spans="1:6" s="27" customFormat="1" ht="32.4" x14ac:dyDescent="0.2">
      <c r="A81" s="8" t="s">
        <v>232</v>
      </c>
      <c r="B81" s="8" t="s">
        <v>241</v>
      </c>
      <c r="C81" s="8" t="s">
        <v>242</v>
      </c>
      <c r="D81" s="8" t="s">
        <v>243</v>
      </c>
      <c r="E81" s="8"/>
    </row>
    <row r="82" spans="1:6" s="27" customFormat="1" ht="32.4" x14ac:dyDescent="0.2">
      <c r="A82" s="8" t="s">
        <v>232</v>
      </c>
      <c r="B82" s="8" t="s">
        <v>241</v>
      </c>
      <c r="C82" s="8" t="s">
        <v>244</v>
      </c>
      <c r="D82" s="8" t="s">
        <v>245</v>
      </c>
      <c r="E82" s="8"/>
    </row>
    <row r="83" spans="1:6" s="27" customFormat="1" ht="43.2" x14ac:dyDescent="0.2">
      <c r="A83" s="8" t="s">
        <v>246</v>
      </c>
      <c r="B83" s="8" t="s">
        <v>247</v>
      </c>
      <c r="C83" s="8" t="s">
        <v>248</v>
      </c>
      <c r="D83" s="8" t="s">
        <v>249</v>
      </c>
      <c r="E83" s="8"/>
    </row>
    <row r="84" spans="1:6" s="27" customFormat="1" ht="32.4" x14ac:dyDescent="0.2">
      <c r="A84" s="8" t="s">
        <v>246</v>
      </c>
      <c r="B84" s="8" t="s">
        <v>250</v>
      </c>
      <c r="C84" s="8" t="s">
        <v>251</v>
      </c>
      <c r="D84" s="8" t="s">
        <v>249</v>
      </c>
      <c r="E84" s="8"/>
    </row>
    <row r="85" spans="1:6" s="27" customFormat="1" ht="43.2" x14ac:dyDescent="0.2">
      <c r="A85" s="8" t="s">
        <v>246</v>
      </c>
      <c r="B85" s="8" t="s">
        <v>252</v>
      </c>
      <c r="C85" s="8" t="s">
        <v>253</v>
      </c>
      <c r="D85" s="8" t="s">
        <v>249</v>
      </c>
      <c r="E85" s="8"/>
    </row>
    <row r="86" spans="1:6" s="27" customFormat="1" ht="32.4" x14ac:dyDescent="0.2">
      <c r="A86" s="8" t="s">
        <v>246</v>
      </c>
      <c r="B86" s="8" t="s">
        <v>254</v>
      </c>
      <c r="C86" s="8" t="s">
        <v>255</v>
      </c>
      <c r="D86" s="8" t="s">
        <v>256</v>
      </c>
      <c r="E86" s="8"/>
    </row>
    <row r="87" spans="1:6" s="27" customFormat="1" ht="43.2" x14ac:dyDescent="0.2">
      <c r="A87" s="8" t="s">
        <v>232</v>
      </c>
      <c r="B87" s="8" t="s">
        <v>257</v>
      </c>
      <c r="C87" s="8" t="s">
        <v>258</v>
      </c>
      <c r="D87" s="8" t="s">
        <v>249</v>
      </c>
      <c r="E87" s="8"/>
    </row>
    <row r="88" spans="1:6" s="27" customFormat="1" ht="32.4" x14ac:dyDescent="0.2">
      <c r="A88" s="8" t="s">
        <v>246</v>
      </c>
      <c r="B88" s="8" t="s">
        <v>259</v>
      </c>
      <c r="C88" s="8" t="s">
        <v>260</v>
      </c>
      <c r="D88" s="8" t="s">
        <v>261</v>
      </c>
      <c r="E88" s="8"/>
    </row>
    <row r="89" spans="1:6" s="27" customFormat="1" ht="43.2" x14ac:dyDescent="0.2">
      <c r="A89" s="8" t="s">
        <v>232</v>
      </c>
      <c r="B89" s="8" t="s">
        <v>262</v>
      </c>
      <c r="C89" s="8" t="s">
        <v>263</v>
      </c>
      <c r="D89" s="8" t="s">
        <v>264</v>
      </c>
      <c r="E89" s="8"/>
    </row>
    <row r="90" spans="1:6" s="27" customFormat="1" ht="32.4" x14ac:dyDescent="0.2">
      <c r="A90" s="8" t="s">
        <v>1459</v>
      </c>
      <c r="B90" s="8" t="s">
        <v>265</v>
      </c>
      <c r="C90" s="8" t="s">
        <v>266</v>
      </c>
      <c r="D90" s="8" t="s">
        <v>267</v>
      </c>
      <c r="E90" s="8"/>
    </row>
    <row r="91" spans="1:6" s="27" customFormat="1" ht="21.6" x14ac:dyDescent="0.2">
      <c r="A91" s="8" t="s">
        <v>268</v>
      </c>
      <c r="B91" s="8" t="s">
        <v>269</v>
      </c>
      <c r="C91" s="8" t="s">
        <v>270</v>
      </c>
      <c r="D91" s="8" t="s">
        <v>271</v>
      </c>
      <c r="E91" s="8"/>
    </row>
    <row r="92" spans="1:6" s="27" customFormat="1" ht="32.4" x14ac:dyDescent="0.2">
      <c r="A92" s="8" t="s">
        <v>268</v>
      </c>
      <c r="B92" s="8" t="s">
        <v>272</v>
      </c>
      <c r="C92" s="8" t="s">
        <v>273</v>
      </c>
      <c r="D92" s="8" t="s">
        <v>274</v>
      </c>
      <c r="E92" s="8"/>
    </row>
    <row r="93" spans="1:6" s="27" customFormat="1" ht="54" x14ac:dyDescent="0.2">
      <c r="A93" s="8" t="s">
        <v>268</v>
      </c>
      <c r="B93" s="8" t="s">
        <v>275</v>
      </c>
      <c r="C93" s="8" t="s">
        <v>276</v>
      </c>
      <c r="D93" s="8" t="s">
        <v>277</v>
      </c>
      <c r="E93" s="8"/>
      <c r="F93" s="25"/>
    </row>
    <row r="94" spans="1:6" s="27" customFormat="1" ht="54" x14ac:dyDescent="0.2">
      <c r="A94" s="8" t="s">
        <v>268</v>
      </c>
      <c r="B94" s="8" t="s">
        <v>278</v>
      </c>
      <c r="C94" s="8" t="s">
        <v>279</v>
      </c>
      <c r="D94" s="8" t="s">
        <v>280</v>
      </c>
      <c r="E94" s="8"/>
      <c r="F94" s="25"/>
    </row>
    <row r="95" spans="1:6" s="28" customFormat="1" ht="96" x14ac:dyDescent="0.2">
      <c r="A95" s="19" t="s">
        <v>232</v>
      </c>
      <c r="B95" s="19" t="s">
        <v>281</v>
      </c>
      <c r="C95" s="19" t="s">
        <v>282</v>
      </c>
      <c r="D95" s="19" t="s">
        <v>283</v>
      </c>
      <c r="E95" s="19"/>
    </row>
    <row r="96" spans="1:6" s="29" customFormat="1" ht="86.4" x14ac:dyDescent="0.2">
      <c r="A96" s="8" t="s">
        <v>284</v>
      </c>
      <c r="B96" s="8" t="s">
        <v>285</v>
      </c>
      <c r="C96" s="8" t="s">
        <v>286</v>
      </c>
      <c r="D96" s="8" t="s">
        <v>287</v>
      </c>
      <c r="E96" s="8"/>
      <c r="F96" s="25"/>
    </row>
    <row r="97" spans="1:6" s="29" customFormat="1" ht="86.4" x14ac:dyDescent="0.2">
      <c r="A97" s="8" t="s">
        <v>284</v>
      </c>
      <c r="B97" s="8" t="s">
        <v>288</v>
      </c>
      <c r="C97" s="8" t="s">
        <v>286</v>
      </c>
      <c r="D97" s="8" t="s">
        <v>289</v>
      </c>
      <c r="E97" s="8"/>
      <c r="F97" s="25"/>
    </row>
    <row r="98" spans="1:6" s="29" customFormat="1" ht="54" x14ac:dyDescent="0.2">
      <c r="A98" s="8" t="s">
        <v>284</v>
      </c>
      <c r="B98" s="8" t="s">
        <v>290</v>
      </c>
      <c r="C98" s="8" t="s">
        <v>291</v>
      </c>
      <c r="D98" s="8" t="s">
        <v>292</v>
      </c>
      <c r="E98" s="8"/>
      <c r="F98" s="25"/>
    </row>
    <row r="99" spans="1:6" s="29" customFormat="1" ht="64.8" x14ac:dyDescent="0.2">
      <c r="A99" s="8" t="s">
        <v>284</v>
      </c>
      <c r="B99" s="8" t="s">
        <v>293</v>
      </c>
      <c r="C99" s="8" t="s">
        <v>294</v>
      </c>
      <c r="D99" s="8" t="s">
        <v>295</v>
      </c>
      <c r="E99" s="8"/>
      <c r="F99" s="25"/>
    </row>
    <row r="100" spans="1:6" s="29" customFormat="1" ht="162" x14ac:dyDescent="0.2">
      <c r="A100" s="8" t="s">
        <v>284</v>
      </c>
      <c r="B100" s="8" t="s">
        <v>296</v>
      </c>
      <c r="C100" s="8" t="s">
        <v>297</v>
      </c>
      <c r="D100" s="8" t="s">
        <v>298</v>
      </c>
      <c r="E100" s="8"/>
      <c r="F100" s="25"/>
    </row>
    <row r="101" spans="1:6" s="29" customFormat="1" ht="118.8" x14ac:dyDescent="0.2">
      <c r="A101" s="8" t="s">
        <v>284</v>
      </c>
      <c r="B101" s="8" t="s">
        <v>299</v>
      </c>
      <c r="C101" s="8" t="s">
        <v>300</v>
      </c>
      <c r="D101" s="8" t="s">
        <v>301</v>
      </c>
      <c r="E101" s="8"/>
      <c r="F101" s="25"/>
    </row>
    <row r="102" spans="1:6" s="29" customFormat="1" ht="118.8" x14ac:dyDescent="0.2">
      <c r="A102" s="8" t="s">
        <v>284</v>
      </c>
      <c r="B102" s="8" t="s">
        <v>302</v>
      </c>
      <c r="C102" s="8" t="s">
        <v>303</v>
      </c>
      <c r="D102" s="8" t="s">
        <v>304</v>
      </c>
      <c r="E102" s="8"/>
      <c r="F102" s="25"/>
    </row>
    <row r="103" spans="1:6" s="29" customFormat="1" ht="21.6" x14ac:dyDescent="0.2">
      <c r="A103" s="8" t="s">
        <v>284</v>
      </c>
      <c r="B103" s="8" t="s">
        <v>305</v>
      </c>
      <c r="C103" s="8" t="s">
        <v>306</v>
      </c>
      <c r="D103" s="8" t="s">
        <v>307</v>
      </c>
      <c r="E103" s="8"/>
      <c r="F103" s="25"/>
    </row>
    <row r="104" spans="1:6" s="29" customFormat="1" ht="140.4" x14ac:dyDescent="0.2">
      <c r="A104" s="8" t="s">
        <v>284</v>
      </c>
      <c r="B104" s="8" t="s">
        <v>308</v>
      </c>
      <c r="C104" s="8" t="s">
        <v>309</v>
      </c>
      <c r="D104" s="8" t="s">
        <v>310</v>
      </c>
      <c r="E104" s="8"/>
      <c r="F104" s="25"/>
    </row>
    <row r="105" spans="1:6" s="29" customFormat="1" ht="162" x14ac:dyDescent="0.2">
      <c r="A105" s="8" t="s">
        <v>284</v>
      </c>
      <c r="B105" s="8" t="s">
        <v>311</v>
      </c>
      <c r="C105" s="8" t="s">
        <v>312</v>
      </c>
      <c r="D105" s="8" t="s">
        <v>313</v>
      </c>
      <c r="E105" s="8"/>
      <c r="F105" s="25"/>
    </row>
    <row r="106" spans="1:6" s="29" customFormat="1" ht="75.599999999999994" x14ac:dyDescent="0.2">
      <c r="A106" s="8" t="s">
        <v>284</v>
      </c>
      <c r="B106" s="8" t="s">
        <v>314</v>
      </c>
      <c r="C106" s="8" t="s">
        <v>315</v>
      </c>
      <c r="D106" s="8" t="s">
        <v>316</v>
      </c>
      <c r="E106" s="8"/>
      <c r="F106" s="25"/>
    </row>
    <row r="107" spans="1:6" s="27" customFormat="1" ht="54" x14ac:dyDescent="0.2">
      <c r="A107" s="8" t="s">
        <v>284</v>
      </c>
      <c r="B107" s="8" t="s">
        <v>317</v>
      </c>
      <c r="C107" s="8" t="s">
        <v>318</v>
      </c>
      <c r="D107" s="8" t="s">
        <v>319</v>
      </c>
      <c r="E107" s="8"/>
      <c r="F107" s="25"/>
    </row>
    <row r="108" spans="1:6" s="27" customFormat="1" ht="32.4" x14ac:dyDescent="0.2">
      <c r="A108" s="8" t="s">
        <v>284</v>
      </c>
      <c r="B108" s="8" t="s">
        <v>320</v>
      </c>
      <c r="C108" s="8" t="s">
        <v>321</v>
      </c>
      <c r="D108" s="8" t="s">
        <v>322</v>
      </c>
      <c r="E108" s="8"/>
      <c r="F108" s="25"/>
    </row>
    <row r="109" spans="1:6" s="27" customFormat="1" ht="108" x14ac:dyDescent="0.2">
      <c r="A109" s="8" t="s">
        <v>284</v>
      </c>
      <c r="B109" s="8" t="s">
        <v>323</v>
      </c>
      <c r="C109" s="8" t="s">
        <v>324</v>
      </c>
      <c r="D109" s="8" t="s">
        <v>1460</v>
      </c>
      <c r="E109" s="8"/>
      <c r="F109" s="25"/>
    </row>
    <row r="110" spans="1:6" s="27" customFormat="1" ht="43.2" x14ac:dyDescent="0.2">
      <c r="A110" s="8" t="s">
        <v>284</v>
      </c>
      <c r="B110" s="8" t="s">
        <v>1461</v>
      </c>
      <c r="C110" s="8" t="s">
        <v>325</v>
      </c>
      <c r="D110" s="8" t="s">
        <v>326</v>
      </c>
      <c r="E110" s="8"/>
      <c r="F110" s="25"/>
    </row>
    <row r="111" spans="1:6" s="27" customFormat="1" ht="32.4" x14ac:dyDescent="0.2">
      <c r="A111" s="8" t="s">
        <v>284</v>
      </c>
      <c r="B111" s="8" t="s">
        <v>327</v>
      </c>
      <c r="C111" s="8" t="s">
        <v>328</v>
      </c>
      <c r="D111" s="8" t="s">
        <v>329</v>
      </c>
      <c r="E111" s="8"/>
      <c r="F111" s="25"/>
    </row>
    <row r="112" spans="1:6" s="27" customFormat="1" ht="54" x14ac:dyDescent="0.2">
      <c r="A112" s="8" t="s">
        <v>284</v>
      </c>
      <c r="B112" s="8" t="s">
        <v>330</v>
      </c>
      <c r="C112" s="8" t="s">
        <v>318</v>
      </c>
      <c r="D112" s="8" t="s">
        <v>331</v>
      </c>
      <c r="E112" s="8"/>
      <c r="F112" s="25"/>
    </row>
    <row r="113" spans="1:16371" s="27" customFormat="1" ht="43.2" x14ac:dyDescent="0.2">
      <c r="A113" s="8" t="s">
        <v>284</v>
      </c>
      <c r="B113" s="8" t="s">
        <v>1462</v>
      </c>
      <c r="C113" s="8" t="s">
        <v>332</v>
      </c>
      <c r="D113" s="8" t="s">
        <v>331</v>
      </c>
      <c r="E113" s="8"/>
      <c r="F113" s="25"/>
    </row>
    <row r="114" spans="1:16371" s="27" customFormat="1" ht="32.4" x14ac:dyDescent="0.2">
      <c r="A114" s="8" t="s">
        <v>284</v>
      </c>
      <c r="B114" s="8" t="s">
        <v>1463</v>
      </c>
      <c r="C114" s="8" t="s">
        <v>333</v>
      </c>
      <c r="D114" s="8" t="s">
        <v>334</v>
      </c>
      <c r="E114" s="8"/>
    </row>
    <row r="115" spans="1:16371" s="27" customFormat="1" ht="43.2" x14ac:dyDescent="0.2">
      <c r="A115" s="8" t="s">
        <v>284</v>
      </c>
      <c r="B115" s="8" t="s">
        <v>1464</v>
      </c>
      <c r="C115" s="8" t="s">
        <v>335</v>
      </c>
      <c r="D115" s="8" t="s">
        <v>336</v>
      </c>
      <c r="E115" s="8"/>
    </row>
    <row r="116" spans="1:16371" s="27" customFormat="1" ht="32.4" x14ac:dyDescent="0.2">
      <c r="A116" s="8" t="s">
        <v>284</v>
      </c>
      <c r="B116" s="8" t="s">
        <v>1465</v>
      </c>
      <c r="C116" s="8" t="s">
        <v>337</v>
      </c>
      <c r="D116" s="8" t="s">
        <v>338</v>
      </c>
      <c r="E116" s="8"/>
    </row>
    <row r="117" spans="1:16371" s="27" customFormat="1" ht="43.2" x14ac:dyDescent="0.2">
      <c r="A117" s="8" t="s">
        <v>284</v>
      </c>
      <c r="B117" s="8" t="s">
        <v>1466</v>
      </c>
      <c r="C117" s="8" t="s">
        <v>339</v>
      </c>
      <c r="D117" s="8" t="s">
        <v>340</v>
      </c>
      <c r="E117" s="8"/>
    </row>
    <row r="118" spans="1:16371" s="27" customFormat="1" ht="43.2" x14ac:dyDescent="0.2">
      <c r="A118" s="8" t="s">
        <v>341</v>
      </c>
      <c r="B118" s="8" t="s">
        <v>342</v>
      </c>
      <c r="C118" s="8" t="s">
        <v>343</v>
      </c>
      <c r="D118" s="8" t="s">
        <v>289</v>
      </c>
      <c r="E118" s="8"/>
    </row>
    <row r="119" spans="1:16371" s="27" customFormat="1" ht="43.2" x14ac:dyDescent="0.2">
      <c r="A119" s="8" t="s">
        <v>284</v>
      </c>
      <c r="B119" s="8" t="s">
        <v>1467</v>
      </c>
      <c r="C119" s="8" t="s">
        <v>344</v>
      </c>
      <c r="D119" s="8" t="s">
        <v>334</v>
      </c>
      <c r="E119" s="8"/>
    </row>
    <row r="120" spans="1:16371" s="27" customFormat="1" ht="54" x14ac:dyDescent="0.2">
      <c r="A120" s="8" t="s">
        <v>284</v>
      </c>
      <c r="B120" s="8" t="s">
        <v>1468</v>
      </c>
      <c r="C120" s="8" t="s">
        <v>345</v>
      </c>
      <c r="D120" s="8" t="s">
        <v>334</v>
      </c>
      <c r="E120" s="8"/>
      <c r="F120" s="26"/>
      <c r="G120" s="26"/>
      <c r="H120" s="26"/>
      <c r="I120" s="26"/>
      <c r="J120" s="26"/>
      <c r="K120" s="26"/>
      <c r="L120" s="26"/>
      <c r="M120" s="26"/>
      <c r="N120" s="26"/>
      <c r="O120" s="26"/>
      <c r="P120" s="26"/>
      <c r="Q120" s="26"/>
      <c r="R120" s="26"/>
      <c r="S120" s="26"/>
      <c r="T120" s="26"/>
      <c r="U120" s="26"/>
      <c r="V120" s="26"/>
      <c r="W120" s="26"/>
      <c r="X120" s="26"/>
      <c r="Y120" s="26"/>
      <c r="Z120" s="26"/>
      <c r="AA120" s="26"/>
      <c r="AB120" s="26"/>
      <c r="AC120" s="26"/>
      <c r="AD120" s="26"/>
      <c r="AE120" s="26"/>
      <c r="AF120" s="26"/>
      <c r="AG120" s="26"/>
      <c r="AH120" s="26"/>
      <c r="AI120" s="26"/>
      <c r="AJ120" s="26"/>
      <c r="AK120" s="26"/>
      <c r="AL120" s="26"/>
      <c r="AM120" s="26"/>
      <c r="AN120" s="26"/>
      <c r="AO120" s="26"/>
      <c r="AP120" s="26"/>
      <c r="AQ120" s="26"/>
      <c r="AR120" s="26"/>
      <c r="AS120" s="26"/>
      <c r="AT120" s="26"/>
      <c r="AU120" s="26"/>
      <c r="AV120" s="26"/>
      <c r="AW120" s="26"/>
      <c r="AX120" s="26"/>
      <c r="AY120" s="26"/>
      <c r="AZ120" s="26"/>
      <c r="BA120" s="26"/>
      <c r="BB120" s="26"/>
      <c r="BC120" s="26"/>
      <c r="BD120" s="26"/>
      <c r="BE120" s="26"/>
      <c r="BF120" s="26"/>
      <c r="BG120" s="26"/>
      <c r="BH120" s="26"/>
      <c r="BI120" s="26"/>
      <c r="BJ120" s="26"/>
      <c r="BK120" s="26"/>
      <c r="BL120" s="26"/>
      <c r="BM120" s="26"/>
      <c r="BN120" s="26"/>
      <c r="BO120" s="26"/>
      <c r="BP120" s="26"/>
      <c r="BQ120" s="26"/>
      <c r="BR120" s="26"/>
      <c r="BS120" s="26"/>
      <c r="BT120" s="26"/>
      <c r="BU120" s="26"/>
      <c r="BV120" s="26"/>
      <c r="BW120" s="26"/>
      <c r="BX120" s="26"/>
      <c r="BY120" s="26"/>
      <c r="BZ120" s="26"/>
      <c r="CA120" s="26"/>
      <c r="CB120" s="26"/>
      <c r="CC120" s="26"/>
      <c r="CD120" s="26"/>
      <c r="CE120" s="26"/>
      <c r="CF120" s="26"/>
      <c r="CG120" s="26"/>
      <c r="CH120" s="26"/>
      <c r="CI120" s="26"/>
      <c r="CJ120" s="26"/>
      <c r="CK120" s="26"/>
      <c r="CL120" s="26"/>
      <c r="CM120" s="26"/>
      <c r="CN120" s="26"/>
      <c r="CO120" s="26"/>
      <c r="CP120" s="26"/>
      <c r="CQ120" s="26"/>
      <c r="CR120" s="26"/>
      <c r="CS120" s="26"/>
      <c r="CT120" s="26"/>
      <c r="CU120" s="26"/>
      <c r="CV120" s="26"/>
      <c r="CW120" s="26"/>
      <c r="CX120" s="26"/>
      <c r="CY120" s="26"/>
      <c r="CZ120" s="26"/>
      <c r="DA120" s="26"/>
      <c r="DB120" s="26"/>
      <c r="DC120" s="26"/>
      <c r="DD120" s="26"/>
      <c r="DE120" s="26"/>
      <c r="DF120" s="26"/>
      <c r="DG120" s="26"/>
      <c r="DH120" s="26"/>
      <c r="DI120" s="26"/>
      <c r="DJ120" s="26"/>
      <c r="DK120" s="26"/>
      <c r="DL120" s="26"/>
      <c r="DM120" s="26"/>
      <c r="DN120" s="26"/>
      <c r="DO120" s="26"/>
      <c r="DP120" s="26"/>
      <c r="DQ120" s="26"/>
      <c r="DR120" s="26"/>
      <c r="DS120" s="26"/>
      <c r="DT120" s="26"/>
      <c r="DU120" s="26"/>
      <c r="DV120" s="26"/>
      <c r="DW120" s="26"/>
      <c r="DX120" s="26"/>
      <c r="DY120" s="26"/>
      <c r="DZ120" s="26"/>
      <c r="EA120" s="26"/>
      <c r="EB120" s="26"/>
      <c r="EC120" s="26"/>
      <c r="ED120" s="26"/>
      <c r="EE120" s="26"/>
      <c r="EF120" s="26"/>
      <c r="EG120" s="26"/>
      <c r="EH120" s="26"/>
      <c r="EI120" s="26"/>
      <c r="EJ120" s="26"/>
      <c r="EK120" s="26"/>
      <c r="EL120" s="26"/>
      <c r="EM120" s="26"/>
      <c r="EN120" s="26"/>
      <c r="EO120" s="26"/>
      <c r="EP120" s="26"/>
      <c r="EQ120" s="26"/>
      <c r="ER120" s="26"/>
      <c r="ES120" s="26"/>
      <c r="ET120" s="26"/>
      <c r="EU120" s="26"/>
      <c r="EV120" s="26"/>
      <c r="EW120" s="26"/>
      <c r="EX120" s="26"/>
      <c r="EY120" s="26"/>
      <c r="EZ120" s="26"/>
      <c r="FA120" s="26"/>
      <c r="FB120" s="26"/>
      <c r="FC120" s="26"/>
      <c r="FD120" s="26"/>
      <c r="FE120" s="26"/>
      <c r="FF120" s="26"/>
      <c r="FG120" s="26"/>
      <c r="FH120" s="26"/>
      <c r="FI120" s="26"/>
      <c r="FJ120" s="26"/>
      <c r="FK120" s="26"/>
      <c r="FL120" s="26"/>
      <c r="FM120" s="26"/>
      <c r="FN120" s="26"/>
      <c r="FO120" s="26"/>
      <c r="FP120" s="26"/>
      <c r="FQ120" s="26"/>
      <c r="FR120" s="26"/>
      <c r="FS120" s="26"/>
      <c r="FT120" s="26"/>
      <c r="FU120" s="26"/>
      <c r="FV120" s="26"/>
      <c r="FW120" s="26"/>
      <c r="FX120" s="26"/>
      <c r="FY120" s="26"/>
      <c r="FZ120" s="26"/>
      <c r="GA120" s="26"/>
      <c r="GB120" s="26"/>
      <c r="GC120" s="26"/>
      <c r="GD120" s="26"/>
      <c r="GE120" s="26"/>
      <c r="GF120" s="26"/>
      <c r="GG120" s="26"/>
      <c r="GH120" s="26"/>
      <c r="GI120" s="26"/>
      <c r="GJ120" s="26"/>
      <c r="GK120" s="26"/>
      <c r="GL120" s="26"/>
      <c r="GM120" s="26"/>
      <c r="GN120" s="26"/>
      <c r="GO120" s="26"/>
      <c r="GP120" s="26"/>
      <c r="GQ120" s="26"/>
      <c r="GR120" s="26"/>
      <c r="GS120" s="26"/>
      <c r="GT120" s="26"/>
      <c r="GU120" s="26"/>
      <c r="GV120" s="26"/>
      <c r="GW120" s="26"/>
      <c r="GX120" s="26"/>
      <c r="GY120" s="26"/>
      <c r="GZ120" s="26"/>
      <c r="HA120" s="26"/>
      <c r="HB120" s="26"/>
      <c r="HC120" s="26"/>
      <c r="HD120" s="26"/>
      <c r="HE120" s="26"/>
      <c r="HF120" s="26"/>
      <c r="HG120" s="26"/>
      <c r="HH120" s="26"/>
      <c r="HI120" s="26"/>
      <c r="HJ120" s="26"/>
      <c r="HK120" s="26"/>
      <c r="HL120" s="26"/>
      <c r="HM120" s="26"/>
      <c r="HN120" s="26"/>
      <c r="HO120" s="26"/>
      <c r="HP120" s="26"/>
      <c r="HQ120" s="26"/>
      <c r="HR120" s="26"/>
      <c r="HS120" s="26"/>
      <c r="HT120" s="26"/>
      <c r="HU120" s="26"/>
      <c r="HV120" s="26"/>
      <c r="HW120" s="26"/>
      <c r="HX120" s="26"/>
      <c r="HY120" s="26"/>
      <c r="HZ120" s="26"/>
      <c r="IA120" s="26"/>
      <c r="IB120" s="26"/>
      <c r="IC120" s="26"/>
      <c r="ID120" s="26"/>
      <c r="IE120" s="26"/>
      <c r="IF120" s="26"/>
      <c r="IG120" s="26"/>
      <c r="IH120" s="26"/>
      <c r="II120" s="26"/>
      <c r="IJ120" s="26"/>
      <c r="IK120" s="26"/>
      <c r="IL120" s="26"/>
      <c r="IM120" s="26"/>
      <c r="IN120" s="26"/>
      <c r="IO120" s="26"/>
      <c r="IP120" s="26"/>
      <c r="IQ120" s="26"/>
      <c r="IR120" s="26"/>
      <c r="IS120" s="26"/>
      <c r="IT120" s="26"/>
      <c r="IU120" s="26"/>
      <c r="IV120" s="26"/>
      <c r="IW120" s="26"/>
      <c r="IX120" s="26"/>
      <c r="IY120" s="26"/>
      <c r="IZ120" s="26"/>
      <c r="JA120" s="26"/>
      <c r="JB120" s="26"/>
      <c r="JC120" s="26"/>
      <c r="JD120" s="26"/>
      <c r="JE120" s="26"/>
      <c r="JF120" s="26"/>
      <c r="JG120" s="26"/>
      <c r="JH120" s="26"/>
      <c r="JI120" s="26"/>
      <c r="JJ120" s="26"/>
      <c r="JK120" s="26"/>
      <c r="JL120" s="26"/>
      <c r="JM120" s="26"/>
      <c r="JN120" s="26"/>
      <c r="JO120" s="26"/>
      <c r="JP120" s="26"/>
      <c r="JQ120" s="26"/>
      <c r="JR120" s="26"/>
      <c r="JS120" s="26"/>
      <c r="JT120" s="26"/>
      <c r="JU120" s="26"/>
      <c r="JV120" s="26"/>
      <c r="JW120" s="26"/>
      <c r="JX120" s="26"/>
      <c r="JY120" s="26"/>
      <c r="JZ120" s="26"/>
      <c r="KA120" s="26"/>
      <c r="KB120" s="26"/>
      <c r="KC120" s="26"/>
      <c r="KD120" s="26"/>
      <c r="KE120" s="26"/>
      <c r="KF120" s="26"/>
      <c r="KG120" s="26"/>
      <c r="KH120" s="26"/>
      <c r="KI120" s="26"/>
      <c r="KJ120" s="26"/>
      <c r="KK120" s="26"/>
      <c r="KL120" s="26"/>
      <c r="KM120" s="26"/>
      <c r="KN120" s="26"/>
      <c r="KO120" s="26"/>
      <c r="KP120" s="26"/>
      <c r="KQ120" s="26"/>
      <c r="KR120" s="26"/>
      <c r="KS120" s="26"/>
      <c r="KT120" s="26"/>
      <c r="KU120" s="26"/>
      <c r="KV120" s="26"/>
      <c r="KW120" s="26"/>
      <c r="KX120" s="26"/>
      <c r="KY120" s="26"/>
      <c r="KZ120" s="26"/>
      <c r="LA120" s="26"/>
      <c r="LB120" s="26"/>
      <c r="LC120" s="26"/>
      <c r="LD120" s="26"/>
      <c r="LE120" s="26"/>
      <c r="LF120" s="26"/>
      <c r="LG120" s="26"/>
      <c r="LH120" s="26"/>
      <c r="LI120" s="26"/>
      <c r="LJ120" s="26"/>
      <c r="LK120" s="26"/>
      <c r="LL120" s="26"/>
      <c r="LM120" s="26"/>
      <c r="LN120" s="26"/>
      <c r="LO120" s="26"/>
      <c r="LP120" s="26"/>
      <c r="LQ120" s="26"/>
      <c r="LR120" s="26"/>
      <c r="LS120" s="26"/>
      <c r="LT120" s="26"/>
      <c r="LU120" s="26"/>
      <c r="LV120" s="26"/>
      <c r="LW120" s="26"/>
      <c r="LX120" s="26"/>
      <c r="LY120" s="26"/>
      <c r="LZ120" s="26"/>
      <c r="MA120" s="26"/>
      <c r="MB120" s="26"/>
      <c r="MC120" s="26"/>
      <c r="MD120" s="26"/>
      <c r="ME120" s="26"/>
      <c r="MF120" s="26"/>
      <c r="MG120" s="26"/>
      <c r="MH120" s="26"/>
      <c r="MI120" s="26"/>
      <c r="MJ120" s="26"/>
      <c r="MK120" s="26"/>
      <c r="ML120" s="26"/>
      <c r="MM120" s="26"/>
      <c r="MN120" s="26"/>
      <c r="MO120" s="26"/>
      <c r="MP120" s="26"/>
      <c r="MQ120" s="26"/>
      <c r="MR120" s="26"/>
      <c r="MS120" s="26"/>
      <c r="MT120" s="26"/>
      <c r="MU120" s="26"/>
      <c r="MV120" s="26"/>
      <c r="MW120" s="26"/>
      <c r="MX120" s="26"/>
      <c r="MY120" s="26"/>
      <c r="MZ120" s="26"/>
      <c r="NA120" s="26"/>
      <c r="NB120" s="26"/>
      <c r="NC120" s="26"/>
      <c r="ND120" s="26"/>
      <c r="NE120" s="26"/>
      <c r="NF120" s="26"/>
      <c r="NG120" s="26"/>
      <c r="NH120" s="26"/>
      <c r="NI120" s="26"/>
      <c r="NJ120" s="26"/>
      <c r="NK120" s="26"/>
      <c r="NL120" s="26"/>
      <c r="NM120" s="26"/>
      <c r="NN120" s="26"/>
      <c r="NO120" s="26"/>
      <c r="NP120" s="26"/>
      <c r="NQ120" s="26"/>
      <c r="NR120" s="26"/>
      <c r="NS120" s="26"/>
      <c r="NT120" s="26"/>
      <c r="NU120" s="26"/>
      <c r="NV120" s="26"/>
      <c r="NW120" s="26"/>
      <c r="NX120" s="26"/>
      <c r="NY120" s="26"/>
      <c r="NZ120" s="26"/>
      <c r="OA120" s="26"/>
      <c r="OB120" s="26"/>
      <c r="OC120" s="26"/>
      <c r="OD120" s="26"/>
      <c r="OE120" s="26"/>
      <c r="OF120" s="26"/>
      <c r="OG120" s="26"/>
      <c r="OH120" s="26"/>
      <c r="OI120" s="26"/>
      <c r="OJ120" s="26"/>
      <c r="OK120" s="26"/>
      <c r="OL120" s="26"/>
      <c r="OM120" s="26"/>
      <c r="ON120" s="26"/>
      <c r="OO120" s="26"/>
      <c r="OP120" s="26"/>
      <c r="OQ120" s="26"/>
      <c r="OR120" s="26"/>
      <c r="OS120" s="26"/>
      <c r="OT120" s="26"/>
      <c r="OU120" s="26"/>
      <c r="OV120" s="26"/>
      <c r="OW120" s="26"/>
      <c r="OX120" s="26"/>
      <c r="OY120" s="26"/>
      <c r="OZ120" s="26"/>
      <c r="PA120" s="26"/>
      <c r="PB120" s="26"/>
      <c r="PC120" s="26"/>
      <c r="PD120" s="26"/>
      <c r="PE120" s="26"/>
      <c r="PF120" s="26"/>
      <c r="PG120" s="26"/>
      <c r="PH120" s="26"/>
      <c r="PI120" s="26"/>
      <c r="PJ120" s="26"/>
      <c r="PK120" s="26"/>
      <c r="PL120" s="26"/>
      <c r="PM120" s="26"/>
      <c r="PN120" s="26"/>
      <c r="PO120" s="26"/>
      <c r="PP120" s="26"/>
      <c r="PQ120" s="26"/>
      <c r="PR120" s="26"/>
      <c r="PS120" s="26"/>
      <c r="PT120" s="26"/>
      <c r="PU120" s="26"/>
      <c r="PV120" s="26"/>
      <c r="PW120" s="26"/>
      <c r="PX120" s="26"/>
      <c r="PY120" s="26"/>
      <c r="PZ120" s="26"/>
      <c r="QA120" s="26"/>
      <c r="QB120" s="26"/>
      <c r="QC120" s="26"/>
      <c r="QD120" s="26"/>
      <c r="QE120" s="26"/>
      <c r="QF120" s="26"/>
      <c r="QG120" s="26"/>
      <c r="QH120" s="26"/>
      <c r="QI120" s="26"/>
      <c r="QJ120" s="26"/>
      <c r="QK120" s="26"/>
      <c r="QL120" s="26"/>
      <c r="QM120" s="26"/>
      <c r="QN120" s="26"/>
      <c r="QO120" s="26"/>
      <c r="QP120" s="26"/>
      <c r="QQ120" s="26"/>
      <c r="QR120" s="26"/>
      <c r="QS120" s="26"/>
      <c r="QT120" s="26"/>
      <c r="QU120" s="26"/>
      <c r="QV120" s="26"/>
      <c r="QW120" s="26"/>
      <c r="QX120" s="26"/>
      <c r="QY120" s="26"/>
      <c r="QZ120" s="26"/>
      <c r="RA120" s="26"/>
      <c r="RB120" s="26"/>
      <c r="RC120" s="26"/>
      <c r="RD120" s="26"/>
      <c r="RE120" s="26"/>
      <c r="RF120" s="26"/>
      <c r="RG120" s="26"/>
      <c r="RH120" s="26"/>
      <c r="RI120" s="26"/>
      <c r="RJ120" s="26"/>
      <c r="RK120" s="26"/>
      <c r="RL120" s="26"/>
      <c r="RM120" s="26"/>
      <c r="RN120" s="26"/>
      <c r="RO120" s="26"/>
      <c r="RP120" s="26"/>
      <c r="RQ120" s="26"/>
      <c r="RR120" s="26"/>
      <c r="RS120" s="26"/>
      <c r="RT120" s="26"/>
      <c r="RU120" s="26"/>
      <c r="RV120" s="26"/>
      <c r="RW120" s="26"/>
      <c r="RX120" s="26"/>
      <c r="RY120" s="26"/>
      <c r="RZ120" s="26"/>
      <c r="SA120" s="26"/>
      <c r="SB120" s="26"/>
      <c r="SC120" s="26"/>
      <c r="SD120" s="26"/>
      <c r="SE120" s="26"/>
      <c r="SF120" s="26"/>
      <c r="SG120" s="26"/>
      <c r="SH120" s="26"/>
      <c r="SI120" s="26"/>
      <c r="SJ120" s="26"/>
      <c r="SK120" s="26"/>
      <c r="SL120" s="26"/>
      <c r="SM120" s="26"/>
      <c r="SN120" s="26"/>
      <c r="SO120" s="26"/>
      <c r="SP120" s="26"/>
      <c r="SQ120" s="26"/>
      <c r="SR120" s="26"/>
      <c r="SS120" s="26"/>
      <c r="ST120" s="26"/>
      <c r="SU120" s="26"/>
      <c r="SV120" s="26"/>
      <c r="SW120" s="26"/>
      <c r="SX120" s="26"/>
      <c r="SY120" s="26"/>
      <c r="SZ120" s="26"/>
      <c r="TA120" s="26"/>
      <c r="TB120" s="26"/>
      <c r="TC120" s="26"/>
      <c r="TD120" s="26"/>
      <c r="TE120" s="26"/>
      <c r="TF120" s="26"/>
      <c r="TG120" s="26"/>
      <c r="TH120" s="26"/>
      <c r="TI120" s="26"/>
      <c r="TJ120" s="26"/>
      <c r="TK120" s="26"/>
      <c r="TL120" s="26"/>
      <c r="TM120" s="26"/>
      <c r="TN120" s="26"/>
      <c r="TO120" s="26"/>
      <c r="TP120" s="26"/>
      <c r="TQ120" s="26"/>
      <c r="TR120" s="26"/>
      <c r="TS120" s="26"/>
      <c r="TT120" s="26"/>
      <c r="TU120" s="26"/>
      <c r="TV120" s="26"/>
      <c r="TW120" s="26"/>
      <c r="TX120" s="26"/>
      <c r="TY120" s="26"/>
      <c r="TZ120" s="26"/>
      <c r="UA120" s="26"/>
      <c r="UB120" s="26"/>
      <c r="UC120" s="26"/>
      <c r="UD120" s="26"/>
      <c r="UE120" s="26"/>
      <c r="UF120" s="26"/>
      <c r="UG120" s="26"/>
      <c r="UH120" s="26"/>
      <c r="UI120" s="26"/>
      <c r="UJ120" s="26"/>
      <c r="UK120" s="26"/>
      <c r="UL120" s="26"/>
      <c r="UM120" s="26"/>
      <c r="UN120" s="26"/>
      <c r="UO120" s="26"/>
      <c r="UP120" s="26"/>
      <c r="UQ120" s="26"/>
      <c r="UR120" s="26"/>
      <c r="US120" s="26"/>
      <c r="UT120" s="26"/>
      <c r="UU120" s="26"/>
      <c r="UV120" s="26"/>
      <c r="UW120" s="26"/>
      <c r="UX120" s="26"/>
      <c r="UY120" s="26"/>
      <c r="UZ120" s="26"/>
      <c r="VA120" s="26"/>
      <c r="VB120" s="26"/>
      <c r="VC120" s="26"/>
      <c r="VD120" s="26"/>
      <c r="VE120" s="26"/>
      <c r="VF120" s="26"/>
      <c r="VG120" s="26"/>
      <c r="VH120" s="26"/>
      <c r="VI120" s="26"/>
      <c r="VJ120" s="26"/>
      <c r="VK120" s="26"/>
      <c r="VL120" s="26"/>
      <c r="VM120" s="26"/>
      <c r="VN120" s="26"/>
      <c r="VO120" s="26"/>
      <c r="VP120" s="26"/>
      <c r="VQ120" s="26"/>
      <c r="VR120" s="26"/>
      <c r="VS120" s="26"/>
      <c r="VT120" s="26"/>
      <c r="VU120" s="26"/>
      <c r="VV120" s="26"/>
      <c r="VW120" s="26"/>
      <c r="VX120" s="26"/>
      <c r="VY120" s="26"/>
      <c r="VZ120" s="26"/>
      <c r="WA120" s="26"/>
      <c r="WB120" s="26"/>
      <c r="WC120" s="26"/>
      <c r="WD120" s="26"/>
      <c r="WE120" s="26"/>
      <c r="WF120" s="26"/>
      <c r="WG120" s="26"/>
      <c r="WH120" s="26"/>
      <c r="WI120" s="26"/>
      <c r="WJ120" s="26"/>
      <c r="WK120" s="26"/>
      <c r="WL120" s="26"/>
      <c r="WM120" s="26"/>
      <c r="WN120" s="26"/>
      <c r="WO120" s="26"/>
      <c r="WP120" s="26"/>
      <c r="WQ120" s="26"/>
      <c r="WR120" s="26"/>
      <c r="WS120" s="26"/>
      <c r="WT120" s="26"/>
      <c r="WU120" s="26"/>
      <c r="WV120" s="26"/>
      <c r="WW120" s="26"/>
      <c r="WX120" s="26"/>
      <c r="WY120" s="26"/>
      <c r="WZ120" s="26"/>
      <c r="XA120" s="26"/>
      <c r="XB120" s="26"/>
      <c r="XC120" s="26"/>
      <c r="XD120" s="26"/>
      <c r="XE120" s="26"/>
      <c r="XF120" s="26"/>
      <c r="XG120" s="26"/>
      <c r="XH120" s="26"/>
      <c r="XI120" s="26"/>
      <c r="XJ120" s="26"/>
      <c r="XK120" s="26"/>
      <c r="XL120" s="26"/>
      <c r="XM120" s="26"/>
      <c r="XN120" s="26"/>
      <c r="XO120" s="26"/>
      <c r="XP120" s="26"/>
      <c r="XQ120" s="26"/>
      <c r="XR120" s="26"/>
      <c r="XS120" s="26"/>
      <c r="XT120" s="26"/>
      <c r="XU120" s="26"/>
      <c r="XV120" s="26"/>
      <c r="XW120" s="26"/>
      <c r="XX120" s="26"/>
      <c r="XY120" s="26"/>
      <c r="XZ120" s="26"/>
      <c r="YA120" s="26"/>
      <c r="YB120" s="26"/>
      <c r="YC120" s="26"/>
      <c r="YD120" s="26"/>
      <c r="YE120" s="26"/>
      <c r="YF120" s="26"/>
      <c r="YG120" s="26"/>
      <c r="YH120" s="26"/>
      <c r="YI120" s="26"/>
      <c r="YJ120" s="26"/>
      <c r="YK120" s="26"/>
      <c r="YL120" s="26"/>
      <c r="YM120" s="26"/>
      <c r="YN120" s="26"/>
      <c r="YO120" s="26"/>
      <c r="YP120" s="26"/>
      <c r="YQ120" s="26"/>
      <c r="YR120" s="26"/>
      <c r="YS120" s="26"/>
      <c r="YT120" s="26"/>
      <c r="YU120" s="26"/>
      <c r="YV120" s="26"/>
      <c r="YW120" s="26"/>
      <c r="YX120" s="26"/>
      <c r="YY120" s="26"/>
      <c r="YZ120" s="26"/>
      <c r="ZA120" s="26"/>
      <c r="ZB120" s="26"/>
      <c r="ZC120" s="26"/>
      <c r="ZD120" s="26"/>
      <c r="ZE120" s="26"/>
      <c r="ZF120" s="26"/>
      <c r="ZG120" s="26"/>
      <c r="ZH120" s="26"/>
      <c r="ZI120" s="26"/>
      <c r="ZJ120" s="26"/>
      <c r="ZK120" s="26"/>
      <c r="ZL120" s="26"/>
      <c r="ZM120" s="26"/>
      <c r="ZN120" s="26"/>
      <c r="ZO120" s="26"/>
      <c r="ZP120" s="26"/>
      <c r="ZQ120" s="26"/>
      <c r="ZR120" s="26"/>
      <c r="ZS120" s="26"/>
      <c r="ZT120" s="26"/>
      <c r="ZU120" s="26"/>
      <c r="ZV120" s="26"/>
      <c r="ZW120" s="26"/>
      <c r="ZX120" s="26"/>
      <c r="ZY120" s="26"/>
      <c r="ZZ120" s="26"/>
      <c r="AAA120" s="26"/>
      <c r="AAB120" s="26"/>
      <c r="AAC120" s="26"/>
      <c r="AAD120" s="26"/>
      <c r="AAE120" s="26"/>
      <c r="AAF120" s="26"/>
      <c r="AAG120" s="26"/>
      <c r="AAH120" s="26"/>
      <c r="AAI120" s="26"/>
      <c r="AAJ120" s="26"/>
      <c r="AAK120" s="26"/>
      <c r="AAL120" s="26"/>
      <c r="AAM120" s="26"/>
      <c r="AAN120" s="26"/>
      <c r="AAO120" s="26"/>
      <c r="AAP120" s="26"/>
      <c r="AAQ120" s="26"/>
      <c r="AAR120" s="26"/>
      <c r="AAS120" s="26"/>
      <c r="AAT120" s="26"/>
      <c r="AAU120" s="26"/>
      <c r="AAV120" s="26"/>
      <c r="AAW120" s="26"/>
      <c r="AAX120" s="26"/>
      <c r="AAY120" s="26"/>
      <c r="AAZ120" s="26"/>
      <c r="ABA120" s="26"/>
      <c r="ABB120" s="26"/>
      <c r="ABC120" s="26"/>
      <c r="ABD120" s="26"/>
      <c r="ABE120" s="26"/>
      <c r="ABF120" s="26"/>
      <c r="ABG120" s="26"/>
      <c r="ABH120" s="26"/>
      <c r="ABI120" s="26"/>
      <c r="ABJ120" s="26"/>
      <c r="ABK120" s="26"/>
      <c r="ABL120" s="26"/>
      <c r="ABM120" s="26"/>
      <c r="ABN120" s="26"/>
      <c r="ABO120" s="26"/>
      <c r="ABP120" s="26"/>
      <c r="ABQ120" s="26"/>
      <c r="ABR120" s="26"/>
      <c r="ABS120" s="26"/>
      <c r="ABT120" s="26"/>
      <c r="ABU120" s="26"/>
      <c r="ABV120" s="26"/>
      <c r="ABW120" s="26"/>
      <c r="ABX120" s="26"/>
      <c r="ABY120" s="26"/>
      <c r="ABZ120" s="26"/>
      <c r="ACA120" s="26"/>
      <c r="ACB120" s="26"/>
      <c r="ACC120" s="26"/>
      <c r="ACD120" s="26"/>
      <c r="ACE120" s="26"/>
      <c r="ACF120" s="26"/>
      <c r="ACG120" s="26"/>
      <c r="ACH120" s="26"/>
      <c r="ACI120" s="26"/>
      <c r="ACJ120" s="26"/>
      <c r="ACK120" s="26"/>
      <c r="ACL120" s="26"/>
      <c r="ACM120" s="26"/>
      <c r="ACN120" s="26"/>
      <c r="ACO120" s="26"/>
      <c r="ACP120" s="26"/>
      <c r="ACQ120" s="26"/>
      <c r="ACR120" s="26"/>
      <c r="ACS120" s="26"/>
      <c r="ACT120" s="26"/>
      <c r="ACU120" s="26"/>
      <c r="ACV120" s="26"/>
      <c r="ACW120" s="26"/>
      <c r="ACX120" s="26"/>
      <c r="ACY120" s="26"/>
      <c r="ACZ120" s="26"/>
      <c r="ADA120" s="26"/>
      <c r="ADB120" s="26"/>
      <c r="ADC120" s="26"/>
      <c r="ADD120" s="26"/>
      <c r="ADE120" s="26"/>
      <c r="ADF120" s="26"/>
      <c r="ADG120" s="26"/>
      <c r="ADH120" s="26"/>
      <c r="ADI120" s="26"/>
      <c r="ADJ120" s="26"/>
      <c r="ADK120" s="26"/>
      <c r="ADL120" s="26"/>
      <c r="ADM120" s="26"/>
      <c r="ADN120" s="26"/>
      <c r="ADO120" s="26"/>
      <c r="ADP120" s="26"/>
      <c r="ADQ120" s="26"/>
      <c r="ADR120" s="26"/>
      <c r="ADS120" s="26"/>
      <c r="ADT120" s="26"/>
      <c r="ADU120" s="26"/>
      <c r="ADV120" s="26"/>
      <c r="ADW120" s="26"/>
      <c r="ADX120" s="26"/>
      <c r="ADY120" s="26"/>
      <c r="ADZ120" s="26"/>
      <c r="AEA120" s="26"/>
      <c r="AEB120" s="26"/>
      <c r="AEC120" s="26"/>
      <c r="AED120" s="26"/>
      <c r="AEE120" s="26"/>
      <c r="AEF120" s="26"/>
      <c r="AEG120" s="26"/>
      <c r="AEH120" s="26"/>
      <c r="AEI120" s="26"/>
      <c r="AEJ120" s="26"/>
      <c r="AEK120" s="26"/>
      <c r="AEL120" s="26"/>
      <c r="AEM120" s="26"/>
      <c r="AEN120" s="26"/>
      <c r="AEO120" s="26"/>
      <c r="AEP120" s="26"/>
      <c r="AEQ120" s="26"/>
      <c r="AER120" s="26"/>
      <c r="AES120" s="26"/>
      <c r="AET120" s="26"/>
      <c r="AEU120" s="26"/>
      <c r="AEV120" s="26"/>
      <c r="AEW120" s="26"/>
      <c r="AEX120" s="26"/>
      <c r="AEY120" s="26"/>
      <c r="AEZ120" s="26"/>
      <c r="AFA120" s="26"/>
      <c r="AFB120" s="26"/>
      <c r="AFC120" s="26"/>
      <c r="AFD120" s="26"/>
      <c r="AFE120" s="26"/>
      <c r="AFF120" s="26"/>
      <c r="AFG120" s="26"/>
      <c r="AFH120" s="26"/>
      <c r="AFI120" s="26"/>
      <c r="AFJ120" s="26"/>
      <c r="AFK120" s="26"/>
      <c r="AFL120" s="26"/>
      <c r="AFM120" s="26"/>
      <c r="AFN120" s="26"/>
      <c r="AFO120" s="26"/>
      <c r="AFP120" s="26"/>
      <c r="AFQ120" s="26"/>
      <c r="AFR120" s="26"/>
      <c r="AFS120" s="26"/>
      <c r="AFT120" s="26"/>
      <c r="AFU120" s="26"/>
      <c r="AFV120" s="26"/>
      <c r="AFW120" s="26"/>
      <c r="AFX120" s="26"/>
      <c r="AFY120" s="26"/>
      <c r="AFZ120" s="26"/>
      <c r="AGA120" s="26"/>
      <c r="AGB120" s="26"/>
      <c r="AGC120" s="26"/>
      <c r="AGD120" s="26"/>
      <c r="AGE120" s="26"/>
      <c r="AGF120" s="26"/>
      <c r="AGG120" s="26"/>
      <c r="AGH120" s="26"/>
      <c r="AGI120" s="26"/>
      <c r="AGJ120" s="26"/>
      <c r="AGK120" s="26"/>
      <c r="AGL120" s="26"/>
      <c r="AGM120" s="26"/>
      <c r="AGN120" s="26"/>
      <c r="AGO120" s="26"/>
      <c r="AGP120" s="26"/>
      <c r="AGQ120" s="26"/>
      <c r="AGR120" s="26"/>
      <c r="AGS120" s="26"/>
      <c r="AGT120" s="26"/>
      <c r="AGU120" s="26"/>
      <c r="AGV120" s="26"/>
      <c r="AGW120" s="26"/>
      <c r="AGX120" s="26"/>
      <c r="AGY120" s="26"/>
      <c r="AGZ120" s="26"/>
      <c r="AHA120" s="26"/>
      <c r="AHB120" s="26"/>
      <c r="AHC120" s="26"/>
      <c r="AHD120" s="26"/>
      <c r="AHE120" s="26"/>
      <c r="AHF120" s="26"/>
      <c r="AHG120" s="26"/>
      <c r="AHH120" s="26"/>
      <c r="AHI120" s="26"/>
      <c r="AHJ120" s="26"/>
      <c r="AHK120" s="26"/>
      <c r="AHL120" s="26"/>
      <c r="AHM120" s="26"/>
      <c r="AHN120" s="26"/>
      <c r="AHO120" s="26"/>
      <c r="AHP120" s="26"/>
      <c r="AHQ120" s="26"/>
      <c r="AHR120" s="26"/>
      <c r="AHS120" s="26"/>
      <c r="AHT120" s="26"/>
      <c r="AHU120" s="26"/>
      <c r="AHV120" s="26"/>
      <c r="AHW120" s="26"/>
      <c r="AHX120" s="26"/>
      <c r="AHY120" s="26"/>
      <c r="AHZ120" s="26"/>
      <c r="AIA120" s="26"/>
      <c r="AIB120" s="26"/>
      <c r="AIC120" s="26"/>
      <c r="AID120" s="26"/>
      <c r="AIE120" s="26"/>
      <c r="AIF120" s="26"/>
      <c r="AIG120" s="26"/>
      <c r="AIH120" s="26"/>
      <c r="AII120" s="26"/>
      <c r="AIJ120" s="26"/>
      <c r="AIK120" s="26"/>
      <c r="AIL120" s="26"/>
      <c r="AIM120" s="26"/>
      <c r="AIN120" s="26"/>
      <c r="AIO120" s="26"/>
      <c r="AIP120" s="26"/>
      <c r="AIQ120" s="26"/>
      <c r="AIR120" s="26"/>
      <c r="AIS120" s="26"/>
      <c r="AIT120" s="26"/>
      <c r="AIU120" s="26"/>
      <c r="AIV120" s="26"/>
      <c r="AIW120" s="26"/>
      <c r="AIX120" s="26"/>
      <c r="AIY120" s="26"/>
      <c r="AIZ120" s="26"/>
      <c r="AJA120" s="26"/>
      <c r="AJB120" s="26"/>
      <c r="AJC120" s="26"/>
      <c r="AJD120" s="26"/>
      <c r="AJE120" s="26"/>
      <c r="AJF120" s="26"/>
      <c r="AJG120" s="26"/>
      <c r="AJH120" s="26"/>
      <c r="AJI120" s="26"/>
      <c r="AJJ120" s="26"/>
      <c r="AJK120" s="26"/>
      <c r="AJL120" s="26"/>
      <c r="AJM120" s="26"/>
      <c r="AJN120" s="26"/>
      <c r="AJO120" s="26"/>
      <c r="AJP120" s="26"/>
      <c r="AJQ120" s="26"/>
      <c r="AJR120" s="26"/>
      <c r="AJS120" s="26"/>
      <c r="AJT120" s="26"/>
      <c r="AJU120" s="26"/>
      <c r="AJV120" s="26"/>
      <c r="AJW120" s="26"/>
      <c r="AJX120" s="26"/>
      <c r="AJY120" s="26"/>
      <c r="AJZ120" s="26"/>
      <c r="AKA120" s="26"/>
      <c r="AKB120" s="26"/>
      <c r="AKC120" s="26"/>
      <c r="AKD120" s="26"/>
      <c r="AKE120" s="26"/>
      <c r="AKF120" s="26"/>
      <c r="AKG120" s="26"/>
      <c r="AKH120" s="26"/>
      <c r="AKI120" s="26"/>
      <c r="AKJ120" s="26"/>
      <c r="AKK120" s="26"/>
      <c r="AKL120" s="26"/>
      <c r="AKM120" s="26"/>
      <c r="AKN120" s="26"/>
      <c r="AKO120" s="26"/>
      <c r="AKP120" s="26"/>
      <c r="AKQ120" s="26"/>
      <c r="AKR120" s="26"/>
      <c r="AKS120" s="26"/>
      <c r="AKT120" s="26"/>
      <c r="AKU120" s="26"/>
      <c r="AKV120" s="26"/>
      <c r="AKW120" s="26"/>
      <c r="AKX120" s="26"/>
      <c r="AKY120" s="26"/>
      <c r="AKZ120" s="26"/>
      <c r="ALA120" s="26"/>
      <c r="ALB120" s="26"/>
      <c r="ALC120" s="26"/>
      <c r="ALD120" s="26"/>
      <c r="ALE120" s="26"/>
      <c r="ALF120" s="26"/>
      <c r="ALG120" s="26"/>
      <c r="ALH120" s="26"/>
      <c r="ALI120" s="26"/>
      <c r="ALJ120" s="26"/>
      <c r="ALK120" s="26"/>
      <c r="ALL120" s="26"/>
      <c r="ALM120" s="26"/>
      <c r="ALN120" s="26"/>
      <c r="ALO120" s="26"/>
      <c r="ALP120" s="26"/>
      <c r="ALQ120" s="26"/>
      <c r="ALR120" s="26"/>
      <c r="ALS120" s="26"/>
      <c r="ALT120" s="26"/>
      <c r="ALU120" s="26"/>
      <c r="ALV120" s="26"/>
      <c r="ALW120" s="26"/>
      <c r="ALX120" s="26"/>
      <c r="ALY120" s="26"/>
      <c r="ALZ120" s="26"/>
      <c r="AMA120" s="26"/>
      <c r="AMB120" s="26"/>
      <c r="AMC120" s="26"/>
      <c r="AMD120" s="26"/>
      <c r="AME120" s="26"/>
      <c r="AMF120" s="26"/>
      <c r="AMG120" s="26"/>
      <c r="AMH120" s="26"/>
      <c r="AMI120" s="26"/>
      <c r="AMJ120" s="26"/>
      <c r="AMK120" s="26"/>
      <c r="AML120" s="26"/>
      <c r="AMM120" s="26"/>
      <c r="AMN120" s="26"/>
      <c r="AMO120" s="26"/>
      <c r="AMP120" s="26"/>
      <c r="AMQ120" s="26"/>
      <c r="AMR120" s="26"/>
      <c r="AMS120" s="26"/>
      <c r="AMT120" s="26"/>
      <c r="AMU120" s="26"/>
      <c r="AMV120" s="26"/>
      <c r="AMW120" s="26"/>
      <c r="AMX120" s="26"/>
      <c r="AMY120" s="26"/>
      <c r="AMZ120" s="26"/>
      <c r="ANA120" s="26"/>
      <c r="ANB120" s="26"/>
      <c r="ANC120" s="26"/>
      <c r="AND120" s="26"/>
      <c r="ANE120" s="26"/>
      <c r="ANF120" s="26"/>
      <c r="ANG120" s="26"/>
      <c r="ANH120" s="26"/>
      <c r="ANI120" s="26"/>
      <c r="ANJ120" s="26"/>
      <c r="ANK120" s="26"/>
      <c r="ANL120" s="26"/>
      <c r="ANM120" s="26"/>
      <c r="ANN120" s="26"/>
      <c r="ANO120" s="26"/>
      <c r="ANP120" s="26"/>
      <c r="ANQ120" s="26"/>
      <c r="ANR120" s="26"/>
      <c r="ANS120" s="26"/>
      <c r="ANT120" s="26"/>
      <c r="ANU120" s="26"/>
      <c r="ANV120" s="26"/>
      <c r="ANW120" s="26"/>
      <c r="ANX120" s="26"/>
      <c r="ANY120" s="26"/>
      <c r="ANZ120" s="26"/>
      <c r="AOA120" s="26"/>
      <c r="AOB120" s="26"/>
      <c r="AOC120" s="26"/>
      <c r="AOD120" s="26"/>
      <c r="AOE120" s="26"/>
      <c r="AOF120" s="26"/>
      <c r="AOG120" s="26"/>
      <c r="AOH120" s="26"/>
      <c r="AOI120" s="26"/>
      <c r="AOJ120" s="26"/>
      <c r="AOK120" s="26"/>
      <c r="AOL120" s="26"/>
      <c r="AOM120" s="26"/>
      <c r="AON120" s="26"/>
      <c r="AOO120" s="26"/>
      <c r="AOP120" s="26"/>
      <c r="AOQ120" s="26"/>
      <c r="AOR120" s="26"/>
      <c r="AOS120" s="26"/>
      <c r="AOT120" s="26"/>
      <c r="AOU120" s="26"/>
      <c r="AOV120" s="26"/>
      <c r="AOW120" s="26"/>
      <c r="AOX120" s="26"/>
      <c r="AOY120" s="26"/>
      <c r="AOZ120" s="26"/>
      <c r="APA120" s="26"/>
      <c r="APB120" s="26"/>
      <c r="APC120" s="26"/>
      <c r="APD120" s="26"/>
      <c r="APE120" s="26"/>
      <c r="APF120" s="26"/>
      <c r="APG120" s="26"/>
      <c r="APH120" s="26"/>
      <c r="API120" s="26"/>
      <c r="APJ120" s="26"/>
      <c r="APK120" s="26"/>
      <c r="APL120" s="26"/>
      <c r="APM120" s="26"/>
      <c r="APN120" s="26"/>
      <c r="APO120" s="26"/>
      <c r="APP120" s="26"/>
      <c r="APQ120" s="26"/>
      <c r="APR120" s="26"/>
      <c r="APS120" s="26"/>
      <c r="APT120" s="26"/>
      <c r="APU120" s="26"/>
      <c r="APV120" s="26"/>
      <c r="APW120" s="26"/>
      <c r="APX120" s="26"/>
      <c r="APY120" s="26"/>
      <c r="APZ120" s="26"/>
      <c r="AQA120" s="26"/>
      <c r="AQB120" s="26"/>
      <c r="AQC120" s="26"/>
      <c r="AQD120" s="26"/>
      <c r="AQE120" s="26"/>
      <c r="AQF120" s="26"/>
      <c r="AQG120" s="26"/>
      <c r="AQH120" s="26"/>
      <c r="AQI120" s="26"/>
      <c r="AQJ120" s="26"/>
      <c r="AQK120" s="26"/>
      <c r="AQL120" s="26"/>
      <c r="AQM120" s="26"/>
      <c r="AQN120" s="26"/>
      <c r="AQO120" s="26"/>
      <c r="AQP120" s="26"/>
      <c r="AQQ120" s="26"/>
      <c r="AQR120" s="26"/>
      <c r="AQS120" s="26"/>
      <c r="AQT120" s="26"/>
      <c r="AQU120" s="26"/>
      <c r="AQV120" s="26"/>
      <c r="AQW120" s="26"/>
      <c r="AQX120" s="26"/>
      <c r="AQY120" s="26"/>
      <c r="AQZ120" s="26"/>
      <c r="ARA120" s="26"/>
      <c r="ARB120" s="26"/>
      <c r="ARC120" s="26"/>
      <c r="ARD120" s="26"/>
      <c r="ARE120" s="26"/>
      <c r="ARF120" s="26"/>
      <c r="ARG120" s="26"/>
      <c r="ARH120" s="26"/>
      <c r="ARI120" s="26"/>
      <c r="ARJ120" s="26"/>
      <c r="ARK120" s="26"/>
      <c r="ARL120" s="26"/>
      <c r="ARM120" s="26"/>
      <c r="ARN120" s="26"/>
      <c r="ARO120" s="26"/>
      <c r="ARP120" s="26"/>
      <c r="ARQ120" s="26"/>
      <c r="ARR120" s="26"/>
      <c r="ARS120" s="26"/>
      <c r="ART120" s="26"/>
      <c r="ARU120" s="26"/>
      <c r="ARV120" s="26"/>
      <c r="ARW120" s="26"/>
      <c r="ARX120" s="26"/>
      <c r="ARY120" s="26"/>
      <c r="ARZ120" s="26"/>
      <c r="ASA120" s="26"/>
      <c r="ASB120" s="26"/>
      <c r="ASC120" s="26"/>
      <c r="ASD120" s="26"/>
      <c r="ASE120" s="26"/>
      <c r="ASF120" s="26"/>
      <c r="ASG120" s="26"/>
      <c r="ASH120" s="26"/>
      <c r="ASI120" s="26"/>
      <c r="ASJ120" s="26"/>
      <c r="ASK120" s="26"/>
      <c r="ASL120" s="26"/>
      <c r="ASM120" s="26"/>
      <c r="ASN120" s="26"/>
      <c r="ASO120" s="26"/>
      <c r="ASP120" s="26"/>
      <c r="ASQ120" s="26"/>
      <c r="ASR120" s="26"/>
      <c r="ASS120" s="26"/>
      <c r="AST120" s="26"/>
      <c r="ASU120" s="26"/>
      <c r="ASV120" s="26"/>
      <c r="ASW120" s="26"/>
      <c r="ASX120" s="26"/>
      <c r="ASY120" s="26"/>
      <c r="ASZ120" s="26"/>
      <c r="ATA120" s="26"/>
      <c r="ATB120" s="26"/>
      <c r="ATC120" s="26"/>
      <c r="ATD120" s="26"/>
      <c r="ATE120" s="26"/>
      <c r="ATF120" s="26"/>
      <c r="ATG120" s="26"/>
      <c r="ATH120" s="26"/>
      <c r="ATI120" s="26"/>
      <c r="ATJ120" s="26"/>
      <c r="ATK120" s="26"/>
      <c r="ATL120" s="26"/>
      <c r="ATM120" s="26"/>
      <c r="ATN120" s="26"/>
      <c r="ATO120" s="26"/>
      <c r="ATP120" s="26"/>
      <c r="ATQ120" s="26"/>
      <c r="ATR120" s="26"/>
      <c r="ATS120" s="26"/>
      <c r="ATT120" s="26"/>
      <c r="ATU120" s="26"/>
      <c r="ATV120" s="26"/>
      <c r="ATW120" s="26"/>
      <c r="ATX120" s="26"/>
      <c r="ATY120" s="26"/>
      <c r="ATZ120" s="26"/>
      <c r="AUA120" s="26"/>
      <c r="AUB120" s="26"/>
      <c r="AUC120" s="26"/>
      <c r="AUD120" s="26"/>
      <c r="AUE120" s="26"/>
      <c r="AUF120" s="26"/>
      <c r="AUG120" s="26"/>
      <c r="AUH120" s="26"/>
      <c r="AUI120" s="26"/>
      <c r="AUJ120" s="26"/>
      <c r="AUK120" s="26"/>
      <c r="AUL120" s="26"/>
      <c r="AUM120" s="26"/>
      <c r="AUN120" s="26"/>
      <c r="AUO120" s="26"/>
      <c r="AUP120" s="26"/>
      <c r="AUQ120" s="26"/>
      <c r="AUR120" s="26"/>
      <c r="AUS120" s="26"/>
      <c r="AUT120" s="26"/>
      <c r="AUU120" s="26"/>
      <c r="AUV120" s="26"/>
      <c r="AUW120" s="26"/>
      <c r="AUX120" s="26"/>
      <c r="AUY120" s="26"/>
      <c r="AUZ120" s="26"/>
      <c r="AVA120" s="26"/>
      <c r="AVB120" s="26"/>
      <c r="AVC120" s="26"/>
      <c r="AVD120" s="26"/>
      <c r="AVE120" s="26"/>
      <c r="AVF120" s="26"/>
      <c r="AVG120" s="26"/>
      <c r="AVH120" s="26"/>
      <c r="AVI120" s="26"/>
      <c r="AVJ120" s="26"/>
      <c r="AVK120" s="26"/>
      <c r="AVL120" s="26"/>
      <c r="AVM120" s="26"/>
      <c r="AVN120" s="26"/>
      <c r="AVO120" s="26"/>
      <c r="AVP120" s="26"/>
      <c r="AVQ120" s="26"/>
      <c r="AVR120" s="26"/>
      <c r="AVS120" s="26"/>
      <c r="AVT120" s="26"/>
      <c r="AVU120" s="26"/>
      <c r="AVV120" s="26"/>
      <c r="AVW120" s="26"/>
      <c r="AVX120" s="26"/>
      <c r="AVY120" s="26"/>
      <c r="AVZ120" s="26"/>
      <c r="AWA120" s="26"/>
      <c r="AWB120" s="26"/>
      <c r="AWC120" s="26"/>
      <c r="AWD120" s="26"/>
      <c r="AWE120" s="26"/>
      <c r="AWF120" s="26"/>
      <c r="AWG120" s="26"/>
      <c r="AWH120" s="26"/>
      <c r="AWI120" s="26"/>
      <c r="AWJ120" s="26"/>
      <c r="AWK120" s="26"/>
      <c r="AWL120" s="26"/>
      <c r="AWM120" s="26"/>
      <c r="AWN120" s="26"/>
      <c r="AWO120" s="26"/>
      <c r="AWP120" s="26"/>
      <c r="AWQ120" s="26"/>
      <c r="AWR120" s="26"/>
      <c r="AWS120" s="26"/>
      <c r="AWT120" s="26"/>
      <c r="AWU120" s="26"/>
      <c r="AWV120" s="26"/>
      <c r="AWW120" s="26"/>
      <c r="AWX120" s="26"/>
      <c r="AWY120" s="26"/>
      <c r="AWZ120" s="26"/>
      <c r="AXA120" s="26"/>
      <c r="AXB120" s="26"/>
      <c r="AXC120" s="26"/>
      <c r="AXD120" s="26"/>
      <c r="AXE120" s="26"/>
      <c r="AXF120" s="26"/>
      <c r="AXG120" s="26"/>
      <c r="AXH120" s="26"/>
      <c r="AXI120" s="26"/>
      <c r="AXJ120" s="26"/>
      <c r="AXK120" s="26"/>
      <c r="AXL120" s="26"/>
      <c r="AXM120" s="26"/>
      <c r="AXN120" s="26"/>
      <c r="AXO120" s="26"/>
      <c r="AXP120" s="26"/>
      <c r="AXQ120" s="26"/>
      <c r="AXR120" s="26"/>
      <c r="AXS120" s="26"/>
      <c r="AXT120" s="26"/>
      <c r="AXU120" s="26"/>
      <c r="AXV120" s="26"/>
      <c r="AXW120" s="26"/>
      <c r="AXX120" s="26"/>
      <c r="AXY120" s="26"/>
      <c r="AXZ120" s="26"/>
      <c r="AYA120" s="26"/>
      <c r="AYB120" s="26"/>
      <c r="AYC120" s="26"/>
      <c r="AYD120" s="26"/>
      <c r="AYE120" s="26"/>
      <c r="AYF120" s="26"/>
      <c r="AYG120" s="26"/>
      <c r="AYH120" s="26"/>
      <c r="AYI120" s="26"/>
      <c r="AYJ120" s="26"/>
      <c r="AYK120" s="26"/>
      <c r="AYL120" s="26"/>
      <c r="AYM120" s="26"/>
      <c r="AYN120" s="26"/>
      <c r="AYO120" s="26"/>
      <c r="AYP120" s="26"/>
      <c r="AYQ120" s="26"/>
      <c r="AYR120" s="26"/>
      <c r="AYS120" s="26"/>
      <c r="AYT120" s="26"/>
      <c r="AYU120" s="26"/>
      <c r="AYV120" s="26"/>
      <c r="AYW120" s="26"/>
      <c r="AYX120" s="26"/>
      <c r="AYY120" s="26"/>
      <c r="AYZ120" s="26"/>
      <c r="AZA120" s="26"/>
      <c r="AZB120" s="26"/>
      <c r="AZC120" s="26"/>
      <c r="AZD120" s="26"/>
      <c r="AZE120" s="26"/>
      <c r="AZF120" s="26"/>
      <c r="AZG120" s="26"/>
      <c r="AZH120" s="26"/>
      <c r="AZI120" s="26"/>
      <c r="AZJ120" s="26"/>
      <c r="AZK120" s="26"/>
      <c r="AZL120" s="26"/>
      <c r="AZM120" s="26"/>
      <c r="AZN120" s="26"/>
      <c r="AZO120" s="26"/>
      <c r="AZP120" s="26"/>
      <c r="AZQ120" s="26"/>
      <c r="AZR120" s="26"/>
      <c r="AZS120" s="26"/>
      <c r="AZT120" s="26"/>
      <c r="AZU120" s="26"/>
      <c r="AZV120" s="26"/>
      <c r="AZW120" s="26"/>
      <c r="AZX120" s="26"/>
      <c r="AZY120" s="26"/>
      <c r="AZZ120" s="26"/>
      <c r="BAA120" s="26"/>
      <c r="BAB120" s="26"/>
      <c r="BAC120" s="26"/>
      <c r="BAD120" s="26"/>
      <c r="BAE120" s="26"/>
      <c r="BAF120" s="26"/>
      <c r="BAG120" s="26"/>
      <c r="BAH120" s="26"/>
      <c r="BAI120" s="26"/>
      <c r="BAJ120" s="26"/>
      <c r="BAK120" s="26"/>
      <c r="BAL120" s="26"/>
      <c r="BAM120" s="26"/>
      <c r="BAN120" s="26"/>
      <c r="BAO120" s="26"/>
      <c r="BAP120" s="26"/>
      <c r="BAQ120" s="26"/>
      <c r="BAR120" s="26"/>
      <c r="BAS120" s="26"/>
      <c r="BAT120" s="26"/>
      <c r="BAU120" s="26"/>
      <c r="BAV120" s="26"/>
      <c r="BAW120" s="26"/>
      <c r="BAX120" s="26"/>
      <c r="BAY120" s="26"/>
      <c r="BAZ120" s="26"/>
      <c r="BBA120" s="26"/>
      <c r="BBB120" s="26"/>
      <c r="BBC120" s="26"/>
      <c r="BBD120" s="26"/>
      <c r="BBE120" s="26"/>
      <c r="BBF120" s="26"/>
      <c r="BBG120" s="26"/>
      <c r="BBH120" s="26"/>
      <c r="BBI120" s="26"/>
      <c r="BBJ120" s="26"/>
      <c r="BBK120" s="26"/>
      <c r="BBL120" s="26"/>
      <c r="BBM120" s="26"/>
      <c r="BBN120" s="26"/>
      <c r="BBO120" s="26"/>
      <c r="BBP120" s="26"/>
      <c r="BBQ120" s="26"/>
      <c r="BBR120" s="26"/>
      <c r="BBS120" s="26"/>
      <c r="BBT120" s="26"/>
      <c r="BBU120" s="26"/>
      <c r="BBV120" s="26"/>
      <c r="BBW120" s="26"/>
      <c r="BBX120" s="26"/>
      <c r="BBY120" s="26"/>
      <c r="BBZ120" s="26"/>
      <c r="BCA120" s="26"/>
      <c r="BCB120" s="26"/>
      <c r="BCC120" s="26"/>
      <c r="BCD120" s="26"/>
      <c r="BCE120" s="26"/>
      <c r="BCF120" s="26"/>
      <c r="BCG120" s="26"/>
      <c r="BCH120" s="26"/>
      <c r="BCI120" s="26"/>
      <c r="BCJ120" s="26"/>
      <c r="BCK120" s="26"/>
      <c r="BCL120" s="26"/>
      <c r="BCM120" s="26"/>
      <c r="BCN120" s="26"/>
      <c r="BCO120" s="26"/>
      <c r="BCP120" s="26"/>
      <c r="BCQ120" s="26"/>
      <c r="BCR120" s="26"/>
      <c r="BCS120" s="26"/>
      <c r="BCT120" s="26"/>
      <c r="BCU120" s="26"/>
      <c r="BCV120" s="26"/>
      <c r="BCW120" s="26"/>
      <c r="BCX120" s="26"/>
      <c r="BCY120" s="26"/>
      <c r="BCZ120" s="26"/>
      <c r="BDA120" s="26"/>
      <c r="BDB120" s="26"/>
      <c r="BDC120" s="26"/>
      <c r="BDD120" s="26"/>
      <c r="BDE120" s="26"/>
      <c r="BDF120" s="26"/>
      <c r="BDG120" s="26"/>
      <c r="BDH120" s="26"/>
      <c r="BDI120" s="26"/>
      <c r="BDJ120" s="26"/>
      <c r="BDK120" s="26"/>
      <c r="BDL120" s="26"/>
      <c r="BDM120" s="26"/>
      <c r="BDN120" s="26"/>
      <c r="BDO120" s="26"/>
      <c r="BDP120" s="26"/>
      <c r="BDQ120" s="26"/>
      <c r="BDR120" s="26"/>
      <c r="BDS120" s="26"/>
      <c r="BDT120" s="26"/>
      <c r="BDU120" s="26"/>
      <c r="BDV120" s="26"/>
      <c r="BDW120" s="26"/>
      <c r="BDX120" s="26"/>
      <c r="BDY120" s="26"/>
      <c r="BDZ120" s="26"/>
      <c r="BEA120" s="26"/>
      <c r="BEB120" s="26"/>
      <c r="BEC120" s="26"/>
      <c r="BED120" s="26"/>
      <c r="BEE120" s="26"/>
      <c r="BEF120" s="26"/>
      <c r="BEG120" s="26"/>
      <c r="BEH120" s="26"/>
      <c r="BEI120" s="26"/>
      <c r="BEJ120" s="26"/>
      <c r="BEK120" s="26"/>
      <c r="BEL120" s="26"/>
      <c r="BEM120" s="26"/>
      <c r="BEN120" s="26"/>
      <c r="BEO120" s="26"/>
      <c r="BEP120" s="26"/>
      <c r="BEQ120" s="26"/>
      <c r="BER120" s="26"/>
      <c r="BES120" s="26"/>
      <c r="BET120" s="26"/>
      <c r="BEU120" s="26"/>
      <c r="BEV120" s="26"/>
      <c r="BEW120" s="26"/>
      <c r="BEX120" s="26"/>
      <c r="BEY120" s="26"/>
      <c r="BEZ120" s="26"/>
      <c r="BFA120" s="26"/>
      <c r="BFB120" s="26"/>
      <c r="BFC120" s="26"/>
      <c r="BFD120" s="26"/>
      <c r="BFE120" s="26"/>
      <c r="BFF120" s="26"/>
      <c r="BFG120" s="26"/>
      <c r="BFH120" s="26"/>
      <c r="BFI120" s="26"/>
      <c r="BFJ120" s="26"/>
      <c r="BFK120" s="26"/>
      <c r="BFL120" s="26"/>
      <c r="BFM120" s="26"/>
      <c r="BFN120" s="26"/>
      <c r="BFO120" s="26"/>
      <c r="BFP120" s="26"/>
      <c r="BFQ120" s="26"/>
      <c r="BFR120" s="26"/>
      <c r="BFS120" s="26"/>
      <c r="BFT120" s="26"/>
      <c r="BFU120" s="26"/>
      <c r="BFV120" s="26"/>
      <c r="BFW120" s="26"/>
      <c r="BFX120" s="26"/>
      <c r="BFY120" s="26"/>
      <c r="BFZ120" s="26"/>
      <c r="BGA120" s="26"/>
      <c r="BGB120" s="26"/>
      <c r="BGC120" s="26"/>
      <c r="BGD120" s="26"/>
      <c r="BGE120" s="26"/>
      <c r="BGF120" s="26"/>
      <c r="BGG120" s="26"/>
      <c r="BGH120" s="26"/>
      <c r="BGI120" s="26"/>
      <c r="BGJ120" s="26"/>
      <c r="BGK120" s="26"/>
      <c r="BGL120" s="26"/>
      <c r="BGM120" s="26"/>
      <c r="BGN120" s="26"/>
      <c r="BGO120" s="26"/>
      <c r="BGP120" s="26"/>
      <c r="BGQ120" s="26"/>
      <c r="BGR120" s="26"/>
      <c r="BGS120" s="26"/>
      <c r="BGT120" s="26"/>
      <c r="BGU120" s="26"/>
      <c r="BGV120" s="26"/>
      <c r="BGW120" s="26"/>
      <c r="BGX120" s="26"/>
      <c r="BGY120" s="26"/>
      <c r="BGZ120" s="26"/>
      <c r="BHA120" s="26"/>
      <c r="BHB120" s="26"/>
      <c r="BHC120" s="26"/>
      <c r="BHD120" s="26"/>
      <c r="BHE120" s="26"/>
      <c r="BHF120" s="26"/>
      <c r="BHG120" s="26"/>
      <c r="BHH120" s="26"/>
      <c r="BHI120" s="26"/>
      <c r="BHJ120" s="26"/>
      <c r="BHK120" s="26"/>
      <c r="BHL120" s="26"/>
      <c r="BHM120" s="26"/>
      <c r="BHN120" s="26"/>
      <c r="BHO120" s="26"/>
      <c r="BHP120" s="26"/>
      <c r="BHQ120" s="26"/>
      <c r="BHR120" s="26"/>
      <c r="BHS120" s="26"/>
      <c r="BHT120" s="26"/>
      <c r="BHU120" s="26"/>
      <c r="BHV120" s="26"/>
      <c r="BHW120" s="26"/>
      <c r="BHX120" s="26"/>
      <c r="BHY120" s="26"/>
      <c r="BHZ120" s="26"/>
      <c r="BIA120" s="26"/>
      <c r="BIB120" s="26"/>
      <c r="BIC120" s="26"/>
      <c r="BID120" s="26"/>
      <c r="BIE120" s="26"/>
      <c r="BIF120" s="26"/>
      <c r="BIG120" s="26"/>
      <c r="BIH120" s="26"/>
      <c r="BII120" s="26"/>
      <c r="BIJ120" s="26"/>
      <c r="BIK120" s="26"/>
      <c r="BIL120" s="26"/>
      <c r="BIM120" s="26"/>
      <c r="BIN120" s="26"/>
      <c r="BIO120" s="26"/>
      <c r="BIP120" s="26"/>
      <c r="BIQ120" s="26"/>
      <c r="BIR120" s="26"/>
      <c r="BIS120" s="26"/>
      <c r="BIT120" s="26"/>
      <c r="BIU120" s="26"/>
      <c r="BIV120" s="26"/>
      <c r="BIW120" s="26"/>
      <c r="BIX120" s="26"/>
      <c r="BIY120" s="26"/>
      <c r="BIZ120" s="26"/>
      <c r="BJA120" s="26"/>
      <c r="BJB120" s="26"/>
      <c r="BJC120" s="26"/>
      <c r="BJD120" s="26"/>
      <c r="BJE120" s="26"/>
      <c r="BJF120" s="26"/>
      <c r="BJG120" s="26"/>
      <c r="BJH120" s="26"/>
      <c r="BJI120" s="26"/>
      <c r="BJJ120" s="26"/>
      <c r="BJK120" s="26"/>
      <c r="BJL120" s="26"/>
      <c r="BJM120" s="26"/>
      <c r="BJN120" s="26"/>
      <c r="BJO120" s="26"/>
      <c r="BJP120" s="26"/>
      <c r="BJQ120" s="26"/>
      <c r="BJR120" s="26"/>
      <c r="BJS120" s="26"/>
      <c r="BJT120" s="26"/>
      <c r="BJU120" s="26"/>
      <c r="BJV120" s="26"/>
      <c r="BJW120" s="26"/>
      <c r="BJX120" s="26"/>
      <c r="BJY120" s="26"/>
      <c r="BJZ120" s="26"/>
      <c r="BKA120" s="26"/>
      <c r="BKB120" s="26"/>
      <c r="BKC120" s="26"/>
      <c r="BKD120" s="26"/>
      <c r="BKE120" s="26"/>
      <c r="BKF120" s="26"/>
      <c r="BKG120" s="26"/>
      <c r="BKH120" s="26"/>
      <c r="BKI120" s="26"/>
      <c r="BKJ120" s="26"/>
      <c r="BKK120" s="26"/>
      <c r="BKL120" s="26"/>
      <c r="BKM120" s="26"/>
      <c r="BKN120" s="26"/>
      <c r="BKO120" s="26"/>
      <c r="BKP120" s="26"/>
      <c r="BKQ120" s="26"/>
      <c r="BKR120" s="26"/>
      <c r="BKS120" s="26"/>
      <c r="BKT120" s="26"/>
      <c r="BKU120" s="26"/>
      <c r="BKV120" s="26"/>
      <c r="BKW120" s="26"/>
      <c r="BKX120" s="26"/>
      <c r="BKY120" s="26"/>
      <c r="BKZ120" s="26"/>
      <c r="BLA120" s="26"/>
      <c r="BLB120" s="26"/>
      <c r="BLC120" s="26"/>
      <c r="BLD120" s="26"/>
      <c r="BLE120" s="26"/>
      <c r="BLF120" s="26"/>
      <c r="BLG120" s="26"/>
      <c r="BLH120" s="26"/>
      <c r="BLI120" s="26"/>
      <c r="BLJ120" s="26"/>
      <c r="BLK120" s="26"/>
      <c r="BLL120" s="26"/>
      <c r="BLM120" s="26"/>
      <c r="BLN120" s="26"/>
      <c r="BLO120" s="26"/>
      <c r="BLP120" s="26"/>
      <c r="BLQ120" s="26"/>
      <c r="BLR120" s="26"/>
      <c r="BLS120" s="26"/>
      <c r="BLT120" s="26"/>
      <c r="BLU120" s="26"/>
      <c r="BLV120" s="26"/>
      <c r="BLW120" s="26"/>
      <c r="BLX120" s="26"/>
      <c r="BLY120" s="26"/>
      <c r="BLZ120" s="26"/>
      <c r="BMA120" s="26"/>
      <c r="BMB120" s="26"/>
      <c r="BMC120" s="26"/>
      <c r="BMD120" s="26"/>
      <c r="BME120" s="26"/>
      <c r="BMF120" s="26"/>
      <c r="BMG120" s="26"/>
      <c r="BMH120" s="26"/>
      <c r="BMI120" s="26"/>
      <c r="BMJ120" s="26"/>
      <c r="BMK120" s="26"/>
      <c r="BML120" s="26"/>
      <c r="BMM120" s="26"/>
      <c r="BMN120" s="26"/>
      <c r="BMO120" s="26"/>
      <c r="BMP120" s="26"/>
      <c r="BMQ120" s="26"/>
      <c r="BMR120" s="26"/>
      <c r="BMS120" s="26"/>
      <c r="BMT120" s="26"/>
      <c r="BMU120" s="26"/>
      <c r="BMV120" s="26"/>
      <c r="BMW120" s="26"/>
      <c r="BMX120" s="26"/>
      <c r="BMY120" s="26"/>
      <c r="BMZ120" s="26"/>
      <c r="BNA120" s="26"/>
      <c r="BNB120" s="26"/>
      <c r="BNC120" s="26"/>
      <c r="BND120" s="26"/>
      <c r="BNE120" s="26"/>
      <c r="BNF120" s="26"/>
      <c r="BNG120" s="26"/>
      <c r="BNH120" s="26"/>
      <c r="BNI120" s="26"/>
      <c r="BNJ120" s="26"/>
      <c r="BNK120" s="26"/>
      <c r="BNL120" s="26"/>
      <c r="BNM120" s="26"/>
      <c r="BNN120" s="26"/>
      <c r="BNO120" s="26"/>
      <c r="BNP120" s="26"/>
      <c r="BNQ120" s="26"/>
      <c r="BNR120" s="26"/>
      <c r="BNS120" s="26"/>
      <c r="BNT120" s="26"/>
      <c r="BNU120" s="26"/>
      <c r="BNV120" s="26"/>
      <c r="BNW120" s="26"/>
      <c r="BNX120" s="26"/>
      <c r="BNY120" s="26"/>
      <c r="BNZ120" s="26"/>
      <c r="BOA120" s="26"/>
      <c r="BOB120" s="26"/>
      <c r="BOC120" s="26"/>
      <c r="BOD120" s="26"/>
      <c r="BOE120" s="26"/>
      <c r="BOF120" s="26"/>
      <c r="BOG120" s="26"/>
      <c r="BOH120" s="26"/>
      <c r="BOI120" s="26"/>
      <c r="BOJ120" s="26"/>
      <c r="BOK120" s="26"/>
      <c r="BOL120" s="26"/>
      <c r="BOM120" s="26"/>
      <c r="BON120" s="26"/>
      <c r="BOO120" s="26"/>
      <c r="BOP120" s="26"/>
      <c r="BOQ120" s="26"/>
      <c r="BOR120" s="26"/>
      <c r="BOS120" s="26"/>
      <c r="BOT120" s="26"/>
      <c r="BOU120" s="26"/>
      <c r="BOV120" s="26"/>
      <c r="BOW120" s="26"/>
      <c r="BOX120" s="26"/>
      <c r="BOY120" s="26"/>
      <c r="BOZ120" s="26"/>
      <c r="BPA120" s="26"/>
      <c r="BPB120" s="26"/>
      <c r="BPC120" s="26"/>
      <c r="BPD120" s="26"/>
      <c r="BPE120" s="26"/>
      <c r="BPF120" s="26"/>
      <c r="BPG120" s="26"/>
      <c r="BPH120" s="26"/>
      <c r="BPI120" s="26"/>
      <c r="BPJ120" s="26"/>
      <c r="BPK120" s="26"/>
      <c r="BPL120" s="26"/>
      <c r="BPM120" s="26"/>
      <c r="BPN120" s="26"/>
      <c r="BPO120" s="26"/>
      <c r="BPP120" s="26"/>
      <c r="BPQ120" s="26"/>
      <c r="BPR120" s="26"/>
      <c r="BPS120" s="26"/>
      <c r="BPT120" s="26"/>
      <c r="BPU120" s="26"/>
      <c r="BPV120" s="26"/>
      <c r="BPW120" s="26"/>
      <c r="BPX120" s="26"/>
      <c r="BPY120" s="26"/>
      <c r="BPZ120" s="26"/>
      <c r="BQA120" s="26"/>
      <c r="BQB120" s="26"/>
      <c r="BQC120" s="26"/>
      <c r="BQD120" s="26"/>
      <c r="BQE120" s="26"/>
      <c r="BQF120" s="26"/>
      <c r="BQG120" s="26"/>
      <c r="BQH120" s="26"/>
      <c r="BQI120" s="26"/>
      <c r="BQJ120" s="26"/>
      <c r="BQK120" s="26"/>
      <c r="BQL120" s="26"/>
      <c r="BQM120" s="26"/>
      <c r="BQN120" s="26"/>
      <c r="BQO120" s="26"/>
      <c r="BQP120" s="26"/>
      <c r="BQQ120" s="26"/>
      <c r="BQR120" s="26"/>
      <c r="BQS120" s="26"/>
      <c r="BQT120" s="26"/>
      <c r="BQU120" s="26"/>
      <c r="BQV120" s="26"/>
      <c r="BQW120" s="26"/>
      <c r="BQX120" s="26"/>
      <c r="BQY120" s="26"/>
      <c r="BQZ120" s="26"/>
      <c r="BRA120" s="26"/>
      <c r="BRB120" s="26"/>
      <c r="BRC120" s="26"/>
      <c r="BRD120" s="26"/>
      <c r="BRE120" s="26"/>
      <c r="BRF120" s="26"/>
      <c r="BRG120" s="26"/>
      <c r="BRH120" s="26"/>
      <c r="BRI120" s="26"/>
      <c r="BRJ120" s="26"/>
      <c r="BRK120" s="26"/>
      <c r="BRL120" s="26"/>
      <c r="BRM120" s="26"/>
      <c r="BRN120" s="26"/>
      <c r="BRO120" s="26"/>
      <c r="BRP120" s="26"/>
      <c r="BRQ120" s="26"/>
      <c r="BRR120" s="26"/>
      <c r="BRS120" s="26"/>
      <c r="BRT120" s="26"/>
      <c r="BRU120" s="26"/>
      <c r="BRV120" s="26"/>
      <c r="BRW120" s="26"/>
      <c r="BRX120" s="26"/>
      <c r="BRY120" s="26"/>
      <c r="BRZ120" s="26"/>
      <c r="BSA120" s="26"/>
      <c r="BSB120" s="26"/>
      <c r="BSC120" s="26"/>
      <c r="BSD120" s="26"/>
      <c r="BSE120" s="26"/>
      <c r="BSF120" s="26"/>
      <c r="BSG120" s="26"/>
      <c r="BSH120" s="26"/>
      <c r="BSI120" s="26"/>
      <c r="BSJ120" s="26"/>
      <c r="BSK120" s="26"/>
      <c r="BSL120" s="26"/>
      <c r="BSM120" s="26"/>
      <c r="BSN120" s="26"/>
      <c r="BSO120" s="26"/>
      <c r="BSP120" s="26"/>
      <c r="BSQ120" s="26"/>
      <c r="BSR120" s="26"/>
      <c r="BSS120" s="26"/>
      <c r="BST120" s="26"/>
      <c r="BSU120" s="26"/>
      <c r="BSV120" s="26"/>
      <c r="BSW120" s="26"/>
      <c r="BSX120" s="26"/>
      <c r="BSY120" s="26"/>
      <c r="BSZ120" s="26"/>
      <c r="BTA120" s="26"/>
      <c r="BTB120" s="26"/>
      <c r="BTC120" s="26"/>
      <c r="BTD120" s="26"/>
      <c r="BTE120" s="26"/>
      <c r="BTF120" s="26"/>
      <c r="BTG120" s="26"/>
      <c r="BTH120" s="26"/>
      <c r="BTI120" s="26"/>
      <c r="BTJ120" s="26"/>
      <c r="BTK120" s="26"/>
      <c r="BTL120" s="26"/>
      <c r="BTM120" s="26"/>
      <c r="BTN120" s="26"/>
      <c r="BTO120" s="26"/>
      <c r="BTP120" s="26"/>
      <c r="BTQ120" s="26"/>
      <c r="BTR120" s="26"/>
      <c r="BTS120" s="26"/>
      <c r="BTT120" s="26"/>
      <c r="BTU120" s="26"/>
      <c r="BTV120" s="26"/>
      <c r="BTW120" s="26"/>
      <c r="BTX120" s="26"/>
      <c r="BTY120" s="26"/>
      <c r="BTZ120" s="26"/>
      <c r="BUA120" s="26"/>
      <c r="BUB120" s="26"/>
      <c r="BUC120" s="26"/>
      <c r="BUD120" s="26"/>
      <c r="BUE120" s="26"/>
      <c r="BUF120" s="26"/>
      <c r="BUG120" s="26"/>
      <c r="BUH120" s="26"/>
      <c r="BUI120" s="26"/>
      <c r="BUJ120" s="26"/>
      <c r="BUK120" s="26"/>
      <c r="BUL120" s="26"/>
      <c r="BUM120" s="26"/>
      <c r="BUN120" s="26"/>
      <c r="BUO120" s="26"/>
      <c r="BUP120" s="26"/>
      <c r="BUQ120" s="26"/>
      <c r="BUR120" s="26"/>
      <c r="BUS120" s="26"/>
      <c r="BUT120" s="26"/>
      <c r="BUU120" s="26"/>
      <c r="BUV120" s="26"/>
      <c r="BUW120" s="26"/>
      <c r="BUX120" s="26"/>
      <c r="BUY120" s="26"/>
      <c r="BUZ120" s="26"/>
      <c r="BVA120" s="26"/>
      <c r="BVB120" s="26"/>
      <c r="BVC120" s="26"/>
      <c r="BVD120" s="26"/>
      <c r="BVE120" s="26"/>
      <c r="BVF120" s="26"/>
      <c r="BVG120" s="26"/>
      <c r="BVH120" s="26"/>
      <c r="BVI120" s="26"/>
      <c r="BVJ120" s="26"/>
      <c r="BVK120" s="26"/>
      <c r="BVL120" s="26"/>
      <c r="BVM120" s="26"/>
      <c r="BVN120" s="26"/>
      <c r="BVO120" s="26"/>
      <c r="BVP120" s="26"/>
      <c r="BVQ120" s="26"/>
      <c r="BVR120" s="26"/>
      <c r="BVS120" s="26"/>
      <c r="BVT120" s="26"/>
      <c r="BVU120" s="26"/>
      <c r="BVV120" s="26"/>
      <c r="BVW120" s="26"/>
      <c r="BVX120" s="26"/>
      <c r="BVY120" s="26"/>
      <c r="BVZ120" s="26"/>
      <c r="BWA120" s="26"/>
      <c r="BWB120" s="26"/>
      <c r="BWC120" s="26"/>
      <c r="BWD120" s="26"/>
      <c r="BWE120" s="26"/>
      <c r="BWF120" s="26"/>
      <c r="BWG120" s="26"/>
      <c r="BWH120" s="26"/>
      <c r="BWI120" s="26"/>
      <c r="BWJ120" s="26"/>
      <c r="BWK120" s="26"/>
      <c r="BWL120" s="26"/>
      <c r="BWM120" s="26"/>
      <c r="BWN120" s="26"/>
      <c r="BWO120" s="26"/>
      <c r="BWP120" s="26"/>
      <c r="BWQ120" s="26"/>
      <c r="BWR120" s="26"/>
      <c r="BWS120" s="26"/>
      <c r="BWT120" s="26"/>
      <c r="BWU120" s="26"/>
      <c r="BWV120" s="26"/>
      <c r="BWW120" s="26"/>
      <c r="BWX120" s="26"/>
      <c r="BWY120" s="26"/>
      <c r="BWZ120" s="26"/>
      <c r="BXA120" s="26"/>
      <c r="BXB120" s="26"/>
      <c r="BXC120" s="26"/>
      <c r="BXD120" s="26"/>
      <c r="BXE120" s="26"/>
      <c r="BXF120" s="26"/>
      <c r="BXG120" s="26"/>
      <c r="BXH120" s="26"/>
      <c r="BXI120" s="26"/>
      <c r="BXJ120" s="26"/>
      <c r="BXK120" s="26"/>
      <c r="BXL120" s="26"/>
      <c r="BXM120" s="26"/>
      <c r="BXN120" s="26"/>
      <c r="BXO120" s="26"/>
      <c r="BXP120" s="26"/>
      <c r="BXQ120" s="26"/>
      <c r="BXR120" s="26"/>
      <c r="BXS120" s="26"/>
      <c r="BXT120" s="26"/>
      <c r="BXU120" s="26"/>
      <c r="BXV120" s="26"/>
      <c r="BXW120" s="26"/>
      <c r="BXX120" s="26"/>
      <c r="BXY120" s="26"/>
      <c r="BXZ120" s="26"/>
      <c r="BYA120" s="26"/>
      <c r="BYB120" s="26"/>
      <c r="BYC120" s="26"/>
      <c r="BYD120" s="26"/>
      <c r="BYE120" s="26"/>
      <c r="BYF120" s="26"/>
      <c r="BYG120" s="26"/>
      <c r="BYH120" s="26"/>
      <c r="BYI120" s="26"/>
      <c r="BYJ120" s="26"/>
      <c r="BYK120" s="26"/>
      <c r="BYL120" s="26"/>
      <c r="BYM120" s="26"/>
      <c r="BYN120" s="26"/>
      <c r="BYO120" s="26"/>
      <c r="BYP120" s="26"/>
      <c r="BYQ120" s="26"/>
      <c r="BYR120" s="26"/>
      <c r="BYS120" s="26"/>
      <c r="BYT120" s="26"/>
      <c r="BYU120" s="26"/>
      <c r="BYV120" s="26"/>
      <c r="BYW120" s="26"/>
      <c r="BYX120" s="26"/>
      <c r="BYY120" s="26"/>
      <c r="BYZ120" s="26"/>
      <c r="BZA120" s="26"/>
      <c r="BZB120" s="26"/>
      <c r="BZC120" s="26"/>
      <c r="BZD120" s="26"/>
      <c r="BZE120" s="26"/>
      <c r="BZF120" s="26"/>
      <c r="BZG120" s="26"/>
      <c r="BZH120" s="26"/>
      <c r="BZI120" s="26"/>
      <c r="BZJ120" s="26"/>
      <c r="BZK120" s="26"/>
      <c r="BZL120" s="26"/>
      <c r="BZM120" s="26"/>
      <c r="BZN120" s="26"/>
      <c r="BZO120" s="26"/>
      <c r="BZP120" s="26"/>
      <c r="BZQ120" s="26"/>
      <c r="BZR120" s="26"/>
      <c r="BZS120" s="26"/>
      <c r="BZT120" s="26"/>
      <c r="BZU120" s="26"/>
      <c r="BZV120" s="26"/>
      <c r="BZW120" s="26"/>
      <c r="BZX120" s="26"/>
      <c r="BZY120" s="26"/>
      <c r="BZZ120" s="26"/>
      <c r="CAA120" s="26"/>
      <c r="CAB120" s="26"/>
      <c r="CAC120" s="26"/>
      <c r="CAD120" s="26"/>
      <c r="CAE120" s="26"/>
      <c r="CAF120" s="26"/>
      <c r="CAG120" s="26"/>
      <c r="CAH120" s="26"/>
      <c r="CAI120" s="26"/>
      <c r="CAJ120" s="26"/>
      <c r="CAK120" s="26"/>
      <c r="CAL120" s="26"/>
      <c r="CAM120" s="26"/>
      <c r="CAN120" s="26"/>
      <c r="CAO120" s="26"/>
      <c r="CAP120" s="26"/>
      <c r="CAQ120" s="26"/>
      <c r="CAR120" s="26"/>
      <c r="CAS120" s="26"/>
      <c r="CAT120" s="26"/>
      <c r="CAU120" s="26"/>
      <c r="CAV120" s="26"/>
      <c r="CAW120" s="26"/>
      <c r="CAX120" s="26"/>
      <c r="CAY120" s="26"/>
      <c r="CAZ120" s="26"/>
      <c r="CBA120" s="26"/>
      <c r="CBB120" s="26"/>
      <c r="CBC120" s="26"/>
      <c r="CBD120" s="26"/>
      <c r="CBE120" s="26"/>
      <c r="CBF120" s="26"/>
      <c r="CBG120" s="26"/>
      <c r="CBH120" s="26"/>
      <c r="CBI120" s="26"/>
      <c r="CBJ120" s="26"/>
      <c r="CBK120" s="26"/>
      <c r="CBL120" s="26"/>
      <c r="CBM120" s="26"/>
      <c r="CBN120" s="26"/>
      <c r="CBO120" s="26"/>
      <c r="CBP120" s="26"/>
      <c r="CBQ120" s="26"/>
      <c r="CBR120" s="26"/>
      <c r="CBS120" s="26"/>
      <c r="CBT120" s="26"/>
      <c r="CBU120" s="26"/>
      <c r="CBV120" s="26"/>
      <c r="CBW120" s="26"/>
      <c r="CBX120" s="26"/>
      <c r="CBY120" s="26"/>
      <c r="CBZ120" s="26"/>
      <c r="CCA120" s="26"/>
      <c r="CCB120" s="26"/>
      <c r="CCC120" s="26"/>
      <c r="CCD120" s="26"/>
      <c r="CCE120" s="26"/>
      <c r="CCF120" s="26"/>
      <c r="CCG120" s="26"/>
      <c r="CCH120" s="26"/>
      <c r="CCI120" s="26"/>
      <c r="CCJ120" s="26"/>
      <c r="CCK120" s="26"/>
      <c r="CCL120" s="26"/>
      <c r="CCM120" s="26"/>
      <c r="CCN120" s="26"/>
      <c r="CCO120" s="26"/>
      <c r="CCP120" s="26"/>
      <c r="CCQ120" s="26"/>
      <c r="CCR120" s="26"/>
      <c r="CCS120" s="26"/>
      <c r="CCT120" s="26"/>
      <c r="CCU120" s="26"/>
      <c r="CCV120" s="26"/>
      <c r="CCW120" s="26"/>
      <c r="CCX120" s="26"/>
      <c r="CCY120" s="26"/>
      <c r="CCZ120" s="26"/>
      <c r="CDA120" s="26"/>
      <c r="CDB120" s="26"/>
      <c r="CDC120" s="26"/>
      <c r="CDD120" s="26"/>
      <c r="CDE120" s="26"/>
      <c r="CDF120" s="26"/>
      <c r="CDG120" s="26"/>
      <c r="CDH120" s="26"/>
      <c r="CDI120" s="26"/>
      <c r="CDJ120" s="26"/>
      <c r="CDK120" s="26"/>
      <c r="CDL120" s="26"/>
      <c r="CDM120" s="26"/>
      <c r="CDN120" s="26"/>
      <c r="CDO120" s="26"/>
      <c r="CDP120" s="26"/>
      <c r="CDQ120" s="26"/>
      <c r="CDR120" s="26"/>
      <c r="CDS120" s="26"/>
      <c r="CDT120" s="26"/>
      <c r="CDU120" s="26"/>
      <c r="CDV120" s="26"/>
      <c r="CDW120" s="26"/>
      <c r="CDX120" s="26"/>
      <c r="CDY120" s="26"/>
      <c r="CDZ120" s="26"/>
      <c r="CEA120" s="26"/>
      <c r="CEB120" s="26"/>
      <c r="CEC120" s="26"/>
      <c r="CED120" s="26"/>
      <c r="CEE120" s="26"/>
      <c r="CEF120" s="26"/>
      <c r="CEG120" s="26"/>
      <c r="CEH120" s="26"/>
      <c r="CEI120" s="26"/>
      <c r="CEJ120" s="26"/>
      <c r="CEK120" s="26"/>
      <c r="CEL120" s="26"/>
      <c r="CEM120" s="26"/>
      <c r="CEN120" s="26"/>
      <c r="CEO120" s="26"/>
      <c r="CEP120" s="26"/>
      <c r="CEQ120" s="26"/>
      <c r="CER120" s="26"/>
      <c r="CES120" s="26"/>
      <c r="CET120" s="26"/>
      <c r="CEU120" s="26"/>
      <c r="CEV120" s="26"/>
      <c r="CEW120" s="26"/>
      <c r="CEX120" s="26"/>
      <c r="CEY120" s="26"/>
      <c r="CEZ120" s="26"/>
      <c r="CFA120" s="26"/>
      <c r="CFB120" s="26"/>
      <c r="CFC120" s="26"/>
      <c r="CFD120" s="26"/>
      <c r="CFE120" s="26"/>
      <c r="CFF120" s="26"/>
      <c r="CFG120" s="26"/>
      <c r="CFH120" s="26"/>
      <c r="CFI120" s="26"/>
      <c r="CFJ120" s="26"/>
      <c r="CFK120" s="26"/>
      <c r="CFL120" s="26"/>
      <c r="CFM120" s="26"/>
      <c r="CFN120" s="26"/>
      <c r="CFO120" s="26"/>
      <c r="CFP120" s="26"/>
      <c r="CFQ120" s="26"/>
      <c r="CFR120" s="26"/>
      <c r="CFS120" s="26"/>
      <c r="CFT120" s="26"/>
      <c r="CFU120" s="26"/>
      <c r="CFV120" s="26"/>
      <c r="CFW120" s="26"/>
      <c r="CFX120" s="26"/>
      <c r="CFY120" s="26"/>
      <c r="CFZ120" s="26"/>
      <c r="CGA120" s="26"/>
      <c r="CGB120" s="26"/>
      <c r="CGC120" s="26"/>
      <c r="CGD120" s="26"/>
      <c r="CGE120" s="26"/>
      <c r="CGF120" s="26"/>
      <c r="CGG120" s="26"/>
      <c r="CGH120" s="26"/>
      <c r="CGI120" s="26"/>
      <c r="CGJ120" s="26"/>
      <c r="CGK120" s="26"/>
      <c r="CGL120" s="26"/>
      <c r="CGM120" s="26"/>
      <c r="CGN120" s="26"/>
      <c r="CGO120" s="26"/>
      <c r="CGP120" s="26"/>
      <c r="CGQ120" s="26"/>
      <c r="CGR120" s="26"/>
      <c r="CGS120" s="26"/>
      <c r="CGT120" s="26"/>
      <c r="CGU120" s="26"/>
      <c r="CGV120" s="26"/>
      <c r="CGW120" s="26"/>
      <c r="CGX120" s="26"/>
      <c r="CGY120" s="26"/>
      <c r="CGZ120" s="26"/>
      <c r="CHA120" s="26"/>
      <c r="CHB120" s="26"/>
      <c r="CHC120" s="26"/>
      <c r="CHD120" s="26"/>
      <c r="CHE120" s="26"/>
      <c r="CHF120" s="26"/>
      <c r="CHG120" s="26"/>
      <c r="CHH120" s="26"/>
      <c r="CHI120" s="26"/>
      <c r="CHJ120" s="26"/>
      <c r="CHK120" s="26"/>
      <c r="CHL120" s="26"/>
      <c r="CHM120" s="26"/>
      <c r="CHN120" s="26"/>
      <c r="CHO120" s="26"/>
      <c r="CHP120" s="26"/>
      <c r="CHQ120" s="26"/>
      <c r="CHR120" s="26"/>
      <c r="CHS120" s="26"/>
      <c r="CHT120" s="26"/>
      <c r="CHU120" s="26"/>
      <c r="CHV120" s="26"/>
      <c r="CHW120" s="26"/>
      <c r="CHX120" s="26"/>
      <c r="CHY120" s="26"/>
      <c r="CHZ120" s="26"/>
      <c r="CIA120" s="26"/>
      <c r="CIB120" s="26"/>
      <c r="CIC120" s="26"/>
      <c r="CID120" s="26"/>
      <c r="CIE120" s="26"/>
      <c r="CIF120" s="26"/>
      <c r="CIG120" s="26"/>
      <c r="CIH120" s="26"/>
      <c r="CII120" s="26"/>
      <c r="CIJ120" s="26"/>
      <c r="CIK120" s="26"/>
      <c r="CIL120" s="26"/>
      <c r="CIM120" s="26"/>
      <c r="CIN120" s="26"/>
      <c r="CIO120" s="26"/>
      <c r="CIP120" s="26"/>
      <c r="CIQ120" s="26"/>
      <c r="CIR120" s="26"/>
      <c r="CIS120" s="26"/>
      <c r="CIT120" s="26"/>
      <c r="CIU120" s="26"/>
      <c r="CIV120" s="26"/>
      <c r="CIW120" s="26"/>
      <c r="CIX120" s="26"/>
      <c r="CIY120" s="26"/>
      <c r="CIZ120" s="26"/>
      <c r="CJA120" s="26"/>
      <c r="CJB120" s="26"/>
      <c r="CJC120" s="26"/>
      <c r="CJD120" s="26"/>
      <c r="CJE120" s="26"/>
      <c r="CJF120" s="26"/>
      <c r="CJG120" s="26"/>
      <c r="CJH120" s="26"/>
      <c r="CJI120" s="26"/>
      <c r="CJJ120" s="26"/>
      <c r="CJK120" s="26"/>
      <c r="CJL120" s="26"/>
      <c r="CJM120" s="26"/>
      <c r="CJN120" s="26"/>
      <c r="CJO120" s="26"/>
      <c r="CJP120" s="26"/>
      <c r="CJQ120" s="26"/>
      <c r="CJR120" s="26"/>
      <c r="CJS120" s="26"/>
      <c r="CJT120" s="26"/>
      <c r="CJU120" s="26"/>
      <c r="CJV120" s="26"/>
      <c r="CJW120" s="26"/>
      <c r="CJX120" s="26"/>
      <c r="CJY120" s="26"/>
      <c r="CJZ120" s="26"/>
      <c r="CKA120" s="26"/>
      <c r="CKB120" s="26"/>
      <c r="CKC120" s="26"/>
      <c r="CKD120" s="26"/>
      <c r="CKE120" s="26"/>
      <c r="CKF120" s="26"/>
      <c r="CKG120" s="26"/>
      <c r="CKH120" s="26"/>
      <c r="CKI120" s="26"/>
      <c r="CKJ120" s="26"/>
      <c r="CKK120" s="26"/>
      <c r="CKL120" s="26"/>
      <c r="CKM120" s="26"/>
      <c r="CKN120" s="26"/>
      <c r="CKO120" s="26"/>
      <c r="CKP120" s="26"/>
      <c r="CKQ120" s="26"/>
      <c r="CKR120" s="26"/>
      <c r="CKS120" s="26"/>
      <c r="CKT120" s="26"/>
      <c r="CKU120" s="26"/>
      <c r="CKV120" s="26"/>
      <c r="CKW120" s="26"/>
      <c r="CKX120" s="26"/>
      <c r="CKY120" s="26"/>
      <c r="CKZ120" s="26"/>
      <c r="CLA120" s="26"/>
      <c r="CLB120" s="26"/>
      <c r="CLC120" s="26"/>
      <c r="CLD120" s="26"/>
      <c r="CLE120" s="26"/>
      <c r="CLF120" s="26"/>
      <c r="CLG120" s="26"/>
      <c r="CLH120" s="26"/>
      <c r="CLI120" s="26"/>
      <c r="CLJ120" s="26"/>
      <c r="CLK120" s="26"/>
      <c r="CLL120" s="26"/>
      <c r="CLM120" s="26"/>
      <c r="CLN120" s="26"/>
      <c r="CLO120" s="26"/>
      <c r="CLP120" s="26"/>
      <c r="CLQ120" s="26"/>
      <c r="CLR120" s="26"/>
      <c r="CLS120" s="26"/>
      <c r="CLT120" s="26"/>
      <c r="CLU120" s="26"/>
      <c r="CLV120" s="26"/>
      <c r="CLW120" s="26"/>
      <c r="CLX120" s="26"/>
      <c r="CLY120" s="26"/>
      <c r="CLZ120" s="26"/>
      <c r="CMA120" s="26"/>
      <c r="CMB120" s="26"/>
      <c r="CMC120" s="26"/>
      <c r="CMD120" s="26"/>
      <c r="CME120" s="26"/>
      <c r="CMF120" s="26"/>
      <c r="CMG120" s="26"/>
      <c r="CMH120" s="26"/>
      <c r="CMI120" s="26"/>
      <c r="CMJ120" s="26"/>
      <c r="CMK120" s="26"/>
      <c r="CML120" s="26"/>
      <c r="CMM120" s="26"/>
      <c r="CMN120" s="26"/>
      <c r="CMO120" s="26"/>
      <c r="CMP120" s="26"/>
      <c r="CMQ120" s="26"/>
      <c r="CMR120" s="26"/>
      <c r="CMS120" s="26"/>
      <c r="CMT120" s="26"/>
      <c r="CMU120" s="26"/>
      <c r="CMV120" s="26"/>
      <c r="CMW120" s="26"/>
      <c r="CMX120" s="26"/>
      <c r="CMY120" s="26"/>
      <c r="CMZ120" s="26"/>
      <c r="CNA120" s="26"/>
      <c r="CNB120" s="26"/>
      <c r="CNC120" s="26"/>
      <c r="CND120" s="26"/>
      <c r="CNE120" s="26"/>
      <c r="CNF120" s="26"/>
      <c r="CNG120" s="26"/>
      <c r="CNH120" s="26"/>
      <c r="CNI120" s="26"/>
      <c r="CNJ120" s="26"/>
      <c r="CNK120" s="26"/>
      <c r="CNL120" s="26"/>
      <c r="CNM120" s="26"/>
      <c r="CNN120" s="26"/>
      <c r="CNO120" s="26"/>
      <c r="CNP120" s="26"/>
      <c r="CNQ120" s="26"/>
      <c r="CNR120" s="26"/>
      <c r="CNS120" s="26"/>
      <c r="CNT120" s="26"/>
      <c r="CNU120" s="26"/>
      <c r="CNV120" s="26"/>
      <c r="CNW120" s="26"/>
      <c r="CNX120" s="26"/>
      <c r="CNY120" s="26"/>
      <c r="CNZ120" s="26"/>
      <c r="COA120" s="26"/>
      <c r="COB120" s="26"/>
      <c r="COC120" s="26"/>
      <c r="COD120" s="26"/>
      <c r="COE120" s="26"/>
      <c r="COF120" s="26"/>
      <c r="COG120" s="26"/>
      <c r="COH120" s="26"/>
      <c r="COI120" s="26"/>
      <c r="COJ120" s="26"/>
      <c r="COK120" s="26"/>
      <c r="COL120" s="26"/>
      <c r="COM120" s="26"/>
      <c r="CON120" s="26"/>
      <c r="COO120" s="26"/>
      <c r="COP120" s="26"/>
      <c r="COQ120" s="26"/>
      <c r="COR120" s="26"/>
      <c r="COS120" s="26"/>
      <c r="COT120" s="26"/>
      <c r="COU120" s="26"/>
      <c r="COV120" s="26"/>
      <c r="COW120" s="26"/>
      <c r="COX120" s="26"/>
      <c r="COY120" s="26"/>
      <c r="COZ120" s="26"/>
      <c r="CPA120" s="26"/>
      <c r="CPB120" s="26"/>
      <c r="CPC120" s="26"/>
      <c r="CPD120" s="26"/>
      <c r="CPE120" s="26"/>
      <c r="CPF120" s="26"/>
      <c r="CPG120" s="26"/>
      <c r="CPH120" s="26"/>
      <c r="CPI120" s="26"/>
      <c r="CPJ120" s="26"/>
      <c r="CPK120" s="26"/>
      <c r="CPL120" s="26"/>
      <c r="CPM120" s="26"/>
      <c r="CPN120" s="26"/>
      <c r="CPO120" s="26"/>
      <c r="CPP120" s="26"/>
      <c r="CPQ120" s="26"/>
      <c r="CPR120" s="26"/>
      <c r="CPS120" s="26"/>
      <c r="CPT120" s="26"/>
      <c r="CPU120" s="26"/>
      <c r="CPV120" s="26"/>
      <c r="CPW120" s="26"/>
      <c r="CPX120" s="26"/>
      <c r="CPY120" s="26"/>
      <c r="CPZ120" s="26"/>
      <c r="CQA120" s="26"/>
      <c r="CQB120" s="26"/>
      <c r="CQC120" s="26"/>
      <c r="CQD120" s="26"/>
      <c r="CQE120" s="26"/>
      <c r="CQF120" s="26"/>
      <c r="CQG120" s="26"/>
      <c r="CQH120" s="26"/>
      <c r="CQI120" s="26"/>
      <c r="CQJ120" s="26"/>
      <c r="CQK120" s="26"/>
      <c r="CQL120" s="26"/>
      <c r="CQM120" s="26"/>
      <c r="CQN120" s="26"/>
      <c r="CQO120" s="26"/>
      <c r="CQP120" s="26"/>
      <c r="CQQ120" s="26"/>
      <c r="CQR120" s="26"/>
      <c r="CQS120" s="26"/>
      <c r="CQT120" s="26"/>
      <c r="CQU120" s="26"/>
      <c r="CQV120" s="26"/>
      <c r="CQW120" s="26"/>
      <c r="CQX120" s="26"/>
      <c r="CQY120" s="26"/>
      <c r="CQZ120" s="26"/>
      <c r="CRA120" s="26"/>
      <c r="CRB120" s="26"/>
      <c r="CRC120" s="26"/>
      <c r="CRD120" s="26"/>
      <c r="CRE120" s="26"/>
      <c r="CRF120" s="26"/>
      <c r="CRG120" s="26"/>
      <c r="CRH120" s="26"/>
      <c r="CRI120" s="26"/>
      <c r="CRJ120" s="26"/>
      <c r="CRK120" s="26"/>
      <c r="CRL120" s="26"/>
      <c r="CRM120" s="26"/>
      <c r="CRN120" s="26"/>
      <c r="CRO120" s="26"/>
      <c r="CRP120" s="26"/>
      <c r="CRQ120" s="26"/>
      <c r="CRR120" s="26"/>
      <c r="CRS120" s="26"/>
      <c r="CRT120" s="26"/>
      <c r="CRU120" s="26"/>
      <c r="CRV120" s="26"/>
      <c r="CRW120" s="26"/>
      <c r="CRX120" s="26"/>
      <c r="CRY120" s="26"/>
      <c r="CRZ120" s="26"/>
      <c r="CSA120" s="26"/>
      <c r="CSB120" s="26"/>
      <c r="CSC120" s="26"/>
      <c r="CSD120" s="26"/>
      <c r="CSE120" s="26"/>
      <c r="CSF120" s="26"/>
      <c r="CSG120" s="26"/>
      <c r="CSH120" s="26"/>
      <c r="CSI120" s="26"/>
      <c r="CSJ120" s="26"/>
      <c r="CSK120" s="26"/>
      <c r="CSL120" s="26"/>
      <c r="CSM120" s="26"/>
      <c r="CSN120" s="26"/>
      <c r="CSO120" s="26"/>
      <c r="CSP120" s="26"/>
      <c r="CSQ120" s="26"/>
      <c r="CSR120" s="26"/>
      <c r="CSS120" s="26"/>
      <c r="CST120" s="26"/>
      <c r="CSU120" s="26"/>
      <c r="CSV120" s="26"/>
      <c r="CSW120" s="26"/>
      <c r="CSX120" s="26"/>
      <c r="CSY120" s="26"/>
      <c r="CSZ120" s="26"/>
      <c r="CTA120" s="26"/>
      <c r="CTB120" s="26"/>
      <c r="CTC120" s="26"/>
      <c r="CTD120" s="26"/>
      <c r="CTE120" s="26"/>
      <c r="CTF120" s="26"/>
      <c r="CTG120" s="26"/>
      <c r="CTH120" s="26"/>
      <c r="CTI120" s="26"/>
      <c r="CTJ120" s="26"/>
      <c r="CTK120" s="26"/>
      <c r="CTL120" s="26"/>
      <c r="CTM120" s="26"/>
      <c r="CTN120" s="26"/>
      <c r="CTO120" s="26"/>
      <c r="CTP120" s="26"/>
      <c r="CTQ120" s="26"/>
      <c r="CTR120" s="26"/>
      <c r="CTS120" s="26"/>
      <c r="CTT120" s="26"/>
      <c r="CTU120" s="26"/>
      <c r="CTV120" s="26"/>
      <c r="CTW120" s="26"/>
      <c r="CTX120" s="26"/>
      <c r="CTY120" s="26"/>
      <c r="CTZ120" s="26"/>
      <c r="CUA120" s="26"/>
      <c r="CUB120" s="26"/>
      <c r="CUC120" s="26"/>
      <c r="CUD120" s="26"/>
      <c r="CUE120" s="26"/>
      <c r="CUF120" s="26"/>
      <c r="CUG120" s="26"/>
      <c r="CUH120" s="26"/>
      <c r="CUI120" s="26"/>
      <c r="CUJ120" s="26"/>
      <c r="CUK120" s="26"/>
      <c r="CUL120" s="26"/>
      <c r="CUM120" s="26"/>
      <c r="CUN120" s="26"/>
      <c r="CUO120" s="26"/>
      <c r="CUP120" s="26"/>
      <c r="CUQ120" s="26"/>
      <c r="CUR120" s="26"/>
      <c r="CUS120" s="26"/>
      <c r="CUT120" s="26"/>
      <c r="CUU120" s="26"/>
      <c r="CUV120" s="26"/>
      <c r="CUW120" s="26"/>
      <c r="CUX120" s="26"/>
      <c r="CUY120" s="26"/>
      <c r="CUZ120" s="26"/>
      <c r="CVA120" s="26"/>
      <c r="CVB120" s="26"/>
      <c r="CVC120" s="26"/>
      <c r="CVD120" s="26"/>
      <c r="CVE120" s="26"/>
      <c r="CVF120" s="26"/>
      <c r="CVG120" s="26"/>
      <c r="CVH120" s="26"/>
      <c r="CVI120" s="26"/>
      <c r="CVJ120" s="26"/>
      <c r="CVK120" s="26"/>
      <c r="CVL120" s="26"/>
      <c r="CVM120" s="26"/>
      <c r="CVN120" s="26"/>
      <c r="CVO120" s="26"/>
      <c r="CVP120" s="26"/>
      <c r="CVQ120" s="26"/>
      <c r="CVR120" s="26"/>
      <c r="CVS120" s="26"/>
      <c r="CVT120" s="26"/>
      <c r="CVU120" s="26"/>
      <c r="CVV120" s="26"/>
      <c r="CVW120" s="26"/>
      <c r="CVX120" s="26"/>
      <c r="CVY120" s="26"/>
      <c r="CVZ120" s="26"/>
      <c r="CWA120" s="26"/>
      <c r="CWB120" s="26"/>
      <c r="CWC120" s="26"/>
      <c r="CWD120" s="26"/>
      <c r="CWE120" s="26"/>
      <c r="CWF120" s="26"/>
      <c r="CWG120" s="26"/>
      <c r="CWH120" s="26"/>
      <c r="CWI120" s="26"/>
      <c r="CWJ120" s="26"/>
      <c r="CWK120" s="26"/>
      <c r="CWL120" s="26"/>
      <c r="CWM120" s="26"/>
      <c r="CWN120" s="26"/>
      <c r="CWO120" s="26"/>
      <c r="CWP120" s="26"/>
      <c r="CWQ120" s="26"/>
      <c r="CWR120" s="26"/>
      <c r="CWS120" s="26"/>
      <c r="CWT120" s="26"/>
      <c r="CWU120" s="26"/>
      <c r="CWV120" s="26"/>
      <c r="CWW120" s="26"/>
      <c r="CWX120" s="26"/>
      <c r="CWY120" s="26"/>
      <c r="CWZ120" s="26"/>
      <c r="CXA120" s="26"/>
      <c r="CXB120" s="26"/>
      <c r="CXC120" s="26"/>
      <c r="CXD120" s="26"/>
      <c r="CXE120" s="26"/>
      <c r="CXF120" s="26"/>
      <c r="CXG120" s="26"/>
      <c r="CXH120" s="26"/>
      <c r="CXI120" s="26"/>
      <c r="CXJ120" s="26"/>
      <c r="CXK120" s="26"/>
      <c r="CXL120" s="26"/>
      <c r="CXM120" s="26"/>
      <c r="CXN120" s="26"/>
      <c r="CXO120" s="26"/>
      <c r="CXP120" s="26"/>
      <c r="CXQ120" s="26"/>
      <c r="CXR120" s="26"/>
      <c r="CXS120" s="26"/>
      <c r="CXT120" s="26"/>
      <c r="CXU120" s="26"/>
      <c r="CXV120" s="26"/>
      <c r="CXW120" s="26"/>
      <c r="CXX120" s="26"/>
      <c r="CXY120" s="26"/>
      <c r="CXZ120" s="26"/>
      <c r="CYA120" s="26"/>
      <c r="CYB120" s="26"/>
      <c r="CYC120" s="26"/>
      <c r="CYD120" s="26"/>
      <c r="CYE120" s="26"/>
      <c r="CYF120" s="26"/>
      <c r="CYG120" s="26"/>
      <c r="CYH120" s="26"/>
      <c r="CYI120" s="26"/>
      <c r="CYJ120" s="26"/>
      <c r="CYK120" s="26"/>
      <c r="CYL120" s="26"/>
      <c r="CYM120" s="26"/>
      <c r="CYN120" s="26"/>
      <c r="CYO120" s="26"/>
      <c r="CYP120" s="26"/>
      <c r="CYQ120" s="26"/>
      <c r="CYR120" s="26"/>
      <c r="CYS120" s="26"/>
      <c r="CYT120" s="26"/>
      <c r="CYU120" s="26"/>
      <c r="CYV120" s="26"/>
      <c r="CYW120" s="26"/>
      <c r="CYX120" s="26"/>
      <c r="CYY120" s="26"/>
      <c r="CYZ120" s="26"/>
      <c r="CZA120" s="26"/>
      <c r="CZB120" s="26"/>
      <c r="CZC120" s="26"/>
      <c r="CZD120" s="26"/>
      <c r="CZE120" s="26"/>
      <c r="CZF120" s="26"/>
      <c r="CZG120" s="26"/>
      <c r="CZH120" s="26"/>
      <c r="CZI120" s="26"/>
      <c r="CZJ120" s="26"/>
      <c r="CZK120" s="26"/>
      <c r="CZL120" s="26"/>
      <c r="CZM120" s="26"/>
      <c r="CZN120" s="26"/>
      <c r="CZO120" s="26"/>
      <c r="CZP120" s="26"/>
      <c r="CZQ120" s="26"/>
      <c r="CZR120" s="26"/>
      <c r="CZS120" s="26"/>
      <c r="CZT120" s="26"/>
      <c r="CZU120" s="26"/>
      <c r="CZV120" s="26"/>
      <c r="CZW120" s="26"/>
      <c r="CZX120" s="26"/>
      <c r="CZY120" s="26"/>
      <c r="CZZ120" s="26"/>
      <c r="DAA120" s="26"/>
      <c r="DAB120" s="26"/>
      <c r="DAC120" s="26"/>
      <c r="DAD120" s="26"/>
      <c r="DAE120" s="26"/>
      <c r="DAF120" s="26"/>
      <c r="DAG120" s="26"/>
      <c r="DAH120" s="26"/>
      <c r="DAI120" s="26"/>
      <c r="DAJ120" s="26"/>
      <c r="DAK120" s="26"/>
      <c r="DAL120" s="26"/>
      <c r="DAM120" s="26"/>
      <c r="DAN120" s="26"/>
      <c r="DAO120" s="26"/>
      <c r="DAP120" s="26"/>
      <c r="DAQ120" s="26"/>
      <c r="DAR120" s="26"/>
      <c r="DAS120" s="26"/>
      <c r="DAT120" s="26"/>
      <c r="DAU120" s="26"/>
      <c r="DAV120" s="26"/>
      <c r="DAW120" s="26"/>
      <c r="DAX120" s="26"/>
      <c r="DAY120" s="26"/>
      <c r="DAZ120" s="26"/>
      <c r="DBA120" s="26"/>
      <c r="DBB120" s="26"/>
      <c r="DBC120" s="26"/>
      <c r="DBD120" s="26"/>
      <c r="DBE120" s="26"/>
      <c r="DBF120" s="26"/>
      <c r="DBG120" s="26"/>
      <c r="DBH120" s="26"/>
      <c r="DBI120" s="26"/>
      <c r="DBJ120" s="26"/>
      <c r="DBK120" s="26"/>
      <c r="DBL120" s="26"/>
      <c r="DBM120" s="26"/>
      <c r="DBN120" s="26"/>
      <c r="DBO120" s="26"/>
      <c r="DBP120" s="26"/>
      <c r="DBQ120" s="26"/>
      <c r="DBR120" s="26"/>
      <c r="DBS120" s="26"/>
      <c r="DBT120" s="26"/>
      <c r="DBU120" s="26"/>
      <c r="DBV120" s="26"/>
      <c r="DBW120" s="26"/>
      <c r="DBX120" s="26"/>
      <c r="DBY120" s="26"/>
      <c r="DBZ120" s="26"/>
      <c r="DCA120" s="26"/>
      <c r="DCB120" s="26"/>
      <c r="DCC120" s="26"/>
      <c r="DCD120" s="26"/>
      <c r="DCE120" s="26"/>
      <c r="DCF120" s="26"/>
      <c r="DCG120" s="26"/>
      <c r="DCH120" s="26"/>
      <c r="DCI120" s="26"/>
      <c r="DCJ120" s="26"/>
      <c r="DCK120" s="26"/>
      <c r="DCL120" s="26"/>
      <c r="DCM120" s="26"/>
      <c r="DCN120" s="26"/>
      <c r="DCO120" s="26"/>
      <c r="DCP120" s="26"/>
      <c r="DCQ120" s="26"/>
      <c r="DCR120" s="26"/>
      <c r="DCS120" s="26"/>
      <c r="DCT120" s="26"/>
      <c r="DCU120" s="26"/>
      <c r="DCV120" s="26"/>
      <c r="DCW120" s="26"/>
      <c r="DCX120" s="26"/>
      <c r="DCY120" s="26"/>
      <c r="DCZ120" s="26"/>
      <c r="DDA120" s="26"/>
      <c r="DDB120" s="26"/>
      <c r="DDC120" s="26"/>
      <c r="DDD120" s="26"/>
      <c r="DDE120" s="26"/>
      <c r="DDF120" s="26"/>
      <c r="DDG120" s="26"/>
      <c r="DDH120" s="26"/>
      <c r="DDI120" s="26"/>
      <c r="DDJ120" s="26"/>
      <c r="DDK120" s="26"/>
      <c r="DDL120" s="26"/>
      <c r="DDM120" s="26"/>
      <c r="DDN120" s="26"/>
      <c r="DDO120" s="26"/>
      <c r="DDP120" s="26"/>
      <c r="DDQ120" s="26"/>
      <c r="DDR120" s="26"/>
      <c r="DDS120" s="26"/>
      <c r="DDT120" s="26"/>
      <c r="DDU120" s="26"/>
      <c r="DDV120" s="26"/>
      <c r="DDW120" s="26"/>
      <c r="DDX120" s="26"/>
      <c r="DDY120" s="26"/>
      <c r="DDZ120" s="26"/>
      <c r="DEA120" s="26"/>
      <c r="DEB120" s="26"/>
      <c r="DEC120" s="26"/>
      <c r="DED120" s="26"/>
      <c r="DEE120" s="26"/>
      <c r="DEF120" s="26"/>
      <c r="DEG120" s="26"/>
      <c r="DEH120" s="26"/>
      <c r="DEI120" s="26"/>
      <c r="DEJ120" s="26"/>
      <c r="DEK120" s="26"/>
      <c r="DEL120" s="26"/>
      <c r="DEM120" s="26"/>
      <c r="DEN120" s="26"/>
      <c r="DEO120" s="26"/>
      <c r="DEP120" s="26"/>
      <c r="DEQ120" s="26"/>
      <c r="DER120" s="26"/>
      <c r="DES120" s="26"/>
      <c r="DET120" s="26"/>
      <c r="DEU120" s="26"/>
      <c r="DEV120" s="26"/>
      <c r="DEW120" s="26"/>
      <c r="DEX120" s="26"/>
      <c r="DEY120" s="26"/>
      <c r="DEZ120" s="26"/>
      <c r="DFA120" s="26"/>
      <c r="DFB120" s="26"/>
      <c r="DFC120" s="26"/>
      <c r="DFD120" s="26"/>
      <c r="DFE120" s="26"/>
      <c r="DFF120" s="26"/>
      <c r="DFG120" s="26"/>
      <c r="DFH120" s="26"/>
      <c r="DFI120" s="26"/>
      <c r="DFJ120" s="26"/>
      <c r="DFK120" s="26"/>
      <c r="DFL120" s="26"/>
      <c r="DFM120" s="26"/>
      <c r="DFN120" s="26"/>
      <c r="DFO120" s="26"/>
      <c r="DFP120" s="26"/>
      <c r="DFQ120" s="26"/>
      <c r="DFR120" s="26"/>
      <c r="DFS120" s="26"/>
      <c r="DFT120" s="26"/>
      <c r="DFU120" s="26"/>
      <c r="DFV120" s="26"/>
      <c r="DFW120" s="26"/>
      <c r="DFX120" s="26"/>
      <c r="DFY120" s="26"/>
      <c r="DFZ120" s="26"/>
      <c r="DGA120" s="26"/>
      <c r="DGB120" s="26"/>
      <c r="DGC120" s="26"/>
      <c r="DGD120" s="26"/>
      <c r="DGE120" s="26"/>
      <c r="DGF120" s="26"/>
      <c r="DGG120" s="26"/>
      <c r="DGH120" s="26"/>
      <c r="DGI120" s="26"/>
      <c r="DGJ120" s="26"/>
      <c r="DGK120" s="26"/>
      <c r="DGL120" s="26"/>
      <c r="DGM120" s="26"/>
      <c r="DGN120" s="26"/>
      <c r="DGO120" s="26"/>
      <c r="DGP120" s="26"/>
      <c r="DGQ120" s="26"/>
      <c r="DGR120" s="26"/>
      <c r="DGS120" s="26"/>
      <c r="DGT120" s="26"/>
      <c r="DGU120" s="26"/>
      <c r="DGV120" s="26"/>
      <c r="DGW120" s="26"/>
      <c r="DGX120" s="26"/>
      <c r="DGY120" s="26"/>
      <c r="DGZ120" s="26"/>
      <c r="DHA120" s="26"/>
      <c r="DHB120" s="26"/>
      <c r="DHC120" s="26"/>
      <c r="DHD120" s="26"/>
      <c r="DHE120" s="26"/>
      <c r="DHF120" s="26"/>
      <c r="DHG120" s="26"/>
      <c r="DHH120" s="26"/>
      <c r="DHI120" s="26"/>
      <c r="DHJ120" s="26"/>
      <c r="DHK120" s="26"/>
      <c r="DHL120" s="26"/>
      <c r="DHM120" s="26"/>
      <c r="DHN120" s="26"/>
      <c r="DHO120" s="26"/>
      <c r="DHP120" s="26"/>
      <c r="DHQ120" s="26"/>
      <c r="DHR120" s="26"/>
      <c r="DHS120" s="26"/>
      <c r="DHT120" s="26"/>
      <c r="DHU120" s="26"/>
      <c r="DHV120" s="26"/>
      <c r="DHW120" s="26"/>
      <c r="DHX120" s="26"/>
      <c r="DHY120" s="26"/>
      <c r="DHZ120" s="26"/>
      <c r="DIA120" s="26"/>
      <c r="DIB120" s="26"/>
      <c r="DIC120" s="26"/>
      <c r="DID120" s="26"/>
      <c r="DIE120" s="26"/>
      <c r="DIF120" s="26"/>
      <c r="DIG120" s="26"/>
      <c r="DIH120" s="26"/>
      <c r="DII120" s="26"/>
      <c r="DIJ120" s="26"/>
      <c r="DIK120" s="26"/>
      <c r="DIL120" s="26"/>
      <c r="DIM120" s="26"/>
      <c r="DIN120" s="26"/>
      <c r="DIO120" s="26"/>
      <c r="DIP120" s="26"/>
      <c r="DIQ120" s="26"/>
      <c r="DIR120" s="26"/>
      <c r="DIS120" s="26"/>
      <c r="DIT120" s="26"/>
      <c r="DIU120" s="26"/>
      <c r="DIV120" s="26"/>
      <c r="DIW120" s="26"/>
      <c r="DIX120" s="26"/>
      <c r="DIY120" s="26"/>
      <c r="DIZ120" s="26"/>
      <c r="DJA120" s="26"/>
      <c r="DJB120" s="26"/>
      <c r="DJC120" s="26"/>
      <c r="DJD120" s="26"/>
      <c r="DJE120" s="26"/>
      <c r="DJF120" s="26"/>
      <c r="DJG120" s="26"/>
      <c r="DJH120" s="26"/>
      <c r="DJI120" s="26"/>
      <c r="DJJ120" s="26"/>
      <c r="DJK120" s="26"/>
      <c r="DJL120" s="26"/>
      <c r="DJM120" s="26"/>
      <c r="DJN120" s="26"/>
      <c r="DJO120" s="26"/>
      <c r="DJP120" s="26"/>
      <c r="DJQ120" s="26"/>
      <c r="DJR120" s="26"/>
      <c r="DJS120" s="26"/>
      <c r="DJT120" s="26"/>
      <c r="DJU120" s="26"/>
      <c r="DJV120" s="26"/>
      <c r="DJW120" s="26"/>
      <c r="DJX120" s="26"/>
      <c r="DJY120" s="26"/>
      <c r="DJZ120" s="26"/>
      <c r="DKA120" s="26"/>
      <c r="DKB120" s="26"/>
      <c r="DKC120" s="26"/>
      <c r="DKD120" s="26"/>
      <c r="DKE120" s="26"/>
      <c r="DKF120" s="26"/>
      <c r="DKG120" s="26"/>
      <c r="DKH120" s="26"/>
      <c r="DKI120" s="26"/>
      <c r="DKJ120" s="26"/>
      <c r="DKK120" s="26"/>
      <c r="DKL120" s="26"/>
      <c r="DKM120" s="26"/>
      <c r="DKN120" s="26"/>
      <c r="DKO120" s="26"/>
      <c r="DKP120" s="26"/>
      <c r="DKQ120" s="26"/>
      <c r="DKR120" s="26"/>
      <c r="DKS120" s="26"/>
      <c r="DKT120" s="26"/>
      <c r="DKU120" s="26"/>
      <c r="DKV120" s="26"/>
      <c r="DKW120" s="26"/>
      <c r="DKX120" s="26"/>
      <c r="DKY120" s="26"/>
      <c r="DKZ120" s="26"/>
      <c r="DLA120" s="26"/>
      <c r="DLB120" s="26"/>
      <c r="DLC120" s="26"/>
      <c r="DLD120" s="26"/>
      <c r="DLE120" s="26"/>
      <c r="DLF120" s="26"/>
      <c r="DLG120" s="26"/>
      <c r="DLH120" s="26"/>
      <c r="DLI120" s="26"/>
      <c r="DLJ120" s="26"/>
      <c r="DLK120" s="26"/>
      <c r="DLL120" s="26"/>
      <c r="DLM120" s="26"/>
      <c r="DLN120" s="26"/>
      <c r="DLO120" s="26"/>
      <c r="DLP120" s="26"/>
      <c r="DLQ120" s="26"/>
      <c r="DLR120" s="26"/>
      <c r="DLS120" s="26"/>
      <c r="DLT120" s="26"/>
      <c r="DLU120" s="26"/>
      <c r="DLV120" s="26"/>
      <c r="DLW120" s="26"/>
      <c r="DLX120" s="26"/>
      <c r="DLY120" s="26"/>
      <c r="DLZ120" s="26"/>
      <c r="DMA120" s="26"/>
      <c r="DMB120" s="26"/>
      <c r="DMC120" s="26"/>
      <c r="DMD120" s="26"/>
      <c r="DME120" s="26"/>
      <c r="DMF120" s="26"/>
      <c r="DMG120" s="26"/>
      <c r="DMH120" s="26"/>
      <c r="DMI120" s="26"/>
      <c r="DMJ120" s="26"/>
      <c r="DMK120" s="26"/>
      <c r="DML120" s="26"/>
      <c r="DMM120" s="26"/>
      <c r="DMN120" s="26"/>
      <c r="DMO120" s="26"/>
      <c r="DMP120" s="26"/>
      <c r="DMQ120" s="26"/>
      <c r="DMR120" s="26"/>
      <c r="DMS120" s="26"/>
      <c r="DMT120" s="26"/>
      <c r="DMU120" s="26"/>
      <c r="DMV120" s="26"/>
      <c r="DMW120" s="26"/>
      <c r="DMX120" s="26"/>
      <c r="DMY120" s="26"/>
      <c r="DMZ120" s="26"/>
      <c r="DNA120" s="26"/>
      <c r="DNB120" s="26"/>
      <c r="DNC120" s="26"/>
      <c r="DND120" s="26"/>
      <c r="DNE120" s="26"/>
      <c r="DNF120" s="26"/>
      <c r="DNG120" s="26"/>
      <c r="DNH120" s="26"/>
      <c r="DNI120" s="26"/>
      <c r="DNJ120" s="26"/>
      <c r="DNK120" s="26"/>
      <c r="DNL120" s="26"/>
      <c r="DNM120" s="26"/>
      <c r="DNN120" s="26"/>
      <c r="DNO120" s="26"/>
      <c r="DNP120" s="26"/>
      <c r="DNQ120" s="26"/>
      <c r="DNR120" s="26"/>
      <c r="DNS120" s="26"/>
      <c r="DNT120" s="26"/>
      <c r="DNU120" s="26"/>
      <c r="DNV120" s="26"/>
      <c r="DNW120" s="26"/>
      <c r="DNX120" s="26"/>
      <c r="DNY120" s="26"/>
      <c r="DNZ120" s="26"/>
      <c r="DOA120" s="26"/>
      <c r="DOB120" s="26"/>
      <c r="DOC120" s="26"/>
      <c r="DOD120" s="26"/>
      <c r="DOE120" s="26"/>
      <c r="DOF120" s="26"/>
      <c r="DOG120" s="26"/>
      <c r="DOH120" s="26"/>
      <c r="DOI120" s="26"/>
      <c r="DOJ120" s="26"/>
      <c r="DOK120" s="26"/>
      <c r="DOL120" s="26"/>
      <c r="DOM120" s="26"/>
      <c r="DON120" s="26"/>
      <c r="DOO120" s="26"/>
      <c r="DOP120" s="26"/>
      <c r="DOQ120" s="26"/>
      <c r="DOR120" s="26"/>
      <c r="DOS120" s="26"/>
      <c r="DOT120" s="26"/>
      <c r="DOU120" s="26"/>
      <c r="DOV120" s="26"/>
      <c r="DOW120" s="26"/>
      <c r="DOX120" s="26"/>
      <c r="DOY120" s="26"/>
      <c r="DOZ120" s="26"/>
      <c r="DPA120" s="26"/>
      <c r="DPB120" s="26"/>
      <c r="DPC120" s="26"/>
      <c r="DPD120" s="26"/>
      <c r="DPE120" s="26"/>
      <c r="DPF120" s="26"/>
      <c r="DPG120" s="26"/>
      <c r="DPH120" s="26"/>
      <c r="DPI120" s="26"/>
      <c r="DPJ120" s="26"/>
      <c r="DPK120" s="26"/>
      <c r="DPL120" s="26"/>
      <c r="DPM120" s="26"/>
      <c r="DPN120" s="26"/>
      <c r="DPO120" s="26"/>
      <c r="DPP120" s="26"/>
      <c r="DPQ120" s="26"/>
      <c r="DPR120" s="26"/>
      <c r="DPS120" s="26"/>
      <c r="DPT120" s="26"/>
      <c r="DPU120" s="26"/>
      <c r="DPV120" s="26"/>
      <c r="DPW120" s="26"/>
      <c r="DPX120" s="26"/>
      <c r="DPY120" s="26"/>
      <c r="DPZ120" s="26"/>
      <c r="DQA120" s="26"/>
      <c r="DQB120" s="26"/>
      <c r="DQC120" s="26"/>
      <c r="DQD120" s="26"/>
      <c r="DQE120" s="26"/>
      <c r="DQF120" s="26"/>
      <c r="DQG120" s="26"/>
      <c r="DQH120" s="26"/>
      <c r="DQI120" s="26"/>
      <c r="DQJ120" s="26"/>
      <c r="DQK120" s="26"/>
      <c r="DQL120" s="26"/>
      <c r="DQM120" s="26"/>
      <c r="DQN120" s="26"/>
      <c r="DQO120" s="26"/>
      <c r="DQP120" s="26"/>
      <c r="DQQ120" s="26"/>
      <c r="DQR120" s="26"/>
      <c r="DQS120" s="26"/>
      <c r="DQT120" s="26"/>
      <c r="DQU120" s="26"/>
      <c r="DQV120" s="26"/>
      <c r="DQW120" s="26"/>
      <c r="DQX120" s="26"/>
      <c r="DQY120" s="26"/>
      <c r="DQZ120" s="26"/>
      <c r="DRA120" s="26"/>
      <c r="DRB120" s="26"/>
      <c r="DRC120" s="26"/>
      <c r="DRD120" s="26"/>
      <c r="DRE120" s="26"/>
      <c r="DRF120" s="26"/>
      <c r="DRG120" s="26"/>
      <c r="DRH120" s="26"/>
      <c r="DRI120" s="26"/>
      <c r="DRJ120" s="26"/>
      <c r="DRK120" s="26"/>
      <c r="DRL120" s="26"/>
      <c r="DRM120" s="26"/>
      <c r="DRN120" s="26"/>
      <c r="DRO120" s="26"/>
      <c r="DRP120" s="26"/>
      <c r="DRQ120" s="26"/>
      <c r="DRR120" s="26"/>
      <c r="DRS120" s="26"/>
      <c r="DRT120" s="26"/>
      <c r="DRU120" s="26"/>
      <c r="DRV120" s="26"/>
      <c r="DRW120" s="26"/>
      <c r="DRX120" s="26"/>
      <c r="DRY120" s="26"/>
      <c r="DRZ120" s="26"/>
      <c r="DSA120" s="26"/>
      <c r="DSB120" s="26"/>
      <c r="DSC120" s="26"/>
      <c r="DSD120" s="26"/>
      <c r="DSE120" s="26"/>
      <c r="DSF120" s="26"/>
      <c r="DSG120" s="26"/>
      <c r="DSH120" s="26"/>
      <c r="DSI120" s="26"/>
      <c r="DSJ120" s="26"/>
      <c r="DSK120" s="26"/>
      <c r="DSL120" s="26"/>
      <c r="DSM120" s="26"/>
      <c r="DSN120" s="26"/>
      <c r="DSO120" s="26"/>
      <c r="DSP120" s="26"/>
      <c r="DSQ120" s="26"/>
      <c r="DSR120" s="26"/>
      <c r="DSS120" s="26"/>
      <c r="DST120" s="26"/>
      <c r="DSU120" s="26"/>
      <c r="DSV120" s="26"/>
      <c r="DSW120" s="26"/>
      <c r="DSX120" s="26"/>
      <c r="DSY120" s="26"/>
      <c r="DSZ120" s="26"/>
      <c r="DTA120" s="26"/>
      <c r="DTB120" s="26"/>
      <c r="DTC120" s="26"/>
      <c r="DTD120" s="26"/>
      <c r="DTE120" s="26"/>
      <c r="DTF120" s="26"/>
      <c r="DTG120" s="26"/>
      <c r="DTH120" s="26"/>
      <c r="DTI120" s="26"/>
      <c r="DTJ120" s="26"/>
      <c r="DTK120" s="26"/>
      <c r="DTL120" s="26"/>
      <c r="DTM120" s="26"/>
      <c r="DTN120" s="26"/>
      <c r="DTO120" s="26"/>
      <c r="DTP120" s="26"/>
      <c r="DTQ120" s="26"/>
      <c r="DTR120" s="26"/>
      <c r="DTS120" s="26"/>
      <c r="DTT120" s="26"/>
      <c r="DTU120" s="26"/>
      <c r="DTV120" s="26"/>
      <c r="DTW120" s="26"/>
      <c r="DTX120" s="26"/>
      <c r="DTY120" s="26"/>
      <c r="DTZ120" s="26"/>
      <c r="DUA120" s="26"/>
      <c r="DUB120" s="26"/>
      <c r="DUC120" s="26"/>
      <c r="DUD120" s="26"/>
      <c r="DUE120" s="26"/>
      <c r="DUF120" s="26"/>
      <c r="DUG120" s="26"/>
      <c r="DUH120" s="26"/>
      <c r="DUI120" s="26"/>
      <c r="DUJ120" s="26"/>
      <c r="DUK120" s="26"/>
      <c r="DUL120" s="26"/>
      <c r="DUM120" s="26"/>
      <c r="DUN120" s="26"/>
      <c r="DUO120" s="26"/>
      <c r="DUP120" s="26"/>
      <c r="DUQ120" s="26"/>
      <c r="DUR120" s="26"/>
      <c r="DUS120" s="26"/>
      <c r="DUT120" s="26"/>
      <c r="DUU120" s="26"/>
      <c r="DUV120" s="26"/>
      <c r="DUW120" s="26"/>
      <c r="DUX120" s="26"/>
      <c r="DUY120" s="26"/>
      <c r="DUZ120" s="26"/>
      <c r="DVA120" s="26"/>
      <c r="DVB120" s="26"/>
      <c r="DVC120" s="26"/>
      <c r="DVD120" s="26"/>
      <c r="DVE120" s="26"/>
      <c r="DVF120" s="26"/>
      <c r="DVG120" s="26"/>
      <c r="DVH120" s="26"/>
      <c r="DVI120" s="26"/>
      <c r="DVJ120" s="26"/>
      <c r="DVK120" s="26"/>
      <c r="DVL120" s="26"/>
      <c r="DVM120" s="26"/>
      <c r="DVN120" s="26"/>
      <c r="DVO120" s="26"/>
      <c r="DVP120" s="26"/>
      <c r="DVQ120" s="26"/>
      <c r="DVR120" s="26"/>
      <c r="DVS120" s="26"/>
      <c r="DVT120" s="26"/>
      <c r="DVU120" s="26"/>
      <c r="DVV120" s="26"/>
      <c r="DVW120" s="26"/>
      <c r="DVX120" s="26"/>
      <c r="DVY120" s="26"/>
      <c r="DVZ120" s="26"/>
      <c r="DWA120" s="26"/>
      <c r="DWB120" s="26"/>
      <c r="DWC120" s="26"/>
      <c r="DWD120" s="26"/>
      <c r="DWE120" s="26"/>
      <c r="DWF120" s="26"/>
      <c r="DWG120" s="26"/>
      <c r="DWH120" s="26"/>
      <c r="DWI120" s="26"/>
      <c r="DWJ120" s="26"/>
      <c r="DWK120" s="26"/>
      <c r="DWL120" s="26"/>
      <c r="DWM120" s="26"/>
      <c r="DWN120" s="26"/>
      <c r="DWO120" s="26"/>
      <c r="DWP120" s="26"/>
      <c r="DWQ120" s="26"/>
      <c r="DWR120" s="26"/>
      <c r="DWS120" s="26"/>
      <c r="DWT120" s="26"/>
      <c r="DWU120" s="26"/>
      <c r="DWV120" s="26"/>
      <c r="DWW120" s="26"/>
      <c r="DWX120" s="26"/>
      <c r="DWY120" s="26"/>
      <c r="DWZ120" s="26"/>
      <c r="DXA120" s="26"/>
      <c r="DXB120" s="26"/>
      <c r="DXC120" s="26"/>
      <c r="DXD120" s="26"/>
      <c r="DXE120" s="26"/>
      <c r="DXF120" s="26"/>
      <c r="DXG120" s="26"/>
      <c r="DXH120" s="26"/>
      <c r="DXI120" s="26"/>
      <c r="DXJ120" s="26"/>
      <c r="DXK120" s="26"/>
      <c r="DXL120" s="26"/>
      <c r="DXM120" s="26"/>
      <c r="DXN120" s="26"/>
      <c r="DXO120" s="26"/>
      <c r="DXP120" s="26"/>
      <c r="DXQ120" s="26"/>
      <c r="DXR120" s="26"/>
      <c r="DXS120" s="26"/>
      <c r="DXT120" s="26"/>
      <c r="DXU120" s="26"/>
      <c r="DXV120" s="26"/>
      <c r="DXW120" s="26"/>
      <c r="DXX120" s="26"/>
      <c r="DXY120" s="26"/>
      <c r="DXZ120" s="26"/>
      <c r="DYA120" s="26"/>
      <c r="DYB120" s="26"/>
      <c r="DYC120" s="26"/>
      <c r="DYD120" s="26"/>
      <c r="DYE120" s="26"/>
      <c r="DYF120" s="26"/>
      <c r="DYG120" s="26"/>
      <c r="DYH120" s="26"/>
      <c r="DYI120" s="26"/>
      <c r="DYJ120" s="26"/>
      <c r="DYK120" s="26"/>
      <c r="DYL120" s="26"/>
      <c r="DYM120" s="26"/>
      <c r="DYN120" s="26"/>
      <c r="DYO120" s="26"/>
      <c r="DYP120" s="26"/>
      <c r="DYQ120" s="26"/>
      <c r="DYR120" s="26"/>
      <c r="DYS120" s="26"/>
      <c r="DYT120" s="26"/>
      <c r="DYU120" s="26"/>
      <c r="DYV120" s="26"/>
      <c r="DYW120" s="26"/>
      <c r="DYX120" s="26"/>
      <c r="DYY120" s="26"/>
      <c r="DYZ120" s="26"/>
      <c r="DZA120" s="26"/>
      <c r="DZB120" s="26"/>
      <c r="DZC120" s="26"/>
      <c r="DZD120" s="26"/>
      <c r="DZE120" s="26"/>
      <c r="DZF120" s="26"/>
      <c r="DZG120" s="26"/>
      <c r="DZH120" s="26"/>
      <c r="DZI120" s="26"/>
      <c r="DZJ120" s="26"/>
      <c r="DZK120" s="26"/>
      <c r="DZL120" s="26"/>
      <c r="DZM120" s="26"/>
      <c r="DZN120" s="26"/>
      <c r="DZO120" s="26"/>
      <c r="DZP120" s="26"/>
      <c r="DZQ120" s="26"/>
      <c r="DZR120" s="26"/>
      <c r="DZS120" s="26"/>
      <c r="DZT120" s="26"/>
      <c r="DZU120" s="26"/>
      <c r="DZV120" s="26"/>
      <c r="DZW120" s="26"/>
      <c r="DZX120" s="26"/>
      <c r="DZY120" s="26"/>
      <c r="DZZ120" s="26"/>
      <c r="EAA120" s="26"/>
      <c r="EAB120" s="26"/>
      <c r="EAC120" s="26"/>
      <c r="EAD120" s="26"/>
      <c r="EAE120" s="26"/>
      <c r="EAF120" s="26"/>
      <c r="EAG120" s="26"/>
      <c r="EAH120" s="26"/>
      <c r="EAI120" s="26"/>
      <c r="EAJ120" s="26"/>
      <c r="EAK120" s="26"/>
      <c r="EAL120" s="26"/>
      <c r="EAM120" s="26"/>
      <c r="EAN120" s="26"/>
      <c r="EAO120" s="26"/>
      <c r="EAP120" s="26"/>
      <c r="EAQ120" s="26"/>
      <c r="EAR120" s="26"/>
      <c r="EAS120" s="26"/>
      <c r="EAT120" s="26"/>
      <c r="EAU120" s="26"/>
      <c r="EAV120" s="26"/>
      <c r="EAW120" s="26"/>
      <c r="EAX120" s="26"/>
      <c r="EAY120" s="26"/>
      <c r="EAZ120" s="26"/>
      <c r="EBA120" s="26"/>
      <c r="EBB120" s="26"/>
      <c r="EBC120" s="26"/>
      <c r="EBD120" s="26"/>
      <c r="EBE120" s="26"/>
      <c r="EBF120" s="26"/>
      <c r="EBG120" s="26"/>
      <c r="EBH120" s="26"/>
      <c r="EBI120" s="26"/>
      <c r="EBJ120" s="26"/>
      <c r="EBK120" s="26"/>
      <c r="EBL120" s="26"/>
      <c r="EBM120" s="26"/>
      <c r="EBN120" s="26"/>
      <c r="EBO120" s="26"/>
      <c r="EBP120" s="26"/>
      <c r="EBQ120" s="26"/>
      <c r="EBR120" s="26"/>
      <c r="EBS120" s="26"/>
      <c r="EBT120" s="26"/>
      <c r="EBU120" s="26"/>
      <c r="EBV120" s="26"/>
      <c r="EBW120" s="26"/>
      <c r="EBX120" s="26"/>
      <c r="EBY120" s="26"/>
      <c r="EBZ120" s="26"/>
      <c r="ECA120" s="26"/>
      <c r="ECB120" s="26"/>
      <c r="ECC120" s="26"/>
      <c r="ECD120" s="26"/>
      <c r="ECE120" s="26"/>
      <c r="ECF120" s="26"/>
      <c r="ECG120" s="26"/>
      <c r="ECH120" s="26"/>
      <c r="ECI120" s="26"/>
      <c r="ECJ120" s="26"/>
      <c r="ECK120" s="26"/>
      <c r="ECL120" s="26"/>
      <c r="ECM120" s="26"/>
      <c r="ECN120" s="26"/>
      <c r="ECO120" s="26"/>
      <c r="ECP120" s="26"/>
      <c r="ECQ120" s="26"/>
      <c r="ECR120" s="26"/>
      <c r="ECS120" s="26"/>
      <c r="ECT120" s="26"/>
      <c r="ECU120" s="26"/>
      <c r="ECV120" s="26"/>
      <c r="ECW120" s="26"/>
      <c r="ECX120" s="26"/>
      <c r="ECY120" s="26"/>
      <c r="ECZ120" s="26"/>
      <c r="EDA120" s="26"/>
      <c r="EDB120" s="26"/>
      <c r="EDC120" s="26"/>
      <c r="EDD120" s="26"/>
      <c r="EDE120" s="26"/>
      <c r="EDF120" s="26"/>
      <c r="EDG120" s="26"/>
      <c r="EDH120" s="26"/>
      <c r="EDI120" s="26"/>
      <c r="EDJ120" s="26"/>
      <c r="EDK120" s="26"/>
      <c r="EDL120" s="26"/>
      <c r="EDM120" s="26"/>
      <c r="EDN120" s="26"/>
      <c r="EDO120" s="26"/>
      <c r="EDP120" s="26"/>
      <c r="EDQ120" s="26"/>
      <c r="EDR120" s="26"/>
      <c r="EDS120" s="26"/>
      <c r="EDT120" s="26"/>
      <c r="EDU120" s="26"/>
      <c r="EDV120" s="26"/>
      <c r="EDW120" s="26"/>
      <c r="EDX120" s="26"/>
      <c r="EDY120" s="26"/>
      <c r="EDZ120" s="26"/>
      <c r="EEA120" s="26"/>
      <c r="EEB120" s="26"/>
      <c r="EEC120" s="26"/>
      <c r="EED120" s="26"/>
      <c r="EEE120" s="26"/>
      <c r="EEF120" s="26"/>
      <c r="EEG120" s="26"/>
      <c r="EEH120" s="26"/>
      <c r="EEI120" s="26"/>
      <c r="EEJ120" s="26"/>
      <c r="EEK120" s="26"/>
      <c r="EEL120" s="26"/>
      <c r="EEM120" s="26"/>
      <c r="EEN120" s="26"/>
      <c r="EEO120" s="26"/>
      <c r="EEP120" s="26"/>
      <c r="EEQ120" s="26"/>
      <c r="EER120" s="26"/>
      <c r="EES120" s="26"/>
      <c r="EET120" s="26"/>
      <c r="EEU120" s="26"/>
      <c r="EEV120" s="26"/>
      <c r="EEW120" s="26"/>
      <c r="EEX120" s="26"/>
      <c r="EEY120" s="26"/>
      <c r="EEZ120" s="26"/>
      <c r="EFA120" s="26"/>
      <c r="EFB120" s="26"/>
      <c r="EFC120" s="26"/>
      <c r="EFD120" s="26"/>
      <c r="EFE120" s="26"/>
      <c r="EFF120" s="26"/>
      <c r="EFG120" s="26"/>
      <c r="EFH120" s="26"/>
      <c r="EFI120" s="26"/>
      <c r="EFJ120" s="26"/>
      <c r="EFK120" s="26"/>
      <c r="EFL120" s="26"/>
      <c r="EFM120" s="26"/>
      <c r="EFN120" s="26"/>
      <c r="EFO120" s="26"/>
      <c r="EFP120" s="26"/>
      <c r="EFQ120" s="26"/>
      <c r="EFR120" s="26"/>
      <c r="EFS120" s="26"/>
      <c r="EFT120" s="26"/>
      <c r="EFU120" s="26"/>
      <c r="EFV120" s="26"/>
      <c r="EFW120" s="26"/>
      <c r="EFX120" s="26"/>
      <c r="EFY120" s="26"/>
      <c r="EFZ120" s="26"/>
      <c r="EGA120" s="26"/>
      <c r="EGB120" s="26"/>
      <c r="EGC120" s="26"/>
      <c r="EGD120" s="26"/>
      <c r="EGE120" s="26"/>
      <c r="EGF120" s="26"/>
      <c r="EGG120" s="26"/>
      <c r="EGH120" s="26"/>
      <c r="EGI120" s="26"/>
      <c r="EGJ120" s="26"/>
      <c r="EGK120" s="26"/>
      <c r="EGL120" s="26"/>
      <c r="EGM120" s="26"/>
      <c r="EGN120" s="26"/>
      <c r="EGO120" s="26"/>
      <c r="EGP120" s="26"/>
      <c r="EGQ120" s="26"/>
      <c r="EGR120" s="26"/>
      <c r="EGS120" s="26"/>
      <c r="EGT120" s="26"/>
      <c r="EGU120" s="26"/>
      <c r="EGV120" s="26"/>
      <c r="EGW120" s="26"/>
      <c r="EGX120" s="26"/>
      <c r="EGY120" s="26"/>
      <c r="EGZ120" s="26"/>
      <c r="EHA120" s="26"/>
      <c r="EHB120" s="26"/>
      <c r="EHC120" s="26"/>
      <c r="EHD120" s="26"/>
      <c r="EHE120" s="26"/>
      <c r="EHF120" s="26"/>
      <c r="EHG120" s="26"/>
      <c r="EHH120" s="26"/>
      <c r="EHI120" s="26"/>
      <c r="EHJ120" s="26"/>
      <c r="EHK120" s="26"/>
      <c r="EHL120" s="26"/>
      <c r="EHM120" s="26"/>
      <c r="EHN120" s="26"/>
      <c r="EHO120" s="26"/>
      <c r="EHP120" s="26"/>
      <c r="EHQ120" s="26"/>
      <c r="EHR120" s="26"/>
      <c r="EHS120" s="26"/>
      <c r="EHT120" s="26"/>
      <c r="EHU120" s="26"/>
      <c r="EHV120" s="26"/>
      <c r="EHW120" s="26"/>
      <c r="EHX120" s="26"/>
      <c r="EHY120" s="26"/>
      <c r="EHZ120" s="26"/>
      <c r="EIA120" s="26"/>
      <c r="EIB120" s="26"/>
      <c r="EIC120" s="26"/>
      <c r="EID120" s="26"/>
      <c r="EIE120" s="26"/>
      <c r="EIF120" s="26"/>
      <c r="EIG120" s="26"/>
      <c r="EIH120" s="26"/>
      <c r="EII120" s="26"/>
      <c r="EIJ120" s="26"/>
      <c r="EIK120" s="26"/>
      <c r="EIL120" s="26"/>
      <c r="EIM120" s="26"/>
      <c r="EIN120" s="26"/>
      <c r="EIO120" s="26"/>
      <c r="EIP120" s="26"/>
      <c r="EIQ120" s="26"/>
      <c r="EIR120" s="26"/>
      <c r="EIS120" s="26"/>
      <c r="EIT120" s="26"/>
      <c r="EIU120" s="26"/>
      <c r="EIV120" s="26"/>
      <c r="EIW120" s="26"/>
      <c r="EIX120" s="26"/>
      <c r="EIY120" s="26"/>
      <c r="EIZ120" s="26"/>
      <c r="EJA120" s="26"/>
      <c r="EJB120" s="26"/>
      <c r="EJC120" s="26"/>
      <c r="EJD120" s="26"/>
      <c r="EJE120" s="26"/>
      <c r="EJF120" s="26"/>
      <c r="EJG120" s="26"/>
      <c r="EJH120" s="26"/>
      <c r="EJI120" s="26"/>
      <c r="EJJ120" s="26"/>
      <c r="EJK120" s="26"/>
      <c r="EJL120" s="26"/>
      <c r="EJM120" s="26"/>
      <c r="EJN120" s="26"/>
      <c r="EJO120" s="26"/>
      <c r="EJP120" s="26"/>
      <c r="EJQ120" s="26"/>
      <c r="EJR120" s="26"/>
      <c r="EJS120" s="26"/>
      <c r="EJT120" s="26"/>
      <c r="EJU120" s="26"/>
      <c r="EJV120" s="26"/>
      <c r="EJW120" s="26"/>
      <c r="EJX120" s="26"/>
      <c r="EJY120" s="26"/>
      <c r="EJZ120" s="26"/>
      <c r="EKA120" s="26"/>
      <c r="EKB120" s="26"/>
      <c r="EKC120" s="26"/>
      <c r="EKD120" s="26"/>
      <c r="EKE120" s="26"/>
      <c r="EKF120" s="26"/>
      <c r="EKG120" s="26"/>
      <c r="EKH120" s="26"/>
      <c r="EKI120" s="26"/>
      <c r="EKJ120" s="26"/>
      <c r="EKK120" s="26"/>
      <c r="EKL120" s="26"/>
      <c r="EKM120" s="26"/>
      <c r="EKN120" s="26"/>
      <c r="EKO120" s="26"/>
      <c r="EKP120" s="26"/>
      <c r="EKQ120" s="26"/>
      <c r="EKR120" s="26"/>
      <c r="EKS120" s="26"/>
      <c r="EKT120" s="26"/>
      <c r="EKU120" s="26"/>
      <c r="EKV120" s="26"/>
      <c r="EKW120" s="26"/>
      <c r="EKX120" s="26"/>
      <c r="EKY120" s="26"/>
      <c r="EKZ120" s="26"/>
      <c r="ELA120" s="26"/>
      <c r="ELB120" s="26"/>
      <c r="ELC120" s="26"/>
      <c r="ELD120" s="26"/>
      <c r="ELE120" s="26"/>
      <c r="ELF120" s="26"/>
      <c r="ELG120" s="26"/>
      <c r="ELH120" s="26"/>
      <c r="ELI120" s="26"/>
      <c r="ELJ120" s="26"/>
      <c r="ELK120" s="26"/>
      <c r="ELL120" s="26"/>
      <c r="ELM120" s="26"/>
      <c r="ELN120" s="26"/>
      <c r="ELO120" s="26"/>
      <c r="ELP120" s="26"/>
      <c r="ELQ120" s="26"/>
      <c r="ELR120" s="26"/>
      <c r="ELS120" s="26"/>
      <c r="ELT120" s="26"/>
      <c r="ELU120" s="26"/>
      <c r="ELV120" s="26"/>
      <c r="ELW120" s="26"/>
      <c r="ELX120" s="26"/>
      <c r="ELY120" s="26"/>
      <c r="ELZ120" s="26"/>
      <c r="EMA120" s="26"/>
      <c r="EMB120" s="26"/>
      <c r="EMC120" s="26"/>
      <c r="EMD120" s="26"/>
      <c r="EME120" s="26"/>
      <c r="EMF120" s="26"/>
      <c r="EMG120" s="26"/>
      <c r="EMH120" s="26"/>
      <c r="EMI120" s="26"/>
      <c r="EMJ120" s="26"/>
      <c r="EMK120" s="26"/>
      <c r="EML120" s="26"/>
      <c r="EMM120" s="26"/>
      <c r="EMN120" s="26"/>
      <c r="EMO120" s="26"/>
      <c r="EMP120" s="26"/>
      <c r="EMQ120" s="26"/>
      <c r="EMR120" s="26"/>
      <c r="EMS120" s="26"/>
      <c r="EMT120" s="26"/>
      <c r="EMU120" s="26"/>
      <c r="EMV120" s="26"/>
      <c r="EMW120" s="26"/>
      <c r="EMX120" s="26"/>
      <c r="EMY120" s="26"/>
      <c r="EMZ120" s="26"/>
      <c r="ENA120" s="26"/>
      <c r="ENB120" s="26"/>
      <c r="ENC120" s="26"/>
      <c r="END120" s="26"/>
      <c r="ENE120" s="26"/>
      <c r="ENF120" s="26"/>
      <c r="ENG120" s="26"/>
      <c r="ENH120" s="26"/>
      <c r="ENI120" s="26"/>
      <c r="ENJ120" s="26"/>
      <c r="ENK120" s="26"/>
      <c r="ENL120" s="26"/>
      <c r="ENM120" s="26"/>
      <c r="ENN120" s="26"/>
      <c r="ENO120" s="26"/>
      <c r="ENP120" s="26"/>
      <c r="ENQ120" s="26"/>
      <c r="ENR120" s="26"/>
      <c r="ENS120" s="26"/>
      <c r="ENT120" s="26"/>
      <c r="ENU120" s="26"/>
      <c r="ENV120" s="26"/>
      <c r="ENW120" s="26"/>
      <c r="ENX120" s="26"/>
      <c r="ENY120" s="26"/>
      <c r="ENZ120" s="26"/>
      <c r="EOA120" s="26"/>
      <c r="EOB120" s="26"/>
      <c r="EOC120" s="26"/>
      <c r="EOD120" s="26"/>
      <c r="EOE120" s="26"/>
      <c r="EOF120" s="26"/>
      <c r="EOG120" s="26"/>
      <c r="EOH120" s="26"/>
      <c r="EOI120" s="26"/>
      <c r="EOJ120" s="26"/>
      <c r="EOK120" s="26"/>
      <c r="EOL120" s="26"/>
      <c r="EOM120" s="26"/>
      <c r="EON120" s="26"/>
      <c r="EOO120" s="26"/>
      <c r="EOP120" s="26"/>
      <c r="EOQ120" s="26"/>
      <c r="EOR120" s="26"/>
      <c r="EOS120" s="26"/>
      <c r="EOT120" s="26"/>
      <c r="EOU120" s="26"/>
      <c r="EOV120" s="26"/>
      <c r="EOW120" s="26"/>
      <c r="EOX120" s="26"/>
      <c r="EOY120" s="26"/>
      <c r="EOZ120" s="26"/>
      <c r="EPA120" s="26"/>
      <c r="EPB120" s="26"/>
      <c r="EPC120" s="26"/>
      <c r="EPD120" s="26"/>
      <c r="EPE120" s="26"/>
      <c r="EPF120" s="26"/>
      <c r="EPG120" s="26"/>
      <c r="EPH120" s="26"/>
      <c r="EPI120" s="26"/>
      <c r="EPJ120" s="26"/>
      <c r="EPK120" s="26"/>
      <c r="EPL120" s="26"/>
      <c r="EPM120" s="26"/>
      <c r="EPN120" s="26"/>
      <c r="EPO120" s="26"/>
      <c r="EPP120" s="26"/>
      <c r="EPQ120" s="26"/>
      <c r="EPR120" s="26"/>
      <c r="EPS120" s="26"/>
      <c r="EPT120" s="26"/>
      <c r="EPU120" s="26"/>
      <c r="EPV120" s="26"/>
      <c r="EPW120" s="26"/>
      <c r="EPX120" s="26"/>
      <c r="EPY120" s="26"/>
      <c r="EPZ120" s="26"/>
      <c r="EQA120" s="26"/>
      <c r="EQB120" s="26"/>
      <c r="EQC120" s="26"/>
      <c r="EQD120" s="26"/>
      <c r="EQE120" s="26"/>
      <c r="EQF120" s="26"/>
      <c r="EQG120" s="26"/>
      <c r="EQH120" s="26"/>
      <c r="EQI120" s="26"/>
      <c r="EQJ120" s="26"/>
      <c r="EQK120" s="26"/>
      <c r="EQL120" s="26"/>
      <c r="EQM120" s="26"/>
      <c r="EQN120" s="26"/>
      <c r="EQO120" s="26"/>
      <c r="EQP120" s="26"/>
      <c r="EQQ120" s="26"/>
      <c r="EQR120" s="26"/>
      <c r="EQS120" s="26"/>
      <c r="EQT120" s="26"/>
      <c r="EQU120" s="26"/>
      <c r="EQV120" s="26"/>
      <c r="EQW120" s="26"/>
      <c r="EQX120" s="26"/>
      <c r="EQY120" s="26"/>
      <c r="EQZ120" s="26"/>
      <c r="ERA120" s="26"/>
      <c r="ERB120" s="26"/>
      <c r="ERC120" s="26"/>
      <c r="ERD120" s="26"/>
      <c r="ERE120" s="26"/>
      <c r="ERF120" s="26"/>
      <c r="ERG120" s="26"/>
      <c r="ERH120" s="26"/>
      <c r="ERI120" s="26"/>
      <c r="ERJ120" s="26"/>
      <c r="ERK120" s="26"/>
      <c r="ERL120" s="26"/>
      <c r="ERM120" s="26"/>
      <c r="ERN120" s="26"/>
      <c r="ERO120" s="26"/>
      <c r="ERP120" s="26"/>
      <c r="ERQ120" s="26"/>
      <c r="ERR120" s="26"/>
      <c r="ERS120" s="26"/>
      <c r="ERT120" s="26"/>
      <c r="ERU120" s="26"/>
      <c r="ERV120" s="26"/>
      <c r="ERW120" s="26"/>
      <c r="ERX120" s="26"/>
      <c r="ERY120" s="26"/>
      <c r="ERZ120" s="26"/>
      <c r="ESA120" s="26"/>
      <c r="ESB120" s="26"/>
      <c r="ESC120" s="26"/>
      <c r="ESD120" s="26"/>
      <c r="ESE120" s="26"/>
      <c r="ESF120" s="26"/>
      <c r="ESG120" s="26"/>
      <c r="ESH120" s="26"/>
      <c r="ESI120" s="26"/>
      <c r="ESJ120" s="26"/>
      <c r="ESK120" s="26"/>
      <c r="ESL120" s="26"/>
      <c r="ESM120" s="26"/>
      <c r="ESN120" s="26"/>
      <c r="ESO120" s="26"/>
      <c r="ESP120" s="26"/>
      <c r="ESQ120" s="26"/>
      <c r="ESR120" s="26"/>
      <c r="ESS120" s="26"/>
      <c r="EST120" s="26"/>
      <c r="ESU120" s="26"/>
      <c r="ESV120" s="26"/>
      <c r="ESW120" s="26"/>
      <c r="ESX120" s="26"/>
      <c r="ESY120" s="26"/>
      <c r="ESZ120" s="26"/>
      <c r="ETA120" s="26"/>
      <c r="ETB120" s="26"/>
      <c r="ETC120" s="26"/>
      <c r="ETD120" s="26"/>
      <c r="ETE120" s="26"/>
      <c r="ETF120" s="26"/>
      <c r="ETG120" s="26"/>
      <c r="ETH120" s="26"/>
      <c r="ETI120" s="26"/>
      <c r="ETJ120" s="26"/>
      <c r="ETK120" s="26"/>
      <c r="ETL120" s="26"/>
      <c r="ETM120" s="26"/>
      <c r="ETN120" s="26"/>
      <c r="ETO120" s="26"/>
      <c r="ETP120" s="26"/>
      <c r="ETQ120" s="26"/>
      <c r="ETR120" s="26"/>
      <c r="ETS120" s="26"/>
      <c r="ETT120" s="26"/>
      <c r="ETU120" s="26"/>
      <c r="ETV120" s="26"/>
      <c r="ETW120" s="26"/>
      <c r="ETX120" s="26"/>
      <c r="ETY120" s="26"/>
      <c r="ETZ120" s="26"/>
      <c r="EUA120" s="26"/>
      <c r="EUB120" s="26"/>
      <c r="EUC120" s="26"/>
      <c r="EUD120" s="26"/>
      <c r="EUE120" s="26"/>
      <c r="EUF120" s="26"/>
      <c r="EUG120" s="26"/>
      <c r="EUH120" s="26"/>
      <c r="EUI120" s="26"/>
      <c r="EUJ120" s="26"/>
      <c r="EUK120" s="26"/>
      <c r="EUL120" s="26"/>
      <c r="EUM120" s="26"/>
      <c r="EUN120" s="26"/>
      <c r="EUO120" s="26"/>
      <c r="EUP120" s="26"/>
      <c r="EUQ120" s="26"/>
      <c r="EUR120" s="26"/>
      <c r="EUS120" s="26"/>
      <c r="EUT120" s="26"/>
      <c r="EUU120" s="26"/>
      <c r="EUV120" s="26"/>
      <c r="EUW120" s="26"/>
      <c r="EUX120" s="26"/>
      <c r="EUY120" s="26"/>
      <c r="EUZ120" s="26"/>
      <c r="EVA120" s="26"/>
      <c r="EVB120" s="26"/>
      <c r="EVC120" s="26"/>
      <c r="EVD120" s="26"/>
      <c r="EVE120" s="26"/>
      <c r="EVF120" s="26"/>
      <c r="EVG120" s="26"/>
      <c r="EVH120" s="26"/>
      <c r="EVI120" s="26"/>
      <c r="EVJ120" s="26"/>
      <c r="EVK120" s="26"/>
      <c r="EVL120" s="26"/>
      <c r="EVM120" s="26"/>
      <c r="EVN120" s="26"/>
      <c r="EVO120" s="26"/>
      <c r="EVP120" s="26"/>
      <c r="EVQ120" s="26"/>
      <c r="EVR120" s="26"/>
      <c r="EVS120" s="26"/>
      <c r="EVT120" s="26"/>
      <c r="EVU120" s="26"/>
      <c r="EVV120" s="26"/>
      <c r="EVW120" s="26"/>
      <c r="EVX120" s="26"/>
      <c r="EVY120" s="26"/>
      <c r="EVZ120" s="26"/>
      <c r="EWA120" s="26"/>
      <c r="EWB120" s="26"/>
      <c r="EWC120" s="26"/>
      <c r="EWD120" s="26"/>
      <c r="EWE120" s="26"/>
      <c r="EWF120" s="26"/>
      <c r="EWG120" s="26"/>
      <c r="EWH120" s="26"/>
      <c r="EWI120" s="26"/>
      <c r="EWJ120" s="26"/>
      <c r="EWK120" s="26"/>
      <c r="EWL120" s="26"/>
      <c r="EWM120" s="26"/>
      <c r="EWN120" s="26"/>
      <c r="EWO120" s="26"/>
      <c r="EWP120" s="26"/>
      <c r="EWQ120" s="26"/>
      <c r="EWR120" s="26"/>
      <c r="EWS120" s="26"/>
      <c r="EWT120" s="26"/>
      <c r="EWU120" s="26"/>
      <c r="EWV120" s="26"/>
      <c r="EWW120" s="26"/>
      <c r="EWX120" s="26"/>
      <c r="EWY120" s="26"/>
      <c r="EWZ120" s="26"/>
      <c r="EXA120" s="26"/>
      <c r="EXB120" s="26"/>
      <c r="EXC120" s="26"/>
      <c r="EXD120" s="26"/>
      <c r="EXE120" s="26"/>
      <c r="EXF120" s="26"/>
      <c r="EXG120" s="26"/>
      <c r="EXH120" s="26"/>
      <c r="EXI120" s="26"/>
      <c r="EXJ120" s="26"/>
      <c r="EXK120" s="26"/>
      <c r="EXL120" s="26"/>
      <c r="EXM120" s="26"/>
      <c r="EXN120" s="26"/>
      <c r="EXO120" s="26"/>
      <c r="EXP120" s="26"/>
      <c r="EXQ120" s="26"/>
      <c r="EXR120" s="26"/>
      <c r="EXS120" s="26"/>
      <c r="EXT120" s="26"/>
      <c r="EXU120" s="26"/>
      <c r="EXV120" s="26"/>
      <c r="EXW120" s="26"/>
      <c r="EXX120" s="26"/>
      <c r="EXY120" s="26"/>
      <c r="EXZ120" s="26"/>
      <c r="EYA120" s="26"/>
      <c r="EYB120" s="26"/>
      <c r="EYC120" s="26"/>
      <c r="EYD120" s="26"/>
      <c r="EYE120" s="26"/>
      <c r="EYF120" s="26"/>
      <c r="EYG120" s="26"/>
      <c r="EYH120" s="26"/>
      <c r="EYI120" s="26"/>
      <c r="EYJ120" s="26"/>
      <c r="EYK120" s="26"/>
      <c r="EYL120" s="26"/>
      <c r="EYM120" s="26"/>
      <c r="EYN120" s="26"/>
      <c r="EYO120" s="26"/>
      <c r="EYP120" s="26"/>
      <c r="EYQ120" s="26"/>
      <c r="EYR120" s="26"/>
      <c r="EYS120" s="26"/>
      <c r="EYT120" s="26"/>
      <c r="EYU120" s="26"/>
      <c r="EYV120" s="26"/>
      <c r="EYW120" s="26"/>
      <c r="EYX120" s="26"/>
      <c r="EYY120" s="26"/>
      <c r="EYZ120" s="26"/>
      <c r="EZA120" s="26"/>
      <c r="EZB120" s="26"/>
      <c r="EZC120" s="26"/>
      <c r="EZD120" s="26"/>
      <c r="EZE120" s="26"/>
      <c r="EZF120" s="26"/>
      <c r="EZG120" s="26"/>
      <c r="EZH120" s="26"/>
      <c r="EZI120" s="26"/>
      <c r="EZJ120" s="26"/>
      <c r="EZK120" s="26"/>
      <c r="EZL120" s="26"/>
      <c r="EZM120" s="26"/>
      <c r="EZN120" s="26"/>
      <c r="EZO120" s="26"/>
      <c r="EZP120" s="26"/>
      <c r="EZQ120" s="26"/>
      <c r="EZR120" s="26"/>
      <c r="EZS120" s="26"/>
      <c r="EZT120" s="26"/>
      <c r="EZU120" s="26"/>
      <c r="EZV120" s="26"/>
      <c r="EZW120" s="26"/>
      <c r="EZX120" s="26"/>
      <c r="EZY120" s="26"/>
      <c r="EZZ120" s="26"/>
      <c r="FAA120" s="26"/>
      <c r="FAB120" s="26"/>
      <c r="FAC120" s="26"/>
      <c r="FAD120" s="26"/>
      <c r="FAE120" s="26"/>
      <c r="FAF120" s="26"/>
      <c r="FAG120" s="26"/>
      <c r="FAH120" s="26"/>
      <c r="FAI120" s="26"/>
      <c r="FAJ120" s="26"/>
      <c r="FAK120" s="26"/>
      <c r="FAL120" s="26"/>
      <c r="FAM120" s="26"/>
      <c r="FAN120" s="26"/>
      <c r="FAO120" s="26"/>
      <c r="FAP120" s="26"/>
      <c r="FAQ120" s="26"/>
      <c r="FAR120" s="26"/>
      <c r="FAS120" s="26"/>
      <c r="FAT120" s="26"/>
      <c r="FAU120" s="26"/>
      <c r="FAV120" s="26"/>
      <c r="FAW120" s="26"/>
      <c r="FAX120" s="26"/>
      <c r="FAY120" s="26"/>
      <c r="FAZ120" s="26"/>
      <c r="FBA120" s="26"/>
      <c r="FBB120" s="26"/>
      <c r="FBC120" s="26"/>
      <c r="FBD120" s="26"/>
      <c r="FBE120" s="26"/>
      <c r="FBF120" s="26"/>
      <c r="FBG120" s="26"/>
      <c r="FBH120" s="26"/>
      <c r="FBI120" s="26"/>
      <c r="FBJ120" s="26"/>
      <c r="FBK120" s="26"/>
      <c r="FBL120" s="26"/>
      <c r="FBM120" s="26"/>
      <c r="FBN120" s="26"/>
      <c r="FBO120" s="26"/>
      <c r="FBP120" s="26"/>
      <c r="FBQ120" s="26"/>
      <c r="FBR120" s="26"/>
      <c r="FBS120" s="26"/>
      <c r="FBT120" s="26"/>
      <c r="FBU120" s="26"/>
      <c r="FBV120" s="26"/>
      <c r="FBW120" s="26"/>
      <c r="FBX120" s="26"/>
      <c r="FBY120" s="26"/>
      <c r="FBZ120" s="26"/>
      <c r="FCA120" s="26"/>
      <c r="FCB120" s="26"/>
      <c r="FCC120" s="26"/>
      <c r="FCD120" s="26"/>
      <c r="FCE120" s="26"/>
      <c r="FCF120" s="26"/>
      <c r="FCG120" s="26"/>
      <c r="FCH120" s="26"/>
      <c r="FCI120" s="26"/>
      <c r="FCJ120" s="26"/>
      <c r="FCK120" s="26"/>
      <c r="FCL120" s="26"/>
      <c r="FCM120" s="26"/>
      <c r="FCN120" s="26"/>
      <c r="FCO120" s="26"/>
      <c r="FCP120" s="26"/>
      <c r="FCQ120" s="26"/>
      <c r="FCR120" s="26"/>
      <c r="FCS120" s="26"/>
      <c r="FCT120" s="26"/>
      <c r="FCU120" s="26"/>
      <c r="FCV120" s="26"/>
      <c r="FCW120" s="26"/>
      <c r="FCX120" s="26"/>
      <c r="FCY120" s="26"/>
      <c r="FCZ120" s="26"/>
      <c r="FDA120" s="26"/>
      <c r="FDB120" s="26"/>
      <c r="FDC120" s="26"/>
      <c r="FDD120" s="26"/>
      <c r="FDE120" s="26"/>
      <c r="FDF120" s="26"/>
      <c r="FDG120" s="26"/>
      <c r="FDH120" s="26"/>
      <c r="FDI120" s="26"/>
      <c r="FDJ120" s="26"/>
      <c r="FDK120" s="26"/>
      <c r="FDL120" s="26"/>
      <c r="FDM120" s="26"/>
      <c r="FDN120" s="26"/>
      <c r="FDO120" s="26"/>
      <c r="FDP120" s="26"/>
      <c r="FDQ120" s="26"/>
      <c r="FDR120" s="26"/>
      <c r="FDS120" s="26"/>
      <c r="FDT120" s="26"/>
      <c r="FDU120" s="26"/>
      <c r="FDV120" s="26"/>
      <c r="FDW120" s="26"/>
      <c r="FDX120" s="26"/>
      <c r="FDY120" s="26"/>
      <c r="FDZ120" s="26"/>
      <c r="FEA120" s="26"/>
      <c r="FEB120" s="26"/>
      <c r="FEC120" s="26"/>
      <c r="FED120" s="26"/>
      <c r="FEE120" s="26"/>
      <c r="FEF120" s="26"/>
      <c r="FEG120" s="26"/>
      <c r="FEH120" s="26"/>
      <c r="FEI120" s="26"/>
      <c r="FEJ120" s="26"/>
      <c r="FEK120" s="26"/>
      <c r="FEL120" s="26"/>
      <c r="FEM120" s="26"/>
      <c r="FEN120" s="26"/>
      <c r="FEO120" s="26"/>
      <c r="FEP120" s="26"/>
      <c r="FEQ120" s="26"/>
      <c r="FER120" s="26"/>
      <c r="FES120" s="26"/>
      <c r="FET120" s="26"/>
      <c r="FEU120" s="26"/>
      <c r="FEV120" s="26"/>
      <c r="FEW120" s="26"/>
      <c r="FEX120" s="26"/>
      <c r="FEY120" s="26"/>
      <c r="FEZ120" s="26"/>
      <c r="FFA120" s="26"/>
      <c r="FFB120" s="26"/>
      <c r="FFC120" s="26"/>
      <c r="FFD120" s="26"/>
      <c r="FFE120" s="26"/>
      <c r="FFF120" s="26"/>
      <c r="FFG120" s="26"/>
      <c r="FFH120" s="26"/>
      <c r="FFI120" s="26"/>
      <c r="FFJ120" s="26"/>
      <c r="FFK120" s="26"/>
      <c r="FFL120" s="26"/>
      <c r="FFM120" s="26"/>
      <c r="FFN120" s="26"/>
      <c r="FFO120" s="26"/>
      <c r="FFP120" s="26"/>
      <c r="FFQ120" s="26"/>
      <c r="FFR120" s="26"/>
      <c r="FFS120" s="26"/>
      <c r="FFT120" s="26"/>
      <c r="FFU120" s="26"/>
      <c r="FFV120" s="26"/>
      <c r="FFW120" s="26"/>
      <c r="FFX120" s="26"/>
      <c r="FFY120" s="26"/>
      <c r="FFZ120" s="26"/>
      <c r="FGA120" s="26"/>
      <c r="FGB120" s="26"/>
      <c r="FGC120" s="26"/>
      <c r="FGD120" s="26"/>
      <c r="FGE120" s="26"/>
      <c r="FGF120" s="26"/>
      <c r="FGG120" s="26"/>
      <c r="FGH120" s="26"/>
      <c r="FGI120" s="26"/>
      <c r="FGJ120" s="26"/>
      <c r="FGK120" s="26"/>
      <c r="FGL120" s="26"/>
      <c r="FGM120" s="26"/>
      <c r="FGN120" s="26"/>
      <c r="FGO120" s="26"/>
      <c r="FGP120" s="26"/>
      <c r="FGQ120" s="26"/>
      <c r="FGR120" s="26"/>
      <c r="FGS120" s="26"/>
      <c r="FGT120" s="26"/>
      <c r="FGU120" s="26"/>
      <c r="FGV120" s="26"/>
      <c r="FGW120" s="26"/>
      <c r="FGX120" s="26"/>
      <c r="FGY120" s="26"/>
      <c r="FGZ120" s="26"/>
      <c r="FHA120" s="26"/>
      <c r="FHB120" s="26"/>
      <c r="FHC120" s="26"/>
      <c r="FHD120" s="26"/>
      <c r="FHE120" s="26"/>
      <c r="FHF120" s="26"/>
      <c r="FHG120" s="26"/>
      <c r="FHH120" s="26"/>
      <c r="FHI120" s="26"/>
      <c r="FHJ120" s="26"/>
      <c r="FHK120" s="26"/>
      <c r="FHL120" s="26"/>
      <c r="FHM120" s="26"/>
      <c r="FHN120" s="26"/>
      <c r="FHO120" s="26"/>
      <c r="FHP120" s="26"/>
      <c r="FHQ120" s="26"/>
      <c r="FHR120" s="26"/>
      <c r="FHS120" s="26"/>
      <c r="FHT120" s="26"/>
      <c r="FHU120" s="26"/>
      <c r="FHV120" s="26"/>
      <c r="FHW120" s="26"/>
      <c r="FHX120" s="26"/>
      <c r="FHY120" s="26"/>
      <c r="FHZ120" s="26"/>
      <c r="FIA120" s="26"/>
      <c r="FIB120" s="26"/>
      <c r="FIC120" s="26"/>
      <c r="FID120" s="26"/>
      <c r="FIE120" s="26"/>
      <c r="FIF120" s="26"/>
      <c r="FIG120" s="26"/>
      <c r="FIH120" s="26"/>
      <c r="FII120" s="26"/>
      <c r="FIJ120" s="26"/>
      <c r="FIK120" s="26"/>
      <c r="FIL120" s="26"/>
      <c r="FIM120" s="26"/>
      <c r="FIN120" s="26"/>
      <c r="FIO120" s="26"/>
      <c r="FIP120" s="26"/>
      <c r="FIQ120" s="26"/>
      <c r="FIR120" s="26"/>
      <c r="FIS120" s="26"/>
      <c r="FIT120" s="26"/>
      <c r="FIU120" s="26"/>
      <c r="FIV120" s="26"/>
      <c r="FIW120" s="26"/>
      <c r="FIX120" s="26"/>
      <c r="FIY120" s="26"/>
      <c r="FIZ120" s="26"/>
      <c r="FJA120" s="26"/>
      <c r="FJB120" s="26"/>
      <c r="FJC120" s="26"/>
      <c r="FJD120" s="26"/>
      <c r="FJE120" s="26"/>
      <c r="FJF120" s="26"/>
      <c r="FJG120" s="26"/>
      <c r="FJH120" s="26"/>
      <c r="FJI120" s="26"/>
      <c r="FJJ120" s="26"/>
      <c r="FJK120" s="26"/>
      <c r="FJL120" s="26"/>
      <c r="FJM120" s="26"/>
      <c r="FJN120" s="26"/>
      <c r="FJO120" s="26"/>
      <c r="FJP120" s="26"/>
      <c r="FJQ120" s="26"/>
      <c r="FJR120" s="26"/>
      <c r="FJS120" s="26"/>
      <c r="FJT120" s="26"/>
      <c r="FJU120" s="26"/>
      <c r="FJV120" s="26"/>
      <c r="FJW120" s="26"/>
      <c r="FJX120" s="26"/>
      <c r="FJY120" s="26"/>
      <c r="FJZ120" s="26"/>
      <c r="FKA120" s="26"/>
      <c r="FKB120" s="26"/>
      <c r="FKC120" s="26"/>
      <c r="FKD120" s="26"/>
      <c r="FKE120" s="26"/>
      <c r="FKF120" s="26"/>
      <c r="FKG120" s="26"/>
      <c r="FKH120" s="26"/>
      <c r="FKI120" s="26"/>
      <c r="FKJ120" s="26"/>
      <c r="FKK120" s="26"/>
      <c r="FKL120" s="26"/>
      <c r="FKM120" s="26"/>
      <c r="FKN120" s="26"/>
      <c r="FKO120" s="26"/>
      <c r="FKP120" s="26"/>
      <c r="FKQ120" s="26"/>
      <c r="FKR120" s="26"/>
      <c r="FKS120" s="26"/>
      <c r="FKT120" s="26"/>
      <c r="FKU120" s="26"/>
      <c r="FKV120" s="26"/>
      <c r="FKW120" s="26"/>
      <c r="FKX120" s="26"/>
      <c r="FKY120" s="26"/>
      <c r="FKZ120" s="26"/>
      <c r="FLA120" s="26"/>
      <c r="FLB120" s="26"/>
      <c r="FLC120" s="26"/>
      <c r="FLD120" s="26"/>
      <c r="FLE120" s="26"/>
      <c r="FLF120" s="26"/>
      <c r="FLG120" s="26"/>
      <c r="FLH120" s="26"/>
      <c r="FLI120" s="26"/>
      <c r="FLJ120" s="26"/>
      <c r="FLK120" s="26"/>
      <c r="FLL120" s="26"/>
      <c r="FLM120" s="26"/>
      <c r="FLN120" s="26"/>
      <c r="FLO120" s="26"/>
      <c r="FLP120" s="26"/>
      <c r="FLQ120" s="26"/>
      <c r="FLR120" s="26"/>
      <c r="FLS120" s="26"/>
      <c r="FLT120" s="26"/>
      <c r="FLU120" s="26"/>
      <c r="FLV120" s="26"/>
      <c r="FLW120" s="26"/>
      <c r="FLX120" s="26"/>
      <c r="FLY120" s="26"/>
      <c r="FLZ120" s="26"/>
      <c r="FMA120" s="26"/>
      <c r="FMB120" s="26"/>
      <c r="FMC120" s="26"/>
      <c r="FMD120" s="26"/>
      <c r="FME120" s="26"/>
      <c r="FMF120" s="26"/>
      <c r="FMG120" s="26"/>
      <c r="FMH120" s="26"/>
      <c r="FMI120" s="26"/>
      <c r="FMJ120" s="26"/>
      <c r="FMK120" s="26"/>
      <c r="FML120" s="26"/>
      <c r="FMM120" s="26"/>
      <c r="FMN120" s="26"/>
      <c r="FMO120" s="26"/>
      <c r="FMP120" s="26"/>
      <c r="FMQ120" s="26"/>
      <c r="FMR120" s="26"/>
      <c r="FMS120" s="26"/>
      <c r="FMT120" s="26"/>
      <c r="FMU120" s="26"/>
      <c r="FMV120" s="26"/>
      <c r="FMW120" s="26"/>
      <c r="FMX120" s="26"/>
      <c r="FMY120" s="26"/>
      <c r="FMZ120" s="26"/>
      <c r="FNA120" s="26"/>
      <c r="FNB120" s="26"/>
      <c r="FNC120" s="26"/>
      <c r="FND120" s="26"/>
      <c r="FNE120" s="26"/>
      <c r="FNF120" s="26"/>
      <c r="FNG120" s="26"/>
      <c r="FNH120" s="26"/>
      <c r="FNI120" s="26"/>
      <c r="FNJ120" s="26"/>
      <c r="FNK120" s="26"/>
      <c r="FNL120" s="26"/>
      <c r="FNM120" s="26"/>
      <c r="FNN120" s="26"/>
      <c r="FNO120" s="26"/>
      <c r="FNP120" s="26"/>
      <c r="FNQ120" s="26"/>
      <c r="FNR120" s="26"/>
      <c r="FNS120" s="26"/>
      <c r="FNT120" s="26"/>
      <c r="FNU120" s="26"/>
      <c r="FNV120" s="26"/>
      <c r="FNW120" s="26"/>
      <c r="FNX120" s="26"/>
      <c r="FNY120" s="26"/>
      <c r="FNZ120" s="26"/>
      <c r="FOA120" s="26"/>
      <c r="FOB120" s="26"/>
      <c r="FOC120" s="26"/>
      <c r="FOD120" s="26"/>
      <c r="FOE120" s="26"/>
      <c r="FOF120" s="26"/>
      <c r="FOG120" s="26"/>
      <c r="FOH120" s="26"/>
      <c r="FOI120" s="26"/>
      <c r="FOJ120" s="26"/>
      <c r="FOK120" s="26"/>
      <c r="FOL120" s="26"/>
      <c r="FOM120" s="26"/>
      <c r="FON120" s="26"/>
      <c r="FOO120" s="26"/>
      <c r="FOP120" s="26"/>
      <c r="FOQ120" s="26"/>
      <c r="FOR120" s="26"/>
      <c r="FOS120" s="26"/>
      <c r="FOT120" s="26"/>
      <c r="FOU120" s="26"/>
      <c r="FOV120" s="26"/>
      <c r="FOW120" s="26"/>
      <c r="FOX120" s="26"/>
      <c r="FOY120" s="26"/>
      <c r="FOZ120" s="26"/>
      <c r="FPA120" s="26"/>
      <c r="FPB120" s="26"/>
      <c r="FPC120" s="26"/>
      <c r="FPD120" s="26"/>
      <c r="FPE120" s="26"/>
      <c r="FPF120" s="26"/>
      <c r="FPG120" s="26"/>
      <c r="FPH120" s="26"/>
      <c r="FPI120" s="26"/>
      <c r="FPJ120" s="26"/>
      <c r="FPK120" s="26"/>
      <c r="FPL120" s="26"/>
      <c r="FPM120" s="26"/>
      <c r="FPN120" s="26"/>
      <c r="FPO120" s="26"/>
      <c r="FPP120" s="26"/>
      <c r="FPQ120" s="26"/>
      <c r="FPR120" s="26"/>
      <c r="FPS120" s="26"/>
      <c r="FPT120" s="26"/>
      <c r="FPU120" s="26"/>
      <c r="FPV120" s="26"/>
      <c r="FPW120" s="26"/>
      <c r="FPX120" s="26"/>
      <c r="FPY120" s="26"/>
      <c r="FPZ120" s="26"/>
      <c r="FQA120" s="26"/>
      <c r="FQB120" s="26"/>
      <c r="FQC120" s="26"/>
      <c r="FQD120" s="26"/>
      <c r="FQE120" s="26"/>
      <c r="FQF120" s="26"/>
      <c r="FQG120" s="26"/>
      <c r="FQH120" s="26"/>
      <c r="FQI120" s="26"/>
      <c r="FQJ120" s="26"/>
      <c r="FQK120" s="26"/>
      <c r="FQL120" s="26"/>
      <c r="FQM120" s="26"/>
      <c r="FQN120" s="26"/>
      <c r="FQO120" s="26"/>
      <c r="FQP120" s="26"/>
      <c r="FQQ120" s="26"/>
      <c r="FQR120" s="26"/>
      <c r="FQS120" s="26"/>
      <c r="FQT120" s="26"/>
      <c r="FQU120" s="26"/>
      <c r="FQV120" s="26"/>
      <c r="FQW120" s="26"/>
      <c r="FQX120" s="26"/>
      <c r="FQY120" s="26"/>
      <c r="FQZ120" s="26"/>
      <c r="FRA120" s="26"/>
      <c r="FRB120" s="26"/>
      <c r="FRC120" s="26"/>
      <c r="FRD120" s="26"/>
      <c r="FRE120" s="26"/>
      <c r="FRF120" s="26"/>
      <c r="FRG120" s="26"/>
      <c r="FRH120" s="26"/>
      <c r="FRI120" s="26"/>
      <c r="FRJ120" s="26"/>
      <c r="FRK120" s="26"/>
      <c r="FRL120" s="26"/>
      <c r="FRM120" s="26"/>
      <c r="FRN120" s="26"/>
      <c r="FRO120" s="26"/>
      <c r="FRP120" s="26"/>
      <c r="FRQ120" s="26"/>
      <c r="FRR120" s="26"/>
      <c r="FRS120" s="26"/>
      <c r="FRT120" s="26"/>
      <c r="FRU120" s="26"/>
      <c r="FRV120" s="26"/>
      <c r="FRW120" s="26"/>
      <c r="FRX120" s="26"/>
      <c r="FRY120" s="26"/>
      <c r="FRZ120" s="26"/>
      <c r="FSA120" s="26"/>
      <c r="FSB120" s="26"/>
      <c r="FSC120" s="26"/>
      <c r="FSD120" s="26"/>
      <c r="FSE120" s="26"/>
      <c r="FSF120" s="26"/>
      <c r="FSG120" s="26"/>
      <c r="FSH120" s="26"/>
      <c r="FSI120" s="26"/>
      <c r="FSJ120" s="26"/>
      <c r="FSK120" s="26"/>
      <c r="FSL120" s="26"/>
      <c r="FSM120" s="26"/>
      <c r="FSN120" s="26"/>
      <c r="FSO120" s="26"/>
      <c r="FSP120" s="26"/>
      <c r="FSQ120" s="26"/>
      <c r="FSR120" s="26"/>
      <c r="FSS120" s="26"/>
      <c r="FST120" s="26"/>
      <c r="FSU120" s="26"/>
      <c r="FSV120" s="26"/>
      <c r="FSW120" s="26"/>
      <c r="FSX120" s="26"/>
      <c r="FSY120" s="26"/>
      <c r="FSZ120" s="26"/>
      <c r="FTA120" s="26"/>
      <c r="FTB120" s="26"/>
      <c r="FTC120" s="26"/>
      <c r="FTD120" s="26"/>
      <c r="FTE120" s="26"/>
      <c r="FTF120" s="26"/>
      <c r="FTG120" s="26"/>
      <c r="FTH120" s="26"/>
      <c r="FTI120" s="26"/>
      <c r="FTJ120" s="26"/>
      <c r="FTK120" s="26"/>
      <c r="FTL120" s="26"/>
      <c r="FTM120" s="26"/>
      <c r="FTN120" s="26"/>
      <c r="FTO120" s="26"/>
      <c r="FTP120" s="26"/>
      <c r="FTQ120" s="26"/>
      <c r="FTR120" s="26"/>
      <c r="FTS120" s="26"/>
      <c r="FTT120" s="26"/>
      <c r="FTU120" s="26"/>
      <c r="FTV120" s="26"/>
      <c r="FTW120" s="26"/>
      <c r="FTX120" s="26"/>
      <c r="FTY120" s="26"/>
      <c r="FTZ120" s="26"/>
      <c r="FUA120" s="26"/>
      <c r="FUB120" s="26"/>
      <c r="FUC120" s="26"/>
      <c r="FUD120" s="26"/>
      <c r="FUE120" s="26"/>
      <c r="FUF120" s="26"/>
      <c r="FUG120" s="26"/>
      <c r="FUH120" s="26"/>
      <c r="FUI120" s="26"/>
      <c r="FUJ120" s="26"/>
      <c r="FUK120" s="26"/>
      <c r="FUL120" s="26"/>
      <c r="FUM120" s="26"/>
      <c r="FUN120" s="26"/>
      <c r="FUO120" s="26"/>
      <c r="FUP120" s="26"/>
      <c r="FUQ120" s="26"/>
      <c r="FUR120" s="26"/>
      <c r="FUS120" s="26"/>
      <c r="FUT120" s="26"/>
      <c r="FUU120" s="26"/>
      <c r="FUV120" s="26"/>
      <c r="FUW120" s="26"/>
      <c r="FUX120" s="26"/>
      <c r="FUY120" s="26"/>
      <c r="FUZ120" s="26"/>
      <c r="FVA120" s="26"/>
      <c r="FVB120" s="26"/>
      <c r="FVC120" s="26"/>
      <c r="FVD120" s="26"/>
      <c r="FVE120" s="26"/>
      <c r="FVF120" s="26"/>
      <c r="FVG120" s="26"/>
      <c r="FVH120" s="26"/>
      <c r="FVI120" s="26"/>
      <c r="FVJ120" s="26"/>
      <c r="FVK120" s="26"/>
      <c r="FVL120" s="26"/>
      <c r="FVM120" s="26"/>
      <c r="FVN120" s="26"/>
      <c r="FVO120" s="26"/>
      <c r="FVP120" s="26"/>
      <c r="FVQ120" s="26"/>
      <c r="FVR120" s="26"/>
      <c r="FVS120" s="26"/>
      <c r="FVT120" s="26"/>
      <c r="FVU120" s="26"/>
      <c r="FVV120" s="26"/>
      <c r="FVW120" s="26"/>
      <c r="FVX120" s="26"/>
      <c r="FVY120" s="26"/>
      <c r="FVZ120" s="26"/>
      <c r="FWA120" s="26"/>
      <c r="FWB120" s="26"/>
      <c r="FWC120" s="26"/>
      <c r="FWD120" s="26"/>
      <c r="FWE120" s="26"/>
      <c r="FWF120" s="26"/>
      <c r="FWG120" s="26"/>
      <c r="FWH120" s="26"/>
      <c r="FWI120" s="26"/>
      <c r="FWJ120" s="26"/>
      <c r="FWK120" s="26"/>
      <c r="FWL120" s="26"/>
      <c r="FWM120" s="26"/>
      <c r="FWN120" s="26"/>
      <c r="FWO120" s="26"/>
      <c r="FWP120" s="26"/>
      <c r="FWQ120" s="26"/>
      <c r="FWR120" s="26"/>
      <c r="FWS120" s="26"/>
      <c r="FWT120" s="26"/>
      <c r="FWU120" s="26"/>
      <c r="FWV120" s="26"/>
      <c r="FWW120" s="26"/>
      <c r="FWX120" s="26"/>
      <c r="FWY120" s="26"/>
      <c r="FWZ120" s="26"/>
      <c r="FXA120" s="26"/>
      <c r="FXB120" s="26"/>
      <c r="FXC120" s="26"/>
      <c r="FXD120" s="26"/>
      <c r="FXE120" s="26"/>
      <c r="FXF120" s="26"/>
      <c r="FXG120" s="26"/>
      <c r="FXH120" s="26"/>
      <c r="FXI120" s="26"/>
      <c r="FXJ120" s="26"/>
      <c r="FXK120" s="26"/>
      <c r="FXL120" s="26"/>
      <c r="FXM120" s="26"/>
      <c r="FXN120" s="26"/>
      <c r="FXO120" s="26"/>
      <c r="FXP120" s="26"/>
      <c r="FXQ120" s="26"/>
      <c r="FXR120" s="26"/>
      <c r="FXS120" s="26"/>
      <c r="FXT120" s="26"/>
      <c r="FXU120" s="26"/>
      <c r="FXV120" s="26"/>
      <c r="FXW120" s="26"/>
      <c r="FXX120" s="26"/>
      <c r="FXY120" s="26"/>
      <c r="FXZ120" s="26"/>
      <c r="FYA120" s="26"/>
      <c r="FYB120" s="26"/>
      <c r="FYC120" s="26"/>
      <c r="FYD120" s="26"/>
      <c r="FYE120" s="26"/>
      <c r="FYF120" s="26"/>
      <c r="FYG120" s="26"/>
      <c r="FYH120" s="26"/>
      <c r="FYI120" s="26"/>
      <c r="FYJ120" s="26"/>
      <c r="FYK120" s="26"/>
      <c r="FYL120" s="26"/>
      <c r="FYM120" s="26"/>
      <c r="FYN120" s="26"/>
      <c r="FYO120" s="26"/>
      <c r="FYP120" s="26"/>
      <c r="FYQ120" s="26"/>
      <c r="FYR120" s="26"/>
      <c r="FYS120" s="26"/>
      <c r="FYT120" s="26"/>
      <c r="FYU120" s="26"/>
      <c r="FYV120" s="26"/>
      <c r="FYW120" s="26"/>
      <c r="FYX120" s="26"/>
      <c r="FYY120" s="26"/>
      <c r="FYZ120" s="26"/>
      <c r="FZA120" s="26"/>
      <c r="FZB120" s="26"/>
      <c r="FZC120" s="26"/>
      <c r="FZD120" s="26"/>
      <c r="FZE120" s="26"/>
      <c r="FZF120" s="26"/>
      <c r="FZG120" s="26"/>
      <c r="FZH120" s="26"/>
      <c r="FZI120" s="26"/>
      <c r="FZJ120" s="26"/>
      <c r="FZK120" s="26"/>
      <c r="FZL120" s="26"/>
      <c r="FZM120" s="26"/>
      <c r="FZN120" s="26"/>
      <c r="FZO120" s="26"/>
      <c r="FZP120" s="26"/>
      <c r="FZQ120" s="26"/>
      <c r="FZR120" s="26"/>
      <c r="FZS120" s="26"/>
      <c r="FZT120" s="26"/>
      <c r="FZU120" s="26"/>
      <c r="FZV120" s="26"/>
      <c r="FZW120" s="26"/>
      <c r="FZX120" s="26"/>
      <c r="FZY120" s="26"/>
      <c r="FZZ120" s="26"/>
      <c r="GAA120" s="26"/>
      <c r="GAB120" s="26"/>
      <c r="GAC120" s="26"/>
      <c r="GAD120" s="26"/>
      <c r="GAE120" s="26"/>
      <c r="GAF120" s="26"/>
      <c r="GAG120" s="26"/>
      <c r="GAH120" s="26"/>
      <c r="GAI120" s="26"/>
      <c r="GAJ120" s="26"/>
      <c r="GAK120" s="26"/>
      <c r="GAL120" s="26"/>
      <c r="GAM120" s="26"/>
      <c r="GAN120" s="26"/>
      <c r="GAO120" s="26"/>
      <c r="GAP120" s="26"/>
      <c r="GAQ120" s="26"/>
      <c r="GAR120" s="26"/>
      <c r="GAS120" s="26"/>
      <c r="GAT120" s="26"/>
      <c r="GAU120" s="26"/>
      <c r="GAV120" s="26"/>
      <c r="GAW120" s="26"/>
      <c r="GAX120" s="26"/>
      <c r="GAY120" s="26"/>
      <c r="GAZ120" s="26"/>
      <c r="GBA120" s="26"/>
      <c r="GBB120" s="26"/>
      <c r="GBC120" s="26"/>
      <c r="GBD120" s="26"/>
      <c r="GBE120" s="26"/>
      <c r="GBF120" s="26"/>
      <c r="GBG120" s="26"/>
      <c r="GBH120" s="26"/>
      <c r="GBI120" s="26"/>
      <c r="GBJ120" s="26"/>
      <c r="GBK120" s="26"/>
      <c r="GBL120" s="26"/>
      <c r="GBM120" s="26"/>
      <c r="GBN120" s="26"/>
      <c r="GBO120" s="26"/>
      <c r="GBP120" s="26"/>
      <c r="GBQ120" s="26"/>
      <c r="GBR120" s="26"/>
      <c r="GBS120" s="26"/>
      <c r="GBT120" s="26"/>
      <c r="GBU120" s="26"/>
      <c r="GBV120" s="26"/>
      <c r="GBW120" s="26"/>
      <c r="GBX120" s="26"/>
      <c r="GBY120" s="26"/>
      <c r="GBZ120" s="26"/>
      <c r="GCA120" s="26"/>
      <c r="GCB120" s="26"/>
      <c r="GCC120" s="26"/>
      <c r="GCD120" s="26"/>
      <c r="GCE120" s="26"/>
      <c r="GCF120" s="26"/>
      <c r="GCG120" s="26"/>
      <c r="GCH120" s="26"/>
      <c r="GCI120" s="26"/>
      <c r="GCJ120" s="26"/>
      <c r="GCK120" s="26"/>
      <c r="GCL120" s="26"/>
      <c r="GCM120" s="26"/>
      <c r="GCN120" s="26"/>
      <c r="GCO120" s="26"/>
      <c r="GCP120" s="26"/>
      <c r="GCQ120" s="26"/>
      <c r="GCR120" s="26"/>
      <c r="GCS120" s="26"/>
      <c r="GCT120" s="26"/>
      <c r="GCU120" s="26"/>
      <c r="GCV120" s="26"/>
      <c r="GCW120" s="26"/>
      <c r="GCX120" s="26"/>
      <c r="GCY120" s="26"/>
      <c r="GCZ120" s="26"/>
      <c r="GDA120" s="26"/>
      <c r="GDB120" s="26"/>
      <c r="GDC120" s="26"/>
      <c r="GDD120" s="26"/>
      <c r="GDE120" s="26"/>
      <c r="GDF120" s="26"/>
      <c r="GDG120" s="26"/>
      <c r="GDH120" s="26"/>
      <c r="GDI120" s="26"/>
      <c r="GDJ120" s="26"/>
      <c r="GDK120" s="26"/>
      <c r="GDL120" s="26"/>
      <c r="GDM120" s="26"/>
      <c r="GDN120" s="26"/>
      <c r="GDO120" s="26"/>
      <c r="GDP120" s="26"/>
      <c r="GDQ120" s="26"/>
      <c r="GDR120" s="26"/>
      <c r="GDS120" s="26"/>
      <c r="GDT120" s="26"/>
      <c r="GDU120" s="26"/>
      <c r="GDV120" s="26"/>
      <c r="GDW120" s="26"/>
      <c r="GDX120" s="26"/>
      <c r="GDY120" s="26"/>
      <c r="GDZ120" s="26"/>
      <c r="GEA120" s="26"/>
      <c r="GEB120" s="26"/>
      <c r="GEC120" s="26"/>
      <c r="GED120" s="26"/>
      <c r="GEE120" s="26"/>
      <c r="GEF120" s="26"/>
      <c r="GEG120" s="26"/>
      <c r="GEH120" s="26"/>
      <c r="GEI120" s="26"/>
      <c r="GEJ120" s="26"/>
      <c r="GEK120" s="26"/>
      <c r="GEL120" s="26"/>
      <c r="GEM120" s="26"/>
      <c r="GEN120" s="26"/>
      <c r="GEO120" s="26"/>
      <c r="GEP120" s="26"/>
      <c r="GEQ120" s="26"/>
      <c r="GER120" s="26"/>
      <c r="GES120" s="26"/>
      <c r="GET120" s="26"/>
      <c r="GEU120" s="26"/>
      <c r="GEV120" s="26"/>
      <c r="GEW120" s="26"/>
      <c r="GEX120" s="26"/>
      <c r="GEY120" s="26"/>
      <c r="GEZ120" s="26"/>
      <c r="GFA120" s="26"/>
      <c r="GFB120" s="26"/>
      <c r="GFC120" s="26"/>
      <c r="GFD120" s="26"/>
      <c r="GFE120" s="26"/>
      <c r="GFF120" s="26"/>
      <c r="GFG120" s="26"/>
      <c r="GFH120" s="26"/>
      <c r="GFI120" s="26"/>
      <c r="GFJ120" s="26"/>
      <c r="GFK120" s="26"/>
      <c r="GFL120" s="26"/>
      <c r="GFM120" s="26"/>
      <c r="GFN120" s="26"/>
      <c r="GFO120" s="26"/>
      <c r="GFP120" s="26"/>
      <c r="GFQ120" s="26"/>
      <c r="GFR120" s="26"/>
      <c r="GFS120" s="26"/>
      <c r="GFT120" s="26"/>
      <c r="GFU120" s="26"/>
      <c r="GFV120" s="26"/>
      <c r="GFW120" s="26"/>
      <c r="GFX120" s="26"/>
      <c r="GFY120" s="26"/>
      <c r="GFZ120" s="26"/>
      <c r="GGA120" s="26"/>
      <c r="GGB120" s="26"/>
      <c r="GGC120" s="26"/>
      <c r="GGD120" s="26"/>
      <c r="GGE120" s="26"/>
      <c r="GGF120" s="26"/>
      <c r="GGG120" s="26"/>
      <c r="GGH120" s="26"/>
      <c r="GGI120" s="26"/>
      <c r="GGJ120" s="26"/>
      <c r="GGK120" s="26"/>
      <c r="GGL120" s="26"/>
      <c r="GGM120" s="26"/>
      <c r="GGN120" s="26"/>
      <c r="GGO120" s="26"/>
      <c r="GGP120" s="26"/>
      <c r="GGQ120" s="26"/>
      <c r="GGR120" s="26"/>
      <c r="GGS120" s="26"/>
      <c r="GGT120" s="26"/>
      <c r="GGU120" s="26"/>
      <c r="GGV120" s="26"/>
      <c r="GGW120" s="26"/>
      <c r="GGX120" s="26"/>
      <c r="GGY120" s="26"/>
      <c r="GGZ120" s="26"/>
      <c r="GHA120" s="26"/>
      <c r="GHB120" s="26"/>
      <c r="GHC120" s="26"/>
      <c r="GHD120" s="26"/>
      <c r="GHE120" s="26"/>
      <c r="GHF120" s="26"/>
      <c r="GHG120" s="26"/>
      <c r="GHH120" s="26"/>
      <c r="GHI120" s="26"/>
      <c r="GHJ120" s="26"/>
      <c r="GHK120" s="26"/>
      <c r="GHL120" s="26"/>
      <c r="GHM120" s="26"/>
      <c r="GHN120" s="26"/>
      <c r="GHO120" s="26"/>
      <c r="GHP120" s="26"/>
      <c r="GHQ120" s="26"/>
      <c r="GHR120" s="26"/>
      <c r="GHS120" s="26"/>
      <c r="GHT120" s="26"/>
      <c r="GHU120" s="26"/>
      <c r="GHV120" s="26"/>
      <c r="GHW120" s="26"/>
      <c r="GHX120" s="26"/>
      <c r="GHY120" s="26"/>
      <c r="GHZ120" s="26"/>
      <c r="GIA120" s="26"/>
      <c r="GIB120" s="26"/>
      <c r="GIC120" s="26"/>
      <c r="GID120" s="26"/>
      <c r="GIE120" s="26"/>
      <c r="GIF120" s="26"/>
      <c r="GIG120" s="26"/>
      <c r="GIH120" s="26"/>
      <c r="GII120" s="26"/>
      <c r="GIJ120" s="26"/>
      <c r="GIK120" s="26"/>
      <c r="GIL120" s="26"/>
      <c r="GIM120" s="26"/>
      <c r="GIN120" s="26"/>
      <c r="GIO120" s="26"/>
      <c r="GIP120" s="26"/>
      <c r="GIQ120" s="26"/>
      <c r="GIR120" s="26"/>
      <c r="GIS120" s="26"/>
      <c r="GIT120" s="26"/>
      <c r="GIU120" s="26"/>
      <c r="GIV120" s="26"/>
      <c r="GIW120" s="26"/>
      <c r="GIX120" s="26"/>
      <c r="GIY120" s="26"/>
      <c r="GIZ120" s="26"/>
      <c r="GJA120" s="26"/>
      <c r="GJB120" s="26"/>
      <c r="GJC120" s="26"/>
      <c r="GJD120" s="26"/>
      <c r="GJE120" s="26"/>
      <c r="GJF120" s="26"/>
      <c r="GJG120" s="26"/>
      <c r="GJH120" s="26"/>
      <c r="GJI120" s="26"/>
      <c r="GJJ120" s="26"/>
      <c r="GJK120" s="26"/>
      <c r="GJL120" s="26"/>
      <c r="GJM120" s="26"/>
      <c r="GJN120" s="26"/>
      <c r="GJO120" s="26"/>
      <c r="GJP120" s="26"/>
      <c r="GJQ120" s="26"/>
      <c r="GJR120" s="26"/>
      <c r="GJS120" s="26"/>
      <c r="GJT120" s="26"/>
      <c r="GJU120" s="26"/>
      <c r="GJV120" s="26"/>
      <c r="GJW120" s="26"/>
      <c r="GJX120" s="26"/>
      <c r="GJY120" s="26"/>
      <c r="GJZ120" s="26"/>
      <c r="GKA120" s="26"/>
      <c r="GKB120" s="26"/>
      <c r="GKC120" s="26"/>
      <c r="GKD120" s="26"/>
      <c r="GKE120" s="26"/>
      <c r="GKF120" s="26"/>
      <c r="GKG120" s="26"/>
      <c r="GKH120" s="26"/>
      <c r="GKI120" s="26"/>
      <c r="GKJ120" s="26"/>
      <c r="GKK120" s="26"/>
      <c r="GKL120" s="26"/>
      <c r="GKM120" s="26"/>
      <c r="GKN120" s="26"/>
      <c r="GKO120" s="26"/>
      <c r="GKP120" s="26"/>
      <c r="GKQ120" s="26"/>
      <c r="GKR120" s="26"/>
      <c r="GKS120" s="26"/>
      <c r="GKT120" s="26"/>
      <c r="GKU120" s="26"/>
      <c r="GKV120" s="26"/>
      <c r="GKW120" s="26"/>
      <c r="GKX120" s="26"/>
      <c r="GKY120" s="26"/>
      <c r="GKZ120" s="26"/>
      <c r="GLA120" s="26"/>
      <c r="GLB120" s="26"/>
      <c r="GLC120" s="26"/>
      <c r="GLD120" s="26"/>
      <c r="GLE120" s="26"/>
      <c r="GLF120" s="26"/>
      <c r="GLG120" s="26"/>
      <c r="GLH120" s="26"/>
      <c r="GLI120" s="26"/>
      <c r="GLJ120" s="26"/>
      <c r="GLK120" s="26"/>
      <c r="GLL120" s="26"/>
      <c r="GLM120" s="26"/>
      <c r="GLN120" s="26"/>
      <c r="GLO120" s="26"/>
      <c r="GLP120" s="26"/>
      <c r="GLQ120" s="26"/>
      <c r="GLR120" s="26"/>
      <c r="GLS120" s="26"/>
      <c r="GLT120" s="26"/>
      <c r="GLU120" s="26"/>
      <c r="GLV120" s="26"/>
      <c r="GLW120" s="26"/>
      <c r="GLX120" s="26"/>
      <c r="GLY120" s="26"/>
      <c r="GLZ120" s="26"/>
      <c r="GMA120" s="26"/>
      <c r="GMB120" s="26"/>
      <c r="GMC120" s="26"/>
      <c r="GMD120" s="26"/>
      <c r="GME120" s="26"/>
      <c r="GMF120" s="26"/>
      <c r="GMG120" s="26"/>
      <c r="GMH120" s="26"/>
      <c r="GMI120" s="26"/>
      <c r="GMJ120" s="26"/>
      <c r="GMK120" s="26"/>
      <c r="GML120" s="26"/>
      <c r="GMM120" s="26"/>
      <c r="GMN120" s="26"/>
      <c r="GMO120" s="26"/>
      <c r="GMP120" s="26"/>
      <c r="GMQ120" s="26"/>
      <c r="GMR120" s="26"/>
      <c r="GMS120" s="26"/>
      <c r="GMT120" s="26"/>
      <c r="GMU120" s="26"/>
      <c r="GMV120" s="26"/>
      <c r="GMW120" s="26"/>
      <c r="GMX120" s="26"/>
      <c r="GMY120" s="26"/>
      <c r="GMZ120" s="26"/>
      <c r="GNA120" s="26"/>
      <c r="GNB120" s="26"/>
      <c r="GNC120" s="26"/>
      <c r="GND120" s="26"/>
      <c r="GNE120" s="26"/>
      <c r="GNF120" s="26"/>
      <c r="GNG120" s="26"/>
      <c r="GNH120" s="26"/>
      <c r="GNI120" s="26"/>
      <c r="GNJ120" s="26"/>
      <c r="GNK120" s="26"/>
      <c r="GNL120" s="26"/>
      <c r="GNM120" s="26"/>
      <c r="GNN120" s="26"/>
      <c r="GNO120" s="26"/>
      <c r="GNP120" s="26"/>
      <c r="GNQ120" s="26"/>
      <c r="GNR120" s="26"/>
      <c r="GNS120" s="26"/>
      <c r="GNT120" s="26"/>
      <c r="GNU120" s="26"/>
      <c r="GNV120" s="26"/>
      <c r="GNW120" s="26"/>
      <c r="GNX120" s="26"/>
      <c r="GNY120" s="26"/>
      <c r="GNZ120" s="26"/>
      <c r="GOA120" s="26"/>
      <c r="GOB120" s="26"/>
      <c r="GOC120" s="26"/>
      <c r="GOD120" s="26"/>
      <c r="GOE120" s="26"/>
      <c r="GOF120" s="26"/>
      <c r="GOG120" s="26"/>
      <c r="GOH120" s="26"/>
      <c r="GOI120" s="26"/>
      <c r="GOJ120" s="26"/>
      <c r="GOK120" s="26"/>
      <c r="GOL120" s="26"/>
      <c r="GOM120" s="26"/>
      <c r="GON120" s="26"/>
      <c r="GOO120" s="26"/>
      <c r="GOP120" s="26"/>
      <c r="GOQ120" s="26"/>
      <c r="GOR120" s="26"/>
      <c r="GOS120" s="26"/>
      <c r="GOT120" s="26"/>
      <c r="GOU120" s="26"/>
      <c r="GOV120" s="26"/>
      <c r="GOW120" s="26"/>
      <c r="GOX120" s="26"/>
      <c r="GOY120" s="26"/>
      <c r="GOZ120" s="26"/>
      <c r="GPA120" s="26"/>
      <c r="GPB120" s="26"/>
      <c r="GPC120" s="26"/>
      <c r="GPD120" s="26"/>
      <c r="GPE120" s="26"/>
      <c r="GPF120" s="26"/>
      <c r="GPG120" s="26"/>
      <c r="GPH120" s="26"/>
      <c r="GPI120" s="26"/>
      <c r="GPJ120" s="26"/>
      <c r="GPK120" s="26"/>
      <c r="GPL120" s="26"/>
      <c r="GPM120" s="26"/>
      <c r="GPN120" s="26"/>
      <c r="GPO120" s="26"/>
      <c r="GPP120" s="26"/>
      <c r="GPQ120" s="26"/>
      <c r="GPR120" s="26"/>
      <c r="GPS120" s="26"/>
      <c r="GPT120" s="26"/>
      <c r="GPU120" s="26"/>
      <c r="GPV120" s="26"/>
      <c r="GPW120" s="26"/>
      <c r="GPX120" s="26"/>
      <c r="GPY120" s="26"/>
      <c r="GPZ120" s="26"/>
      <c r="GQA120" s="26"/>
      <c r="GQB120" s="26"/>
      <c r="GQC120" s="26"/>
      <c r="GQD120" s="26"/>
      <c r="GQE120" s="26"/>
      <c r="GQF120" s="26"/>
      <c r="GQG120" s="26"/>
      <c r="GQH120" s="26"/>
      <c r="GQI120" s="26"/>
      <c r="GQJ120" s="26"/>
      <c r="GQK120" s="26"/>
      <c r="GQL120" s="26"/>
      <c r="GQM120" s="26"/>
      <c r="GQN120" s="26"/>
      <c r="GQO120" s="26"/>
      <c r="GQP120" s="26"/>
      <c r="GQQ120" s="26"/>
      <c r="GQR120" s="26"/>
      <c r="GQS120" s="26"/>
      <c r="GQT120" s="26"/>
      <c r="GQU120" s="26"/>
      <c r="GQV120" s="26"/>
      <c r="GQW120" s="26"/>
      <c r="GQX120" s="26"/>
      <c r="GQY120" s="26"/>
      <c r="GQZ120" s="26"/>
      <c r="GRA120" s="26"/>
      <c r="GRB120" s="26"/>
      <c r="GRC120" s="26"/>
      <c r="GRD120" s="26"/>
      <c r="GRE120" s="26"/>
      <c r="GRF120" s="26"/>
      <c r="GRG120" s="26"/>
      <c r="GRH120" s="26"/>
      <c r="GRI120" s="26"/>
      <c r="GRJ120" s="26"/>
      <c r="GRK120" s="26"/>
      <c r="GRL120" s="26"/>
      <c r="GRM120" s="26"/>
      <c r="GRN120" s="26"/>
      <c r="GRO120" s="26"/>
      <c r="GRP120" s="26"/>
      <c r="GRQ120" s="26"/>
      <c r="GRR120" s="26"/>
      <c r="GRS120" s="26"/>
      <c r="GRT120" s="26"/>
      <c r="GRU120" s="26"/>
      <c r="GRV120" s="26"/>
      <c r="GRW120" s="26"/>
      <c r="GRX120" s="26"/>
      <c r="GRY120" s="26"/>
      <c r="GRZ120" s="26"/>
      <c r="GSA120" s="26"/>
      <c r="GSB120" s="26"/>
      <c r="GSC120" s="26"/>
      <c r="GSD120" s="26"/>
      <c r="GSE120" s="26"/>
      <c r="GSF120" s="26"/>
      <c r="GSG120" s="26"/>
      <c r="GSH120" s="26"/>
      <c r="GSI120" s="26"/>
      <c r="GSJ120" s="26"/>
      <c r="GSK120" s="26"/>
      <c r="GSL120" s="26"/>
      <c r="GSM120" s="26"/>
      <c r="GSN120" s="26"/>
      <c r="GSO120" s="26"/>
      <c r="GSP120" s="26"/>
      <c r="GSQ120" s="26"/>
      <c r="GSR120" s="26"/>
      <c r="GSS120" s="26"/>
      <c r="GST120" s="26"/>
      <c r="GSU120" s="26"/>
      <c r="GSV120" s="26"/>
      <c r="GSW120" s="26"/>
      <c r="GSX120" s="26"/>
      <c r="GSY120" s="26"/>
      <c r="GSZ120" s="26"/>
      <c r="GTA120" s="26"/>
      <c r="GTB120" s="26"/>
      <c r="GTC120" s="26"/>
      <c r="GTD120" s="26"/>
      <c r="GTE120" s="26"/>
      <c r="GTF120" s="26"/>
      <c r="GTG120" s="26"/>
      <c r="GTH120" s="26"/>
      <c r="GTI120" s="26"/>
      <c r="GTJ120" s="26"/>
      <c r="GTK120" s="26"/>
      <c r="GTL120" s="26"/>
      <c r="GTM120" s="26"/>
      <c r="GTN120" s="26"/>
      <c r="GTO120" s="26"/>
      <c r="GTP120" s="26"/>
      <c r="GTQ120" s="26"/>
      <c r="GTR120" s="26"/>
      <c r="GTS120" s="26"/>
      <c r="GTT120" s="26"/>
      <c r="GTU120" s="26"/>
      <c r="GTV120" s="26"/>
      <c r="GTW120" s="26"/>
      <c r="GTX120" s="26"/>
      <c r="GTY120" s="26"/>
      <c r="GTZ120" s="26"/>
      <c r="GUA120" s="26"/>
      <c r="GUB120" s="26"/>
      <c r="GUC120" s="26"/>
      <c r="GUD120" s="26"/>
      <c r="GUE120" s="26"/>
      <c r="GUF120" s="26"/>
      <c r="GUG120" s="26"/>
      <c r="GUH120" s="26"/>
      <c r="GUI120" s="26"/>
      <c r="GUJ120" s="26"/>
      <c r="GUK120" s="26"/>
      <c r="GUL120" s="26"/>
      <c r="GUM120" s="26"/>
      <c r="GUN120" s="26"/>
      <c r="GUO120" s="26"/>
      <c r="GUP120" s="26"/>
      <c r="GUQ120" s="26"/>
      <c r="GUR120" s="26"/>
      <c r="GUS120" s="26"/>
      <c r="GUT120" s="26"/>
      <c r="GUU120" s="26"/>
      <c r="GUV120" s="26"/>
      <c r="GUW120" s="26"/>
      <c r="GUX120" s="26"/>
      <c r="GUY120" s="26"/>
      <c r="GUZ120" s="26"/>
      <c r="GVA120" s="26"/>
      <c r="GVB120" s="26"/>
      <c r="GVC120" s="26"/>
      <c r="GVD120" s="26"/>
      <c r="GVE120" s="26"/>
      <c r="GVF120" s="26"/>
      <c r="GVG120" s="26"/>
      <c r="GVH120" s="26"/>
      <c r="GVI120" s="26"/>
      <c r="GVJ120" s="26"/>
      <c r="GVK120" s="26"/>
      <c r="GVL120" s="26"/>
      <c r="GVM120" s="26"/>
      <c r="GVN120" s="26"/>
      <c r="GVO120" s="26"/>
      <c r="GVP120" s="26"/>
      <c r="GVQ120" s="26"/>
      <c r="GVR120" s="26"/>
      <c r="GVS120" s="26"/>
      <c r="GVT120" s="26"/>
      <c r="GVU120" s="26"/>
      <c r="GVV120" s="26"/>
      <c r="GVW120" s="26"/>
      <c r="GVX120" s="26"/>
      <c r="GVY120" s="26"/>
      <c r="GVZ120" s="26"/>
      <c r="GWA120" s="26"/>
      <c r="GWB120" s="26"/>
      <c r="GWC120" s="26"/>
      <c r="GWD120" s="26"/>
      <c r="GWE120" s="26"/>
      <c r="GWF120" s="26"/>
      <c r="GWG120" s="26"/>
      <c r="GWH120" s="26"/>
      <c r="GWI120" s="26"/>
      <c r="GWJ120" s="26"/>
      <c r="GWK120" s="26"/>
      <c r="GWL120" s="26"/>
      <c r="GWM120" s="26"/>
      <c r="GWN120" s="26"/>
      <c r="GWO120" s="26"/>
      <c r="GWP120" s="26"/>
      <c r="GWQ120" s="26"/>
      <c r="GWR120" s="26"/>
      <c r="GWS120" s="26"/>
      <c r="GWT120" s="26"/>
      <c r="GWU120" s="26"/>
      <c r="GWV120" s="26"/>
      <c r="GWW120" s="26"/>
      <c r="GWX120" s="26"/>
      <c r="GWY120" s="26"/>
      <c r="GWZ120" s="26"/>
      <c r="GXA120" s="26"/>
      <c r="GXB120" s="26"/>
      <c r="GXC120" s="26"/>
      <c r="GXD120" s="26"/>
      <c r="GXE120" s="26"/>
      <c r="GXF120" s="26"/>
      <c r="GXG120" s="26"/>
      <c r="GXH120" s="26"/>
      <c r="GXI120" s="26"/>
      <c r="GXJ120" s="26"/>
      <c r="GXK120" s="26"/>
      <c r="GXL120" s="26"/>
      <c r="GXM120" s="26"/>
      <c r="GXN120" s="26"/>
      <c r="GXO120" s="26"/>
      <c r="GXP120" s="26"/>
      <c r="GXQ120" s="26"/>
      <c r="GXR120" s="26"/>
      <c r="GXS120" s="26"/>
      <c r="GXT120" s="26"/>
      <c r="GXU120" s="26"/>
      <c r="GXV120" s="26"/>
      <c r="GXW120" s="26"/>
      <c r="GXX120" s="26"/>
      <c r="GXY120" s="26"/>
      <c r="GXZ120" s="26"/>
      <c r="GYA120" s="26"/>
      <c r="GYB120" s="26"/>
      <c r="GYC120" s="26"/>
      <c r="GYD120" s="26"/>
      <c r="GYE120" s="26"/>
      <c r="GYF120" s="26"/>
      <c r="GYG120" s="26"/>
      <c r="GYH120" s="26"/>
      <c r="GYI120" s="26"/>
      <c r="GYJ120" s="26"/>
      <c r="GYK120" s="26"/>
      <c r="GYL120" s="26"/>
      <c r="GYM120" s="26"/>
      <c r="GYN120" s="26"/>
      <c r="GYO120" s="26"/>
      <c r="GYP120" s="26"/>
      <c r="GYQ120" s="26"/>
      <c r="GYR120" s="26"/>
      <c r="GYS120" s="26"/>
      <c r="GYT120" s="26"/>
      <c r="GYU120" s="26"/>
      <c r="GYV120" s="26"/>
      <c r="GYW120" s="26"/>
      <c r="GYX120" s="26"/>
      <c r="GYY120" s="26"/>
      <c r="GYZ120" s="26"/>
      <c r="GZA120" s="26"/>
      <c r="GZB120" s="26"/>
      <c r="GZC120" s="26"/>
      <c r="GZD120" s="26"/>
      <c r="GZE120" s="26"/>
      <c r="GZF120" s="26"/>
      <c r="GZG120" s="26"/>
      <c r="GZH120" s="26"/>
      <c r="GZI120" s="26"/>
      <c r="GZJ120" s="26"/>
      <c r="GZK120" s="26"/>
      <c r="GZL120" s="26"/>
      <c r="GZM120" s="26"/>
      <c r="GZN120" s="26"/>
      <c r="GZO120" s="26"/>
      <c r="GZP120" s="26"/>
      <c r="GZQ120" s="26"/>
      <c r="GZR120" s="26"/>
      <c r="GZS120" s="26"/>
      <c r="GZT120" s="26"/>
      <c r="GZU120" s="26"/>
      <c r="GZV120" s="26"/>
      <c r="GZW120" s="26"/>
      <c r="GZX120" s="26"/>
      <c r="GZY120" s="26"/>
      <c r="GZZ120" s="26"/>
      <c r="HAA120" s="26"/>
      <c r="HAB120" s="26"/>
      <c r="HAC120" s="26"/>
      <c r="HAD120" s="26"/>
      <c r="HAE120" s="26"/>
      <c r="HAF120" s="26"/>
      <c r="HAG120" s="26"/>
      <c r="HAH120" s="26"/>
      <c r="HAI120" s="26"/>
      <c r="HAJ120" s="26"/>
      <c r="HAK120" s="26"/>
      <c r="HAL120" s="26"/>
      <c r="HAM120" s="26"/>
      <c r="HAN120" s="26"/>
      <c r="HAO120" s="26"/>
      <c r="HAP120" s="26"/>
      <c r="HAQ120" s="26"/>
      <c r="HAR120" s="26"/>
      <c r="HAS120" s="26"/>
      <c r="HAT120" s="26"/>
      <c r="HAU120" s="26"/>
      <c r="HAV120" s="26"/>
      <c r="HAW120" s="26"/>
      <c r="HAX120" s="26"/>
      <c r="HAY120" s="26"/>
      <c r="HAZ120" s="26"/>
      <c r="HBA120" s="26"/>
      <c r="HBB120" s="26"/>
      <c r="HBC120" s="26"/>
      <c r="HBD120" s="26"/>
      <c r="HBE120" s="26"/>
      <c r="HBF120" s="26"/>
      <c r="HBG120" s="26"/>
      <c r="HBH120" s="26"/>
      <c r="HBI120" s="26"/>
      <c r="HBJ120" s="26"/>
      <c r="HBK120" s="26"/>
      <c r="HBL120" s="26"/>
      <c r="HBM120" s="26"/>
      <c r="HBN120" s="26"/>
      <c r="HBO120" s="26"/>
      <c r="HBP120" s="26"/>
      <c r="HBQ120" s="26"/>
      <c r="HBR120" s="26"/>
      <c r="HBS120" s="26"/>
      <c r="HBT120" s="26"/>
      <c r="HBU120" s="26"/>
      <c r="HBV120" s="26"/>
      <c r="HBW120" s="26"/>
      <c r="HBX120" s="26"/>
      <c r="HBY120" s="26"/>
      <c r="HBZ120" s="26"/>
      <c r="HCA120" s="26"/>
      <c r="HCB120" s="26"/>
      <c r="HCC120" s="26"/>
      <c r="HCD120" s="26"/>
      <c r="HCE120" s="26"/>
      <c r="HCF120" s="26"/>
      <c r="HCG120" s="26"/>
      <c r="HCH120" s="26"/>
      <c r="HCI120" s="26"/>
      <c r="HCJ120" s="26"/>
      <c r="HCK120" s="26"/>
      <c r="HCL120" s="26"/>
      <c r="HCM120" s="26"/>
      <c r="HCN120" s="26"/>
      <c r="HCO120" s="26"/>
      <c r="HCP120" s="26"/>
      <c r="HCQ120" s="26"/>
      <c r="HCR120" s="26"/>
      <c r="HCS120" s="26"/>
      <c r="HCT120" s="26"/>
      <c r="HCU120" s="26"/>
      <c r="HCV120" s="26"/>
      <c r="HCW120" s="26"/>
      <c r="HCX120" s="26"/>
      <c r="HCY120" s="26"/>
      <c r="HCZ120" s="26"/>
      <c r="HDA120" s="26"/>
      <c r="HDB120" s="26"/>
      <c r="HDC120" s="26"/>
      <c r="HDD120" s="26"/>
      <c r="HDE120" s="26"/>
      <c r="HDF120" s="26"/>
      <c r="HDG120" s="26"/>
      <c r="HDH120" s="26"/>
      <c r="HDI120" s="26"/>
      <c r="HDJ120" s="26"/>
      <c r="HDK120" s="26"/>
      <c r="HDL120" s="26"/>
      <c r="HDM120" s="26"/>
      <c r="HDN120" s="26"/>
      <c r="HDO120" s="26"/>
      <c r="HDP120" s="26"/>
      <c r="HDQ120" s="26"/>
      <c r="HDR120" s="26"/>
      <c r="HDS120" s="26"/>
      <c r="HDT120" s="26"/>
      <c r="HDU120" s="26"/>
      <c r="HDV120" s="26"/>
      <c r="HDW120" s="26"/>
      <c r="HDX120" s="26"/>
      <c r="HDY120" s="26"/>
      <c r="HDZ120" s="26"/>
      <c r="HEA120" s="26"/>
      <c r="HEB120" s="26"/>
      <c r="HEC120" s="26"/>
      <c r="HED120" s="26"/>
      <c r="HEE120" s="26"/>
      <c r="HEF120" s="26"/>
      <c r="HEG120" s="26"/>
      <c r="HEH120" s="26"/>
      <c r="HEI120" s="26"/>
      <c r="HEJ120" s="26"/>
      <c r="HEK120" s="26"/>
      <c r="HEL120" s="26"/>
      <c r="HEM120" s="26"/>
      <c r="HEN120" s="26"/>
      <c r="HEO120" s="26"/>
      <c r="HEP120" s="26"/>
      <c r="HEQ120" s="26"/>
      <c r="HER120" s="26"/>
      <c r="HES120" s="26"/>
      <c r="HET120" s="26"/>
      <c r="HEU120" s="26"/>
      <c r="HEV120" s="26"/>
      <c r="HEW120" s="26"/>
      <c r="HEX120" s="26"/>
      <c r="HEY120" s="26"/>
      <c r="HEZ120" s="26"/>
      <c r="HFA120" s="26"/>
      <c r="HFB120" s="26"/>
      <c r="HFC120" s="26"/>
      <c r="HFD120" s="26"/>
      <c r="HFE120" s="26"/>
      <c r="HFF120" s="26"/>
      <c r="HFG120" s="26"/>
      <c r="HFH120" s="26"/>
      <c r="HFI120" s="26"/>
      <c r="HFJ120" s="26"/>
      <c r="HFK120" s="26"/>
      <c r="HFL120" s="26"/>
      <c r="HFM120" s="26"/>
      <c r="HFN120" s="26"/>
      <c r="HFO120" s="26"/>
      <c r="HFP120" s="26"/>
      <c r="HFQ120" s="26"/>
      <c r="HFR120" s="26"/>
      <c r="HFS120" s="26"/>
      <c r="HFT120" s="26"/>
      <c r="HFU120" s="26"/>
      <c r="HFV120" s="26"/>
      <c r="HFW120" s="26"/>
      <c r="HFX120" s="26"/>
      <c r="HFY120" s="26"/>
      <c r="HFZ120" s="26"/>
      <c r="HGA120" s="26"/>
      <c r="HGB120" s="26"/>
      <c r="HGC120" s="26"/>
      <c r="HGD120" s="26"/>
      <c r="HGE120" s="26"/>
      <c r="HGF120" s="26"/>
      <c r="HGG120" s="26"/>
      <c r="HGH120" s="26"/>
      <c r="HGI120" s="26"/>
      <c r="HGJ120" s="26"/>
      <c r="HGK120" s="26"/>
      <c r="HGL120" s="26"/>
      <c r="HGM120" s="26"/>
      <c r="HGN120" s="26"/>
      <c r="HGO120" s="26"/>
      <c r="HGP120" s="26"/>
      <c r="HGQ120" s="26"/>
      <c r="HGR120" s="26"/>
      <c r="HGS120" s="26"/>
      <c r="HGT120" s="26"/>
      <c r="HGU120" s="26"/>
      <c r="HGV120" s="26"/>
      <c r="HGW120" s="26"/>
      <c r="HGX120" s="26"/>
      <c r="HGY120" s="26"/>
      <c r="HGZ120" s="26"/>
      <c r="HHA120" s="26"/>
      <c r="HHB120" s="26"/>
      <c r="HHC120" s="26"/>
      <c r="HHD120" s="26"/>
      <c r="HHE120" s="26"/>
      <c r="HHF120" s="26"/>
      <c r="HHG120" s="26"/>
      <c r="HHH120" s="26"/>
      <c r="HHI120" s="26"/>
      <c r="HHJ120" s="26"/>
      <c r="HHK120" s="26"/>
      <c r="HHL120" s="26"/>
      <c r="HHM120" s="26"/>
      <c r="HHN120" s="26"/>
      <c r="HHO120" s="26"/>
      <c r="HHP120" s="26"/>
      <c r="HHQ120" s="26"/>
      <c r="HHR120" s="26"/>
      <c r="HHS120" s="26"/>
      <c r="HHT120" s="26"/>
      <c r="HHU120" s="26"/>
      <c r="HHV120" s="26"/>
      <c r="HHW120" s="26"/>
      <c r="HHX120" s="26"/>
      <c r="HHY120" s="26"/>
      <c r="HHZ120" s="26"/>
      <c r="HIA120" s="26"/>
      <c r="HIB120" s="26"/>
      <c r="HIC120" s="26"/>
      <c r="HID120" s="26"/>
      <c r="HIE120" s="26"/>
      <c r="HIF120" s="26"/>
      <c r="HIG120" s="26"/>
      <c r="HIH120" s="26"/>
      <c r="HII120" s="26"/>
      <c r="HIJ120" s="26"/>
      <c r="HIK120" s="26"/>
      <c r="HIL120" s="26"/>
      <c r="HIM120" s="26"/>
      <c r="HIN120" s="26"/>
      <c r="HIO120" s="26"/>
      <c r="HIP120" s="26"/>
      <c r="HIQ120" s="26"/>
      <c r="HIR120" s="26"/>
      <c r="HIS120" s="26"/>
      <c r="HIT120" s="26"/>
      <c r="HIU120" s="26"/>
      <c r="HIV120" s="26"/>
      <c r="HIW120" s="26"/>
      <c r="HIX120" s="26"/>
      <c r="HIY120" s="26"/>
      <c r="HIZ120" s="26"/>
      <c r="HJA120" s="26"/>
      <c r="HJB120" s="26"/>
      <c r="HJC120" s="26"/>
      <c r="HJD120" s="26"/>
      <c r="HJE120" s="26"/>
      <c r="HJF120" s="26"/>
      <c r="HJG120" s="26"/>
      <c r="HJH120" s="26"/>
      <c r="HJI120" s="26"/>
      <c r="HJJ120" s="26"/>
      <c r="HJK120" s="26"/>
      <c r="HJL120" s="26"/>
      <c r="HJM120" s="26"/>
      <c r="HJN120" s="26"/>
      <c r="HJO120" s="26"/>
      <c r="HJP120" s="26"/>
      <c r="HJQ120" s="26"/>
      <c r="HJR120" s="26"/>
      <c r="HJS120" s="26"/>
      <c r="HJT120" s="26"/>
      <c r="HJU120" s="26"/>
      <c r="HJV120" s="26"/>
      <c r="HJW120" s="26"/>
      <c r="HJX120" s="26"/>
      <c r="HJY120" s="26"/>
      <c r="HJZ120" s="26"/>
      <c r="HKA120" s="26"/>
      <c r="HKB120" s="26"/>
      <c r="HKC120" s="26"/>
      <c r="HKD120" s="26"/>
      <c r="HKE120" s="26"/>
      <c r="HKF120" s="26"/>
      <c r="HKG120" s="26"/>
      <c r="HKH120" s="26"/>
      <c r="HKI120" s="26"/>
      <c r="HKJ120" s="26"/>
      <c r="HKK120" s="26"/>
      <c r="HKL120" s="26"/>
      <c r="HKM120" s="26"/>
      <c r="HKN120" s="26"/>
      <c r="HKO120" s="26"/>
      <c r="HKP120" s="26"/>
      <c r="HKQ120" s="26"/>
      <c r="HKR120" s="26"/>
      <c r="HKS120" s="26"/>
      <c r="HKT120" s="26"/>
      <c r="HKU120" s="26"/>
      <c r="HKV120" s="26"/>
      <c r="HKW120" s="26"/>
      <c r="HKX120" s="26"/>
      <c r="HKY120" s="26"/>
      <c r="HKZ120" s="26"/>
      <c r="HLA120" s="26"/>
      <c r="HLB120" s="26"/>
      <c r="HLC120" s="26"/>
      <c r="HLD120" s="26"/>
      <c r="HLE120" s="26"/>
      <c r="HLF120" s="26"/>
      <c r="HLG120" s="26"/>
      <c r="HLH120" s="26"/>
      <c r="HLI120" s="26"/>
      <c r="HLJ120" s="26"/>
      <c r="HLK120" s="26"/>
      <c r="HLL120" s="26"/>
      <c r="HLM120" s="26"/>
      <c r="HLN120" s="26"/>
      <c r="HLO120" s="26"/>
      <c r="HLP120" s="26"/>
      <c r="HLQ120" s="26"/>
      <c r="HLR120" s="26"/>
      <c r="HLS120" s="26"/>
      <c r="HLT120" s="26"/>
      <c r="HLU120" s="26"/>
      <c r="HLV120" s="26"/>
      <c r="HLW120" s="26"/>
      <c r="HLX120" s="26"/>
      <c r="HLY120" s="26"/>
      <c r="HLZ120" s="26"/>
      <c r="HMA120" s="26"/>
      <c r="HMB120" s="26"/>
      <c r="HMC120" s="26"/>
      <c r="HMD120" s="26"/>
      <c r="HME120" s="26"/>
      <c r="HMF120" s="26"/>
      <c r="HMG120" s="26"/>
      <c r="HMH120" s="26"/>
      <c r="HMI120" s="26"/>
      <c r="HMJ120" s="26"/>
      <c r="HMK120" s="26"/>
      <c r="HML120" s="26"/>
      <c r="HMM120" s="26"/>
      <c r="HMN120" s="26"/>
      <c r="HMO120" s="26"/>
      <c r="HMP120" s="26"/>
      <c r="HMQ120" s="26"/>
      <c r="HMR120" s="26"/>
      <c r="HMS120" s="26"/>
      <c r="HMT120" s="26"/>
      <c r="HMU120" s="26"/>
      <c r="HMV120" s="26"/>
      <c r="HMW120" s="26"/>
      <c r="HMX120" s="26"/>
      <c r="HMY120" s="26"/>
      <c r="HMZ120" s="26"/>
      <c r="HNA120" s="26"/>
      <c r="HNB120" s="26"/>
      <c r="HNC120" s="26"/>
      <c r="HND120" s="26"/>
      <c r="HNE120" s="26"/>
      <c r="HNF120" s="26"/>
      <c r="HNG120" s="26"/>
      <c r="HNH120" s="26"/>
      <c r="HNI120" s="26"/>
      <c r="HNJ120" s="26"/>
      <c r="HNK120" s="26"/>
      <c r="HNL120" s="26"/>
      <c r="HNM120" s="26"/>
      <c r="HNN120" s="26"/>
      <c r="HNO120" s="26"/>
      <c r="HNP120" s="26"/>
      <c r="HNQ120" s="26"/>
      <c r="HNR120" s="26"/>
      <c r="HNS120" s="26"/>
      <c r="HNT120" s="26"/>
      <c r="HNU120" s="26"/>
      <c r="HNV120" s="26"/>
      <c r="HNW120" s="26"/>
      <c r="HNX120" s="26"/>
      <c r="HNY120" s="26"/>
      <c r="HNZ120" s="26"/>
      <c r="HOA120" s="26"/>
      <c r="HOB120" s="26"/>
      <c r="HOC120" s="26"/>
      <c r="HOD120" s="26"/>
      <c r="HOE120" s="26"/>
      <c r="HOF120" s="26"/>
      <c r="HOG120" s="26"/>
      <c r="HOH120" s="26"/>
      <c r="HOI120" s="26"/>
      <c r="HOJ120" s="26"/>
      <c r="HOK120" s="26"/>
      <c r="HOL120" s="26"/>
      <c r="HOM120" s="26"/>
      <c r="HON120" s="26"/>
      <c r="HOO120" s="26"/>
      <c r="HOP120" s="26"/>
      <c r="HOQ120" s="26"/>
      <c r="HOR120" s="26"/>
      <c r="HOS120" s="26"/>
      <c r="HOT120" s="26"/>
      <c r="HOU120" s="26"/>
      <c r="HOV120" s="26"/>
      <c r="HOW120" s="26"/>
      <c r="HOX120" s="26"/>
      <c r="HOY120" s="26"/>
      <c r="HOZ120" s="26"/>
      <c r="HPA120" s="26"/>
      <c r="HPB120" s="26"/>
      <c r="HPC120" s="26"/>
      <c r="HPD120" s="26"/>
      <c r="HPE120" s="26"/>
      <c r="HPF120" s="26"/>
      <c r="HPG120" s="26"/>
      <c r="HPH120" s="26"/>
      <c r="HPI120" s="26"/>
      <c r="HPJ120" s="26"/>
      <c r="HPK120" s="26"/>
      <c r="HPL120" s="26"/>
      <c r="HPM120" s="26"/>
      <c r="HPN120" s="26"/>
      <c r="HPO120" s="26"/>
      <c r="HPP120" s="26"/>
      <c r="HPQ120" s="26"/>
      <c r="HPR120" s="26"/>
      <c r="HPS120" s="26"/>
      <c r="HPT120" s="26"/>
      <c r="HPU120" s="26"/>
      <c r="HPV120" s="26"/>
      <c r="HPW120" s="26"/>
      <c r="HPX120" s="26"/>
      <c r="HPY120" s="26"/>
      <c r="HPZ120" s="26"/>
      <c r="HQA120" s="26"/>
      <c r="HQB120" s="26"/>
      <c r="HQC120" s="26"/>
      <c r="HQD120" s="26"/>
      <c r="HQE120" s="26"/>
      <c r="HQF120" s="26"/>
      <c r="HQG120" s="26"/>
      <c r="HQH120" s="26"/>
      <c r="HQI120" s="26"/>
      <c r="HQJ120" s="26"/>
      <c r="HQK120" s="26"/>
      <c r="HQL120" s="26"/>
      <c r="HQM120" s="26"/>
      <c r="HQN120" s="26"/>
      <c r="HQO120" s="26"/>
      <c r="HQP120" s="26"/>
      <c r="HQQ120" s="26"/>
      <c r="HQR120" s="26"/>
      <c r="HQS120" s="26"/>
      <c r="HQT120" s="26"/>
      <c r="HQU120" s="26"/>
      <c r="HQV120" s="26"/>
      <c r="HQW120" s="26"/>
      <c r="HQX120" s="26"/>
      <c r="HQY120" s="26"/>
      <c r="HQZ120" s="26"/>
      <c r="HRA120" s="26"/>
      <c r="HRB120" s="26"/>
      <c r="HRC120" s="26"/>
      <c r="HRD120" s="26"/>
      <c r="HRE120" s="26"/>
      <c r="HRF120" s="26"/>
      <c r="HRG120" s="26"/>
      <c r="HRH120" s="26"/>
      <c r="HRI120" s="26"/>
      <c r="HRJ120" s="26"/>
      <c r="HRK120" s="26"/>
      <c r="HRL120" s="26"/>
      <c r="HRM120" s="26"/>
      <c r="HRN120" s="26"/>
      <c r="HRO120" s="26"/>
      <c r="HRP120" s="26"/>
      <c r="HRQ120" s="26"/>
      <c r="HRR120" s="26"/>
      <c r="HRS120" s="26"/>
      <c r="HRT120" s="26"/>
      <c r="HRU120" s="26"/>
      <c r="HRV120" s="26"/>
      <c r="HRW120" s="26"/>
      <c r="HRX120" s="26"/>
      <c r="HRY120" s="26"/>
      <c r="HRZ120" s="26"/>
      <c r="HSA120" s="26"/>
      <c r="HSB120" s="26"/>
      <c r="HSC120" s="26"/>
      <c r="HSD120" s="26"/>
      <c r="HSE120" s="26"/>
      <c r="HSF120" s="26"/>
      <c r="HSG120" s="26"/>
      <c r="HSH120" s="26"/>
      <c r="HSI120" s="26"/>
      <c r="HSJ120" s="26"/>
      <c r="HSK120" s="26"/>
      <c r="HSL120" s="26"/>
      <c r="HSM120" s="26"/>
      <c r="HSN120" s="26"/>
      <c r="HSO120" s="26"/>
      <c r="HSP120" s="26"/>
      <c r="HSQ120" s="26"/>
      <c r="HSR120" s="26"/>
      <c r="HSS120" s="26"/>
      <c r="HST120" s="26"/>
      <c r="HSU120" s="26"/>
      <c r="HSV120" s="26"/>
      <c r="HSW120" s="26"/>
      <c r="HSX120" s="26"/>
      <c r="HSY120" s="26"/>
      <c r="HSZ120" s="26"/>
      <c r="HTA120" s="26"/>
      <c r="HTB120" s="26"/>
      <c r="HTC120" s="26"/>
      <c r="HTD120" s="26"/>
      <c r="HTE120" s="26"/>
      <c r="HTF120" s="26"/>
      <c r="HTG120" s="26"/>
      <c r="HTH120" s="26"/>
      <c r="HTI120" s="26"/>
      <c r="HTJ120" s="26"/>
      <c r="HTK120" s="26"/>
      <c r="HTL120" s="26"/>
      <c r="HTM120" s="26"/>
      <c r="HTN120" s="26"/>
      <c r="HTO120" s="26"/>
      <c r="HTP120" s="26"/>
      <c r="HTQ120" s="26"/>
      <c r="HTR120" s="26"/>
      <c r="HTS120" s="26"/>
      <c r="HTT120" s="26"/>
      <c r="HTU120" s="26"/>
      <c r="HTV120" s="26"/>
      <c r="HTW120" s="26"/>
      <c r="HTX120" s="26"/>
      <c r="HTY120" s="26"/>
      <c r="HTZ120" s="26"/>
      <c r="HUA120" s="26"/>
      <c r="HUB120" s="26"/>
      <c r="HUC120" s="26"/>
      <c r="HUD120" s="26"/>
      <c r="HUE120" s="26"/>
      <c r="HUF120" s="26"/>
      <c r="HUG120" s="26"/>
      <c r="HUH120" s="26"/>
      <c r="HUI120" s="26"/>
      <c r="HUJ120" s="26"/>
      <c r="HUK120" s="26"/>
      <c r="HUL120" s="26"/>
      <c r="HUM120" s="26"/>
      <c r="HUN120" s="26"/>
      <c r="HUO120" s="26"/>
      <c r="HUP120" s="26"/>
      <c r="HUQ120" s="26"/>
      <c r="HUR120" s="26"/>
      <c r="HUS120" s="26"/>
      <c r="HUT120" s="26"/>
      <c r="HUU120" s="26"/>
      <c r="HUV120" s="26"/>
      <c r="HUW120" s="26"/>
      <c r="HUX120" s="26"/>
      <c r="HUY120" s="26"/>
      <c r="HUZ120" s="26"/>
      <c r="HVA120" s="26"/>
      <c r="HVB120" s="26"/>
      <c r="HVC120" s="26"/>
      <c r="HVD120" s="26"/>
      <c r="HVE120" s="26"/>
      <c r="HVF120" s="26"/>
      <c r="HVG120" s="26"/>
      <c r="HVH120" s="26"/>
      <c r="HVI120" s="26"/>
      <c r="HVJ120" s="26"/>
      <c r="HVK120" s="26"/>
      <c r="HVL120" s="26"/>
      <c r="HVM120" s="26"/>
      <c r="HVN120" s="26"/>
      <c r="HVO120" s="26"/>
      <c r="HVP120" s="26"/>
      <c r="HVQ120" s="26"/>
      <c r="HVR120" s="26"/>
      <c r="HVS120" s="26"/>
      <c r="HVT120" s="26"/>
      <c r="HVU120" s="26"/>
      <c r="HVV120" s="26"/>
      <c r="HVW120" s="26"/>
      <c r="HVX120" s="26"/>
      <c r="HVY120" s="26"/>
      <c r="HVZ120" s="26"/>
      <c r="HWA120" s="26"/>
      <c r="HWB120" s="26"/>
      <c r="HWC120" s="26"/>
      <c r="HWD120" s="26"/>
      <c r="HWE120" s="26"/>
      <c r="HWF120" s="26"/>
      <c r="HWG120" s="26"/>
      <c r="HWH120" s="26"/>
      <c r="HWI120" s="26"/>
      <c r="HWJ120" s="26"/>
      <c r="HWK120" s="26"/>
      <c r="HWL120" s="26"/>
      <c r="HWM120" s="26"/>
      <c r="HWN120" s="26"/>
      <c r="HWO120" s="26"/>
      <c r="HWP120" s="26"/>
      <c r="HWQ120" s="26"/>
      <c r="HWR120" s="26"/>
      <c r="HWS120" s="26"/>
      <c r="HWT120" s="26"/>
      <c r="HWU120" s="26"/>
      <c r="HWV120" s="26"/>
      <c r="HWW120" s="26"/>
      <c r="HWX120" s="26"/>
      <c r="HWY120" s="26"/>
      <c r="HWZ120" s="26"/>
      <c r="HXA120" s="26"/>
      <c r="HXB120" s="26"/>
      <c r="HXC120" s="26"/>
      <c r="HXD120" s="26"/>
      <c r="HXE120" s="26"/>
      <c r="HXF120" s="26"/>
      <c r="HXG120" s="26"/>
      <c r="HXH120" s="26"/>
      <c r="HXI120" s="26"/>
      <c r="HXJ120" s="26"/>
      <c r="HXK120" s="26"/>
      <c r="HXL120" s="26"/>
      <c r="HXM120" s="26"/>
      <c r="HXN120" s="26"/>
      <c r="HXO120" s="26"/>
      <c r="HXP120" s="26"/>
      <c r="HXQ120" s="26"/>
      <c r="HXR120" s="26"/>
      <c r="HXS120" s="26"/>
      <c r="HXT120" s="26"/>
      <c r="HXU120" s="26"/>
      <c r="HXV120" s="26"/>
      <c r="HXW120" s="26"/>
      <c r="HXX120" s="26"/>
      <c r="HXY120" s="26"/>
      <c r="HXZ120" s="26"/>
      <c r="HYA120" s="26"/>
      <c r="HYB120" s="26"/>
      <c r="HYC120" s="26"/>
      <c r="HYD120" s="26"/>
      <c r="HYE120" s="26"/>
      <c r="HYF120" s="26"/>
      <c r="HYG120" s="26"/>
      <c r="HYH120" s="26"/>
      <c r="HYI120" s="26"/>
      <c r="HYJ120" s="26"/>
      <c r="HYK120" s="26"/>
      <c r="HYL120" s="26"/>
      <c r="HYM120" s="26"/>
      <c r="HYN120" s="26"/>
      <c r="HYO120" s="26"/>
      <c r="HYP120" s="26"/>
      <c r="HYQ120" s="26"/>
      <c r="HYR120" s="26"/>
      <c r="HYS120" s="26"/>
      <c r="HYT120" s="26"/>
      <c r="HYU120" s="26"/>
      <c r="HYV120" s="26"/>
      <c r="HYW120" s="26"/>
      <c r="HYX120" s="26"/>
      <c r="HYY120" s="26"/>
      <c r="HYZ120" s="26"/>
      <c r="HZA120" s="26"/>
      <c r="HZB120" s="26"/>
      <c r="HZC120" s="26"/>
      <c r="HZD120" s="26"/>
      <c r="HZE120" s="26"/>
      <c r="HZF120" s="26"/>
      <c r="HZG120" s="26"/>
      <c r="HZH120" s="26"/>
      <c r="HZI120" s="26"/>
      <c r="HZJ120" s="26"/>
      <c r="HZK120" s="26"/>
      <c r="HZL120" s="26"/>
      <c r="HZM120" s="26"/>
      <c r="HZN120" s="26"/>
      <c r="HZO120" s="26"/>
      <c r="HZP120" s="26"/>
      <c r="HZQ120" s="26"/>
      <c r="HZR120" s="26"/>
      <c r="HZS120" s="26"/>
      <c r="HZT120" s="26"/>
      <c r="HZU120" s="26"/>
      <c r="HZV120" s="26"/>
      <c r="HZW120" s="26"/>
      <c r="HZX120" s="26"/>
      <c r="HZY120" s="26"/>
      <c r="HZZ120" s="26"/>
      <c r="IAA120" s="26"/>
      <c r="IAB120" s="26"/>
      <c r="IAC120" s="26"/>
      <c r="IAD120" s="26"/>
      <c r="IAE120" s="26"/>
      <c r="IAF120" s="26"/>
      <c r="IAG120" s="26"/>
      <c r="IAH120" s="26"/>
      <c r="IAI120" s="26"/>
      <c r="IAJ120" s="26"/>
      <c r="IAK120" s="26"/>
      <c r="IAL120" s="26"/>
      <c r="IAM120" s="26"/>
      <c r="IAN120" s="26"/>
      <c r="IAO120" s="26"/>
      <c r="IAP120" s="26"/>
      <c r="IAQ120" s="26"/>
      <c r="IAR120" s="26"/>
      <c r="IAS120" s="26"/>
      <c r="IAT120" s="26"/>
      <c r="IAU120" s="26"/>
      <c r="IAV120" s="26"/>
      <c r="IAW120" s="26"/>
      <c r="IAX120" s="26"/>
      <c r="IAY120" s="26"/>
      <c r="IAZ120" s="26"/>
      <c r="IBA120" s="26"/>
      <c r="IBB120" s="26"/>
      <c r="IBC120" s="26"/>
      <c r="IBD120" s="26"/>
      <c r="IBE120" s="26"/>
      <c r="IBF120" s="26"/>
      <c r="IBG120" s="26"/>
      <c r="IBH120" s="26"/>
      <c r="IBI120" s="26"/>
      <c r="IBJ120" s="26"/>
      <c r="IBK120" s="26"/>
      <c r="IBL120" s="26"/>
      <c r="IBM120" s="26"/>
      <c r="IBN120" s="26"/>
      <c r="IBO120" s="26"/>
      <c r="IBP120" s="26"/>
      <c r="IBQ120" s="26"/>
      <c r="IBR120" s="26"/>
      <c r="IBS120" s="26"/>
      <c r="IBT120" s="26"/>
      <c r="IBU120" s="26"/>
      <c r="IBV120" s="26"/>
      <c r="IBW120" s="26"/>
      <c r="IBX120" s="26"/>
      <c r="IBY120" s="26"/>
      <c r="IBZ120" s="26"/>
      <c r="ICA120" s="26"/>
      <c r="ICB120" s="26"/>
      <c r="ICC120" s="26"/>
      <c r="ICD120" s="26"/>
      <c r="ICE120" s="26"/>
      <c r="ICF120" s="26"/>
      <c r="ICG120" s="26"/>
      <c r="ICH120" s="26"/>
      <c r="ICI120" s="26"/>
      <c r="ICJ120" s="26"/>
      <c r="ICK120" s="26"/>
      <c r="ICL120" s="26"/>
      <c r="ICM120" s="26"/>
      <c r="ICN120" s="26"/>
      <c r="ICO120" s="26"/>
      <c r="ICP120" s="26"/>
      <c r="ICQ120" s="26"/>
      <c r="ICR120" s="26"/>
      <c r="ICS120" s="26"/>
      <c r="ICT120" s="26"/>
      <c r="ICU120" s="26"/>
      <c r="ICV120" s="26"/>
      <c r="ICW120" s="26"/>
      <c r="ICX120" s="26"/>
      <c r="ICY120" s="26"/>
      <c r="ICZ120" s="26"/>
      <c r="IDA120" s="26"/>
      <c r="IDB120" s="26"/>
      <c r="IDC120" s="26"/>
      <c r="IDD120" s="26"/>
      <c r="IDE120" s="26"/>
      <c r="IDF120" s="26"/>
      <c r="IDG120" s="26"/>
      <c r="IDH120" s="26"/>
      <c r="IDI120" s="26"/>
      <c r="IDJ120" s="26"/>
      <c r="IDK120" s="26"/>
      <c r="IDL120" s="26"/>
      <c r="IDM120" s="26"/>
      <c r="IDN120" s="26"/>
      <c r="IDO120" s="26"/>
      <c r="IDP120" s="26"/>
      <c r="IDQ120" s="26"/>
      <c r="IDR120" s="26"/>
      <c r="IDS120" s="26"/>
      <c r="IDT120" s="26"/>
      <c r="IDU120" s="26"/>
      <c r="IDV120" s="26"/>
      <c r="IDW120" s="26"/>
      <c r="IDX120" s="26"/>
      <c r="IDY120" s="26"/>
      <c r="IDZ120" s="26"/>
      <c r="IEA120" s="26"/>
      <c r="IEB120" s="26"/>
      <c r="IEC120" s="26"/>
      <c r="IED120" s="26"/>
      <c r="IEE120" s="26"/>
      <c r="IEF120" s="26"/>
      <c r="IEG120" s="26"/>
      <c r="IEH120" s="26"/>
      <c r="IEI120" s="26"/>
      <c r="IEJ120" s="26"/>
      <c r="IEK120" s="26"/>
      <c r="IEL120" s="26"/>
      <c r="IEM120" s="26"/>
      <c r="IEN120" s="26"/>
      <c r="IEO120" s="26"/>
      <c r="IEP120" s="26"/>
      <c r="IEQ120" s="26"/>
      <c r="IER120" s="26"/>
      <c r="IES120" s="26"/>
      <c r="IET120" s="26"/>
      <c r="IEU120" s="26"/>
      <c r="IEV120" s="26"/>
      <c r="IEW120" s="26"/>
      <c r="IEX120" s="26"/>
      <c r="IEY120" s="26"/>
      <c r="IEZ120" s="26"/>
      <c r="IFA120" s="26"/>
      <c r="IFB120" s="26"/>
      <c r="IFC120" s="26"/>
      <c r="IFD120" s="26"/>
      <c r="IFE120" s="26"/>
      <c r="IFF120" s="26"/>
      <c r="IFG120" s="26"/>
      <c r="IFH120" s="26"/>
      <c r="IFI120" s="26"/>
      <c r="IFJ120" s="26"/>
      <c r="IFK120" s="26"/>
      <c r="IFL120" s="26"/>
      <c r="IFM120" s="26"/>
      <c r="IFN120" s="26"/>
      <c r="IFO120" s="26"/>
      <c r="IFP120" s="26"/>
      <c r="IFQ120" s="26"/>
      <c r="IFR120" s="26"/>
      <c r="IFS120" s="26"/>
      <c r="IFT120" s="26"/>
      <c r="IFU120" s="26"/>
      <c r="IFV120" s="26"/>
      <c r="IFW120" s="26"/>
      <c r="IFX120" s="26"/>
      <c r="IFY120" s="26"/>
      <c r="IFZ120" s="26"/>
      <c r="IGA120" s="26"/>
      <c r="IGB120" s="26"/>
      <c r="IGC120" s="26"/>
      <c r="IGD120" s="26"/>
      <c r="IGE120" s="26"/>
      <c r="IGF120" s="26"/>
      <c r="IGG120" s="26"/>
      <c r="IGH120" s="26"/>
      <c r="IGI120" s="26"/>
      <c r="IGJ120" s="26"/>
      <c r="IGK120" s="26"/>
      <c r="IGL120" s="26"/>
      <c r="IGM120" s="26"/>
      <c r="IGN120" s="26"/>
      <c r="IGO120" s="26"/>
      <c r="IGP120" s="26"/>
      <c r="IGQ120" s="26"/>
      <c r="IGR120" s="26"/>
      <c r="IGS120" s="26"/>
      <c r="IGT120" s="26"/>
      <c r="IGU120" s="26"/>
      <c r="IGV120" s="26"/>
      <c r="IGW120" s="26"/>
      <c r="IGX120" s="26"/>
      <c r="IGY120" s="26"/>
      <c r="IGZ120" s="26"/>
      <c r="IHA120" s="26"/>
      <c r="IHB120" s="26"/>
      <c r="IHC120" s="26"/>
      <c r="IHD120" s="26"/>
      <c r="IHE120" s="26"/>
      <c r="IHF120" s="26"/>
      <c r="IHG120" s="26"/>
      <c r="IHH120" s="26"/>
      <c r="IHI120" s="26"/>
      <c r="IHJ120" s="26"/>
      <c r="IHK120" s="26"/>
      <c r="IHL120" s="26"/>
      <c r="IHM120" s="26"/>
      <c r="IHN120" s="26"/>
      <c r="IHO120" s="26"/>
      <c r="IHP120" s="26"/>
      <c r="IHQ120" s="26"/>
      <c r="IHR120" s="26"/>
      <c r="IHS120" s="26"/>
      <c r="IHT120" s="26"/>
      <c r="IHU120" s="26"/>
      <c r="IHV120" s="26"/>
      <c r="IHW120" s="26"/>
      <c r="IHX120" s="26"/>
      <c r="IHY120" s="26"/>
      <c r="IHZ120" s="26"/>
      <c r="IIA120" s="26"/>
      <c r="IIB120" s="26"/>
      <c r="IIC120" s="26"/>
      <c r="IID120" s="26"/>
      <c r="IIE120" s="26"/>
      <c r="IIF120" s="26"/>
      <c r="IIG120" s="26"/>
      <c r="IIH120" s="26"/>
      <c r="III120" s="26"/>
      <c r="IIJ120" s="26"/>
      <c r="IIK120" s="26"/>
      <c r="IIL120" s="26"/>
      <c r="IIM120" s="26"/>
      <c r="IIN120" s="26"/>
      <c r="IIO120" s="26"/>
      <c r="IIP120" s="26"/>
      <c r="IIQ120" s="26"/>
      <c r="IIR120" s="26"/>
      <c r="IIS120" s="26"/>
      <c r="IIT120" s="26"/>
      <c r="IIU120" s="26"/>
      <c r="IIV120" s="26"/>
      <c r="IIW120" s="26"/>
      <c r="IIX120" s="26"/>
      <c r="IIY120" s="26"/>
      <c r="IIZ120" s="26"/>
      <c r="IJA120" s="26"/>
      <c r="IJB120" s="26"/>
      <c r="IJC120" s="26"/>
      <c r="IJD120" s="26"/>
      <c r="IJE120" s="26"/>
      <c r="IJF120" s="26"/>
      <c r="IJG120" s="26"/>
      <c r="IJH120" s="26"/>
      <c r="IJI120" s="26"/>
      <c r="IJJ120" s="26"/>
      <c r="IJK120" s="26"/>
      <c r="IJL120" s="26"/>
      <c r="IJM120" s="26"/>
      <c r="IJN120" s="26"/>
      <c r="IJO120" s="26"/>
      <c r="IJP120" s="26"/>
      <c r="IJQ120" s="26"/>
      <c r="IJR120" s="26"/>
      <c r="IJS120" s="26"/>
      <c r="IJT120" s="26"/>
      <c r="IJU120" s="26"/>
      <c r="IJV120" s="26"/>
      <c r="IJW120" s="26"/>
      <c r="IJX120" s="26"/>
      <c r="IJY120" s="26"/>
      <c r="IJZ120" s="26"/>
      <c r="IKA120" s="26"/>
      <c r="IKB120" s="26"/>
      <c r="IKC120" s="26"/>
      <c r="IKD120" s="26"/>
      <c r="IKE120" s="26"/>
      <c r="IKF120" s="26"/>
      <c r="IKG120" s="26"/>
      <c r="IKH120" s="26"/>
      <c r="IKI120" s="26"/>
      <c r="IKJ120" s="26"/>
      <c r="IKK120" s="26"/>
      <c r="IKL120" s="26"/>
      <c r="IKM120" s="26"/>
      <c r="IKN120" s="26"/>
      <c r="IKO120" s="26"/>
      <c r="IKP120" s="26"/>
      <c r="IKQ120" s="26"/>
      <c r="IKR120" s="26"/>
      <c r="IKS120" s="26"/>
      <c r="IKT120" s="26"/>
      <c r="IKU120" s="26"/>
      <c r="IKV120" s="26"/>
      <c r="IKW120" s="26"/>
      <c r="IKX120" s="26"/>
      <c r="IKY120" s="26"/>
      <c r="IKZ120" s="26"/>
      <c r="ILA120" s="26"/>
      <c r="ILB120" s="26"/>
      <c r="ILC120" s="26"/>
      <c r="ILD120" s="26"/>
      <c r="ILE120" s="26"/>
      <c r="ILF120" s="26"/>
      <c r="ILG120" s="26"/>
      <c r="ILH120" s="26"/>
      <c r="ILI120" s="26"/>
      <c r="ILJ120" s="26"/>
      <c r="ILK120" s="26"/>
      <c r="ILL120" s="26"/>
      <c r="ILM120" s="26"/>
      <c r="ILN120" s="26"/>
      <c r="ILO120" s="26"/>
      <c r="ILP120" s="26"/>
      <c r="ILQ120" s="26"/>
      <c r="ILR120" s="26"/>
      <c r="ILS120" s="26"/>
      <c r="ILT120" s="26"/>
      <c r="ILU120" s="26"/>
      <c r="ILV120" s="26"/>
      <c r="ILW120" s="26"/>
      <c r="ILX120" s="26"/>
      <c r="ILY120" s="26"/>
      <c r="ILZ120" s="26"/>
      <c r="IMA120" s="26"/>
      <c r="IMB120" s="26"/>
      <c r="IMC120" s="26"/>
      <c r="IMD120" s="26"/>
      <c r="IME120" s="26"/>
      <c r="IMF120" s="26"/>
      <c r="IMG120" s="26"/>
      <c r="IMH120" s="26"/>
      <c r="IMI120" s="26"/>
      <c r="IMJ120" s="26"/>
      <c r="IMK120" s="26"/>
      <c r="IML120" s="26"/>
      <c r="IMM120" s="26"/>
      <c r="IMN120" s="26"/>
      <c r="IMO120" s="26"/>
      <c r="IMP120" s="26"/>
      <c r="IMQ120" s="26"/>
      <c r="IMR120" s="26"/>
      <c r="IMS120" s="26"/>
      <c r="IMT120" s="26"/>
      <c r="IMU120" s="26"/>
      <c r="IMV120" s="26"/>
      <c r="IMW120" s="26"/>
      <c r="IMX120" s="26"/>
      <c r="IMY120" s="26"/>
      <c r="IMZ120" s="26"/>
      <c r="INA120" s="26"/>
      <c r="INB120" s="26"/>
      <c r="INC120" s="26"/>
      <c r="IND120" s="26"/>
      <c r="INE120" s="26"/>
      <c r="INF120" s="26"/>
      <c r="ING120" s="26"/>
      <c r="INH120" s="26"/>
      <c r="INI120" s="26"/>
      <c r="INJ120" s="26"/>
      <c r="INK120" s="26"/>
      <c r="INL120" s="26"/>
      <c r="INM120" s="26"/>
      <c r="INN120" s="26"/>
      <c r="INO120" s="26"/>
      <c r="INP120" s="26"/>
      <c r="INQ120" s="26"/>
      <c r="INR120" s="26"/>
      <c r="INS120" s="26"/>
      <c r="INT120" s="26"/>
      <c r="INU120" s="26"/>
      <c r="INV120" s="26"/>
      <c r="INW120" s="26"/>
      <c r="INX120" s="26"/>
      <c r="INY120" s="26"/>
      <c r="INZ120" s="26"/>
      <c r="IOA120" s="26"/>
      <c r="IOB120" s="26"/>
      <c r="IOC120" s="26"/>
      <c r="IOD120" s="26"/>
      <c r="IOE120" s="26"/>
      <c r="IOF120" s="26"/>
      <c r="IOG120" s="26"/>
      <c r="IOH120" s="26"/>
      <c r="IOI120" s="26"/>
      <c r="IOJ120" s="26"/>
      <c r="IOK120" s="26"/>
      <c r="IOL120" s="26"/>
      <c r="IOM120" s="26"/>
      <c r="ION120" s="26"/>
      <c r="IOO120" s="26"/>
      <c r="IOP120" s="26"/>
      <c r="IOQ120" s="26"/>
      <c r="IOR120" s="26"/>
      <c r="IOS120" s="26"/>
      <c r="IOT120" s="26"/>
      <c r="IOU120" s="26"/>
      <c r="IOV120" s="26"/>
      <c r="IOW120" s="26"/>
      <c r="IOX120" s="26"/>
      <c r="IOY120" s="26"/>
      <c r="IOZ120" s="26"/>
      <c r="IPA120" s="26"/>
      <c r="IPB120" s="26"/>
      <c r="IPC120" s="26"/>
      <c r="IPD120" s="26"/>
      <c r="IPE120" s="26"/>
      <c r="IPF120" s="26"/>
      <c r="IPG120" s="26"/>
      <c r="IPH120" s="26"/>
      <c r="IPI120" s="26"/>
      <c r="IPJ120" s="26"/>
      <c r="IPK120" s="26"/>
      <c r="IPL120" s="26"/>
      <c r="IPM120" s="26"/>
      <c r="IPN120" s="26"/>
      <c r="IPO120" s="26"/>
      <c r="IPP120" s="26"/>
      <c r="IPQ120" s="26"/>
      <c r="IPR120" s="26"/>
      <c r="IPS120" s="26"/>
      <c r="IPT120" s="26"/>
      <c r="IPU120" s="26"/>
      <c r="IPV120" s="26"/>
      <c r="IPW120" s="26"/>
      <c r="IPX120" s="26"/>
      <c r="IPY120" s="26"/>
      <c r="IPZ120" s="26"/>
      <c r="IQA120" s="26"/>
      <c r="IQB120" s="26"/>
      <c r="IQC120" s="26"/>
      <c r="IQD120" s="26"/>
      <c r="IQE120" s="26"/>
      <c r="IQF120" s="26"/>
      <c r="IQG120" s="26"/>
      <c r="IQH120" s="26"/>
      <c r="IQI120" s="26"/>
      <c r="IQJ120" s="26"/>
      <c r="IQK120" s="26"/>
      <c r="IQL120" s="26"/>
      <c r="IQM120" s="26"/>
      <c r="IQN120" s="26"/>
      <c r="IQO120" s="26"/>
      <c r="IQP120" s="26"/>
      <c r="IQQ120" s="26"/>
      <c r="IQR120" s="26"/>
      <c r="IQS120" s="26"/>
      <c r="IQT120" s="26"/>
      <c r="IQU120" s="26"/>
      <c r="IQV120" s="26"/>
      <c r="IQW120" s="26"/>
      <c r="IQX120" s="26"/>
      <c r="IQY120" s="26"/>
      <c r="IQZ120" s="26"/>
      <c r="IRA120" s="26"/>
      <c r="IRB120" s="26"/>
      <c r="IRC120" s="26"/>
      <c r="IRD120" s="26"/>
      <c r="IRE120" s="26"/>
      <c r="IRF120" s="26"/>
      <c r="IRG120" s="26"/>
      <c r="IRH120" s="26"/>
      <c r="IRI120" s="26"/>
      <c r="IRJ120" s="26"/>
      <c r="IRK120" s="26"/>
      <c r="IRL120" s="26"/>
      <c r="IRM120" s="26"/>
      <c r="IRN120" s="26"/>
      <c r="IRO120" s="26"/>
      <c r="IRP120" s="26"/>
      <c r="IRQ120" s="26"/>
      <c r="IRR120" s="26"/>
      <c r="IRS120" s="26"/>
      <c r="IRT120" s="26"/>
      <c r="IRU120" s="26"/>
      <c r="IRV120" s="26"/>
      <c r="IRW120" s="26"/>
      <c r="IRX120" s="26"/>
      <c r="IRY120" s="26"/>
      <c r="IRZ120" s="26"/>
      <c r="ISA120" s="26"/>
      <c r="ISB120" s="26"/>
      <c r="ISC120" s="26"/>
      <c r="ISD120" s="26"/>
      <c r="ISE120" s="26"/>
      <c r="ISF120" s="26"/>
      <c r="ISG120" s="26"/>
      <c r="ISH120" s="26"/>
      <c r="ISI120" s="26"/>
      <c r="ISJ120" s="26"/>
      <c r="ISK120" s="26"/>
      <c r="ISL120" s="26"/>
      <c r="ISM120" s="26"/>
      <c r="ISN120" s="26"/>
      <c r="ISO120" s="26"/>
      <c r="ISP120" s="26"/>
      <c r="ISQ120" s="26"/>
      <c r="ISR120" s="26"/>
      <c r="ISS120" s="26"/>
      <c r="IST120" s="26"/>
      <c r="ISU120" s="26"/>
      <c r="ISV120" s="26"/>
      <c r="ISW120" s="26"/>
      <c r="ISX120" s="26"/>
      <c r="ISY120" s="26"/>
      <c r="ISZ120" s="26"/>
      <c r="ITA120" s="26"/>
      <c r="ITB120" s="26"/>
      <c r="ITC120" s="26"/>
      <c r="ITD120" s="26"/>
      <c r="ITE120" s="26"/>
      <c r="ITF120" s="26"/>
      <c r="ITG120" s="26"/>
      <c r="ITH120" s="26"/>
      <c r="ITI120" s="26"/>
      <c r="ITJ120" s="26"/>
      <c r="ITK120" s="26"/>
      <c r="ITL120" s="26"/>
      <c r="ITM120" s="26"/>
      <c r="ITN120" s="26"/>
      <c r="ITO120" s="26"/>
      <c r="ITP120" s="26"/>
      <c r="ITQ120" s="26"/>
      <c r="ITR120" s="26"/>
      <c r="ITS120" s="26"/>
      <c r="ITT120" s="26"/>
      <c r="ITU120" s="26"/>
      <c r="ITV120" s="26"/>
      <c r="ITW120" s="26"/>
      <c r="ITX120" s="26"/>
      <c r="ITY120" s="26"/>
      <c r="ITZ120" s="26"/>
      <c r="IUA120" s="26"/>
      <c r="IUB120" s="26"/>
      <c r="IUC120" s="26"/>
      <c r="IUD120" s="26"/>
      <c r="IUE120" s="26"/>
      <c r="IUF120" s="26"/>
      <c r="IUG120" s="26"/>
      <c r="IUH120" s="26"/>
      <c r="IUI120" s="26"/>
      <c r="IUJ120" s="26"/>
      <c r="IUK120" s="26"/>
      <c r="IUL120" s="26"/>
      <c r="IUM120" s="26"/>
      <c r="IUN120" s="26"/>
      <c r="IUO120" s="26"/>
      <c r="IUP120" s="26"/>
      <c r="IUQ120" s="26"/>
      <c r="IUR120" s="26"/>
      <c r="IUS120" s="26"/>
      <c r="IUT120" s="26"/>
      <c r="IUU120" s="26"/>
      <c r="IUV120" s="26"/>
      <c r="IUW120" s="26"/>
      <c r="IUX120" s="26"/>
      <c r="IUY120" s="26"/>
      <c r="IUZ120" s="26"/>
      <c r="IVA120" s="26"/>
      <c r="IVB120" s="26"/>
      <c r="IVC120" s="26"/>
      <c r="IVD120" s="26"/>
      <c r="IVE120" s="26"/>
      <c r="IVF120" s="26"/>
      <c r="IVG120" s="26"/>
      <c r="IVH120" s="26"/>
      <c r="IVI120" s="26"/>
      <c r="IVJ120" s="26"/>
      <c r="IVK120" s="26"/>
      <c r="IVL120" s="26"/>
      <c r="IVM120" s="26"/>
      <c r="IVN120" s="26"/>
      <c r="IVO120" s="26"/>
      <c r="IVP120" s="26"/>
      <c r="IVQ120" s="26"/>
      <c r="IVR120" s="26"/>
      <c r="IVS120" s="26"/>
      <c r="IVT120" s="26"/>
      <c r="IVU120" s="26"/>
      <c r="IVV120" s="26"/>
      <c r="IVW120" s="26"/>
      <c r="IVX120" s="26"/>
      <c r="IVY120" s="26"/>
      <c r="IVZ120" s="26"/>
      <c r="IWA120" s="26"/>
      <c r="IWB120" s="26"/>
      <c r="IWC120" s="26"/>
      <c r="IWD120" s="26"/>
      <c r="IWE120" s="26"/>
      <c r="IWF120" s="26"/>
      <c r="IWG120" s="26"/>
      <c r="IWH120" s="26"/>
      <c r="IWI120" s="26"/>
      <c r="IWJ120" s="26"/>
      <c r="IWK120" s="26"/>
      <c r="IWL120" s="26"/>
      <c r="IWM120" s="26"/>
      <c r="IWN120" s="26"/>
      <c r="IWO120" s="26"/>
      <c r="IWP120" s="26"/>
      <c r="IWQ120" s="26"/>
      <c r="IWR120" s="26"/>
      <c r="IWS120" s="26"/>
      <c r="IWT120" s="26"/>
      <c r="IWU120" s="26"/>
      <c r="IWV120" s="26"/>
      <c r="IWW120" s="26"/>
      <c r="IWX120" s="26"/>
      <c r="IWY120" s="26"/>
      <c r="IWZ120" s="26"/>
      <c r="IXA120" s="26"/>
      <c r="IXB120" s="26"/>
      <c r="IXC120" s="26"/>
      <c r="IXD120" s="26"/>
      <c r="IXE120" s="26"/>
      <c r="IXF120" s="26"/>
      <c r="IXG120" s="26"/>
      <c r="IXH120" s="26"/>
      <c r="IXI120" s="26"/>
      <c r="IXJ120" s="26"/>
      <c r="IXK120" s="26"/>
      <c r="IXL120" s="26"/>
      <c r="IXM120" s="26"/>
      <c r="IXN120" s="26"/>
      <c r="IXO120" s="26"/>
      <c r="IXP120" s="26"/>
      <c r="IXQ120" s="26"/>
      <c r="IXR120" s="26"/>
      <c r="IXS120" s="26"/>
      <c r="IXT120" s="26"/>
      <c r="IXU120" s="26"/>
      <c r="IXV120" s="26"/>
      <c r="IXW120" s="26"/>
      <c r="IXX120" s="26"/>
      <c r="IXY120" s="26"/>
      <c r="IXZ120" s="26"/>
      <c r="IYA120" s="26"/>
      <c r="IYB120" s="26"/>
      <c r="IYC120" s="26"/>
      <c r="IYD120" s="26"/>
      <c r="IYE120" s="26"/>
      <c r="IYF120" s="26"/>
      <c r="IYG120" s="26"/>
      <c r="IYH120" s="26"/>
      <c r="IYI120" s="26"/>
      <c r="IYJ120" s="26"/>
      <c r="IYK120" s="26"/>
      <c r="IYL120" s="26"/>
      <c r="IYM120" s="26"/>
      <c r="IYN120" s="26"/>
      <c r="IYO120" s="26"/>
      <c r="IYP120" s="26"/>
      <c r="IYQ120" s="26"/>
      <c r="IYR120" s="26"/>
      <c r="IYS120" s="26"/>
      <c r="IYT120" s="26"/>
      <c r="IYU120" s="26"/>
      <c r="IYV120" s="26"/>
      <c r="IYW120" s="26"/>
      <c r="IYX120" s="26"/>
      <c r="IYY120" s="26"/>
      <c r="IYZ120" s="26"/>
      <c r="IZA120" s="26"/>
      <c r="IZB120" s="26"/>
      <c r="IZC120" s="26"/>
      <c r="IZD120" s="26"/>
      <c r="IZE120" s="26"/>
      <c r="IZF120" s="26"/>
      <c r="IZG120" s="26"/>
      <c r="IZH120" s="26"/>
      <c r="IZI120" s="26"/>
      <c r="IZJ120" s="26"/>
      <c r="IZK120" s="26"/>
      <c r="IZL120" s="26"/>
      <c r="IZM120" s="26"/>
      <c r="IZN120" s="26"/>
      <c r="IZO120" s="26"/>
      <c r="IZP120" s="26"/>
      <c r="IZQ120" s="26"/>
      <c r="IZR120" s="26"/>
      <c r="IZS120" s="26"/>
      <c r="IZT120" s="26"/>
      <c r="IZU120" s="26"/>
      <c r="IZV120" s="26"/>
      <c r="IZW120" s="26"/>
      <c r="IZX120" s="26"/>
      <c r="IZY120" s="26"/>
      <c r="IZZ120" s="26"/>
      <c r="JAA120" s="26"/>
      <c r="JAB120" s="26"/>
      <c r="JAC120" s="26"/>
      <c r="JAD120" s="26"/>
      <c r="JAE120" s="26"/>
      <c r="JAF120" s="26"/>
      <c r="JAG120" s="26"/>
      <c r="JAH120" s="26"/>
      <c r="JAI120" s="26"/>
      <c r="JAJ120" s="26"/>
      <c r="JAK120" s="26"/>
      <c r="JAL120" s="26"/>
      <c r="JAM120" s="26"/>
      <c r="JAN120" s="26"/>
      <c r="JAO120" s="26"/>
      <c r="JAP120" s="26"/>
      <c r="JAQ120" s="26"/>
      <c r="JAR120" s="26"/>
      <c r="JAS120" s="26"/>
      <c r="JAT120" s="26"/>
      <c r="JAU120" s="26"/>
      <c r="JAV120" s="26"/>
      <c r="JAW120" s="26"/>
      <c r="JAX120" s="26"/>
      <c r="JAY120" s="26"/>
      <c r="JAZ120" s="26"/>
      <c r="JBA120" s="26"/>
      <c r="JBB120" s="26"/>
      <c r="JBC120" s="26"/>
      <c r="JBD120" s="26"/>
      <c r="JBE120" s="26"/>
      <c r="JBF120" s="26"/>
      <c r="JBG120" s="26"/>
      <c r="JBH120" s="26"/>
      <c r="JBI120" s="26"/>
      <c r="JBJ120" s="26"/>
      <c r="JBK120" s="26"/>
      <c r="JBL120" s="26"/>
      <c r="JBM120" s="26"/>
      <c r="JBN120" s="26"/>
      <c r="JBO120" s="26"/>
      <c r="JBP120" s="26"/>
      <c r="JBQ120" s="26"/>
      <c r="JBR120" s="26"/>
      <c r="JBS120" s="26"/>
      <c r="JBT120" s="26"/>
      <c r="JBU120" s="26"/>
      <c r="JBV120" s="26"/>
      <c r="JBW120" s="26"/>
      <c r="JBX120" s="26"/>
      <c r="JBY120" s="26"/>
      <c r="JBZ120" s="26"/>
      <c r="JCA120" s="26"/>
      <c r="JCB120" s="26"/>
      <c r="JCC120" s="26"/>
      <c r="JCD120" s="26"/>
      <c r="JCE120" s="26"/>
      <c r="JCF120" s="26"/>
      <c r="JCG120" s="26"/>
      <c r="JCH120" s="26"/>
      <c r="JCI120" s="26"/>
      <c r="JCJ120" s="26"/>
      <c r="JCK120" s="26"/>
      <c r="JCL120" s="26"/>
      <c r="JCM120" s="26"/>
      <c r="JCN120" s="26"/>
      <c r="JCO120" s="26"/>
      <c r="JCP120" s="26"/>
      <c r="JCQ120" s="26"/>
      <c r="JCR120" s="26"/>
      <c r="JCS120" s="26"/>
      <c r="JCT120" s="26"/>
      <c r="JCU120" s="26"/>
      <c r="JCV120" s="26"/>
      <c r="JCW120" s="26"/>
      <c r="JCX120" s="26"/>
      <c r="JCY120" s="26"/>
      <c r="JCZ120" s="26"/>
      <c r="JDA120" s="26"/>
      <c r="JDB120" s="26"/>
      <c r="JDC120" s="26"/>
      <c r="JDD120" s="26"/>
      <c r="JDE120" s="26"/>
      <c r="JDF120" s="26"/>
      <c r="JDG120" s="26"/>
      <c r="JDH120" s="26"/>
      <c r="JDI120" s="26"/>
      <c r="JDJ120" s="26"/>
      <c r="JDK120" s="26"/>
      <c r="JDL120" s="26"/>
      <c r="JDM120" s="26"/>
      <c r="JDN120" s="26"/>
      <c r="JDO120" s="26"/>
      <c r="JDP120" s="26"/>
      <c r="JDQ120" s="26"/>
      <c r="JDR120" s="26"/>
      <c r="JDS120" s="26"/>
      <c r="JDT120" s="26"/>
      <c r="JDU120" s="26"/>
      <c r="JDV120" s="26"/>
      <c r="JDW120" s="26"/>
      <c r="JDX120" s="26"/>
      <c r="JDY120" s="26"/>
      <c r="JDZ120" s="26"/>
      <c r="JEA120" s="26"/>
      <c r="JEB120" s="26"/>
      <c r="JEC120" s="26"/>
      <c r="JED120" s="26"/>
      <c r="JEE120" s="26"/>
      <c r="JEF120" s="26"/>
      <c r="JEG120" s="26"/>
      <c r="JEH120" s="26"/>
      <c r="JEI120" s="26"/>
      <c r="JEJ120" s="26"/>
      <c r="JEK120" s="26"/>
      <c r="JEL120" s="26"/>
      <c r="JEM120" s="26"/>
      <c r="JEN120" s="26"/>
      <c r="JEO120" s="26"/>
      <c r="JEP120" s="26"/>
      <c r="JEQ120" s="26"/>
      <c r="JER120" s="26"/>
      <c r="JES120" s="26"/>
      <c r="JET120" s="26"/>
      <c r="JEU120" s="26"/>
      <c r="JEV120" s="26"/>
      <c r="JEW120" s="26"/>
      <c r="JEX120" s="26"/>
      <c r="JEY120" s="26"/>
      <c r="JEZ120" s="26"/>
      <c r="JFA120" s="26"/>
      <c r="JFB120" s="26"/>
      <c r="JFC120" s="26"/>
      <c r="JFD120" s="26"/>
      <c r="JFE120" s="26"/>
      <c r="JFF120" s="26"/>
      <c r="JFG120" s="26"/>
      <c r="JFH120" s="26"/>
      <c r="JFI120" s="26"/>
      <c r="JFJ120" s="26"/>
      <c r="JFK120" s="26"/>
      <c r="JFL120" s="26"/>
      <c r="JFM120" s="26"/>
      <c r="JFN120" s="26"/>
      <c r="JFO120" s="26"/>
      <c r="JFP120" s="26"/>
      <c r="JFQ120" s="26"/>
      <c r="JFR120" s="26"/>
      <c r="JFS120" s="26"/>
      <c r="JFT120" s="26"/>
      <c r="JFU120" s="26"/>
      <c r="JFV120" s="26"/>
      <c r="JFW120" s="26"/>
      <c r="JFX120" s="26"/>
      <c r="JFY120" s="26"/>
      <c r="JFZ120" s="26"/>
      <c r="JGA120" s="26"/>
      <c r="JGB120" s="26"/>
      <c r="JGC120" s="26"/>
      <c r="JGD120" s="26"/>
      <c r="JGE120" s="26"/>
      <c r="JGF120" s="26"/>
      <c r="JGG120" s="26"/>
      <c r="JGH120" s="26"/>
      <c r="JGI120" s="26"/>
      <c r="JGJ120" s="26"/>
      <c r="JGK120" s="26"/>
      <c r="JGL120" s="26"/>
      <c r="JGM120" s="26"/>
      <c r="JGN120" s="26"/>
      <c r="JGO120" s="26"/>
      <c r="JGP120" s="26"/>
      <c r="JGQ120" s="26"/>
      <c r="JGR120" s="26"/>
      <c r="JGS120" s="26"/>
      <c r="JGT120" s="26"/>
      <c r="JGU120" s="26"/>
      <c r="JGV120" s="26"/>
      <c r="JGW120" s="26"/>
      <c r="JGX120" s="26"/>
      <c r="JGY120" s="26"/>
      <c r="JGZ120" s="26"/>
      <c r="JHA120" s="26"/>
      <c r="JHB120" s="26"/>
      <c r="JHC120" s="26"/>
      <c r="JHD120" s="26"/>
      <c r="JHE120" s="26"/>
      <c r="JHF120" s="26"/>
      <c r="JHG120" s="26"/>
      <c r="JHH120" s="26"/>
      <c r="JHI120" s="26"/>
      <c r="JHJ120" s="26"/>
      <c r="JHK120" s="26"/>
      <c r="JHL120" s="26"/>
      <c r="JHM120" s="26"/>
      <c r="JHN120" s="26"/>
      <c r="JHO120" s="26"/>
      <c r="JHP120" s="26"/>
      <c r="JHQ120" s="26"/>
      <c r="JHR120" s="26"/>
      <c r="JHS120" s="26"/>
      <c r="JHT120" s="26"/>
      <c r="JHU120" s="26"/>
      <c r="JHV120" s="26"/>
      <c r="JHW120" s="26"/>
      <c r="JHX120" s="26"/>
      <c r="JHY120" s="26"/>
      <c r="JHZ120" s="26"/>
      <c r="JIA120" s="26"/>
      <c r="JIB120" s="26"/>
      <c r="JIC120" s="26"/>
      <c r="JID120" s="26"/>
      <c r="JIE120" s="26"/>
      <c r="JIF120" s="26"/>
      <c r="JIG120" s="26"/>
      <c r="JIH120" s="26"/>
      <c r="JII120" s="26"/>
      <c r="JIJ120" s="26"/>
      <c r="JIK120" s="26"/>
      <c r="JIL120" s="26"/>
      <c r="JIM120" s="26"/>
      <c r="JIN120" s="26"/>
      <c r="JIO120" s="26"/>
      <c r="JIP120" s="26"/>
      <c r="JIQ120" s="26"/>
      <c r="JIR120" s="26"/>
      <c r="JIS120" s="26"/>
      <c r="JIT120" s="26"/>
      <c r="JIU120" s="26"/>
      <c r="JIV120" s="26"/>
      <c r="JIW120" s="26"/>
      <c r="JIX120" s="26"/>
      <c r="JIY120" s="26"/>
      <c r="JIZ120" s="26"/>
      <c r="JJA120" s="26"/>
      <c r="JJB120" s="26"/>
      <c r="JJC120" s="26"/>
      <c r="JJD120" s="26"/>
      <c r="JJE120" s="26"/>
      <c r="JJF120" s="26"/>
      <c r="JJG120" s="26"/>
      <c r="JJH120" s="26"/>
      <c r="JJI120" s="26"/>
      <c r="JJJ120" s="26"/>
      <c r="JJK120" s="26"/>
      <c r="JJL120" s="26"/>
      <c r="JJM120" s="26"/>
      <c r="JJN120" s="26"/>
      <c r="JJO120" s="26"/>
      <c r="JJP120" s="26"/>
      <c r="JJQ120" s="26"/>
      <c r="JJR120" s="26"/>
      <c r="JJS120" s="26"/>
      <c r="JJT120" s="26"/>
      <c r="JJU120" s="26"/>
      <c r="JJV120" s="26"/>
      <c r="JJW120" s="26"/>
      <c r="JJX120" s="26"/>
      <c r="JJY120" s="26"/>
      <c r="JJZ120" s="26"/>
      <c r="JKA120" s="26"/>
      <c r="JKB120" s="26"/>
      <c r="JKC120" s="26"/>
      <c r="JKD120" s="26"/>
      <c r="JKE120" s="26"/>
      <c r="JKF120" s="26"/>
      <c r="JKG120" s="26"/>
      <c r="JKH120" s="26"/>
      <c r="JKI120" s="26"/>
      <c r="JKJ120" s="26"/>
      <c r="JKK120" s="26"/>
      <c r="JKL120" s="26"/>
      <c r="JKM120" s="26"/>
      <c r="JKN120" s="26"/>
      <c r="JKO120" s="26"/>
      <c r="JKP120" s="26"/>
      <c r="JKQ120" s="26"/>
      <c r="JKR120" s="26"/>
      <c r="JKS120" s="26"/>
      <c r="JKT120" s="26"/>
      <c r="JKU120" s="26"/>
      <c r="JKV120" s="26"/>
      <c r="JKW120" s="26"/>
      <c r="JKX120" s="26"/>
      <c r="JKY120" s="26"/>
      <c r="JKZ120" s="26"/>
      <c r="JLA120" s="26"/>
      <c r="JLB120" s="26"/>
      <c r="JLC120" s="26"/>
      <c r="JLD120" s="26"/>
      <c r="JLE120" s="26"/>
      <c r="JLF120" s="26"/>
      <c r="JLG120" s="26"/>
      <c r="JLH120" s="26"/>
      <c r="JLI120" s="26"/>
      <c r="JLJ120" s="26"/>
      <c r="JLK120" s="26"/>
      <c r="JLL120" s="26"/>
      <c r="JLM120" s="26"/>
      <c r="JLN120" s="26"/>
      <c r="JLO120" s="26"/>
      <c r="JLP120" s="26"/>
      <c r="JLQ120" s="26"/>
      <c r="JLR120" s="26"/>
      <c r="JLS120" s="26"/>
      <c r="JLT120" s="26"/>
      <c r="JLU120" s="26"/>
      <c r="JLV120" s="26"/>
      <c r="JLW120" s="26"/>
      <c r="JLX120" s="26"/>
      <c r="JLY120" s="26"/>
      <c r="JLZ120" s="26"/>
      <c r="JMA120" s="26"/>
      <c r="JMB120" s="26"/>
      <c r="JMC120" s="26"/>
      <c r="JMD120" s="26"/>
      <c r="JME120" s="26"/>
      <c r="JMF120" s="26"/>
      <c r="JMG120" s="26"/>
      <c r="JMH120" s="26"/>
      <c r="JMI120" s="26"/>
      <c r="JMJ120" s="26"/>
      <c r="JMK120" s="26"/>
      <c r="JML120" s="26"/>
      <c r="JMM120" s="26"/>
      <c r="JMN120" s="26"/>
      <c r="JMO120" s="26"/>
      <c r="JMP120" s="26"/>
      <c r="JMQ120" s="26"/>
      <c r="JMR120" s="26"/>
      <c r="JMS120" s="26"/>
      <c r="JMT120" s="26"/>
      <c r="JMU120" s="26"/>
      <c r="JMV120" s="26"/>
      <c r="JMW120" s="26"/>
      <c r="JMX120" s="26"/>
      <c r="JMY120" s="26"/>
      <c r="JMZ120" s="26"/>
      <c r="JNA120" s="26"/>
      <c r="JNB120" s="26"/>
      <c r="JNC120" s="26"/>
      <c r="JND120" s="26"/>
      <c r="JNE120" s="26"/>
      <c r="JNF120" s="26"/>
      <c r="JNG120" s="26"/>
      <c r="JNH120" s="26"/>
      <c r="JNI120" s="26"/>
      <c r="JNJ120" s="26"/>
      <c r="JNK120" s="26"/>
      <c r="JNL120" s="26"/>
      <c r="JNM120" s="26"/>
      <c r="JNN120" s="26"/>
      <c r="JNO120" s="26"/>
      <c r="JNP120" s="26"/>
      <c r="JNQ120" s="26"/>
      <c r="JNR120" s="26"/>
      <c r="JNS120" s="26"/>
      <c r="JNT120" s="26"/>
      <c r="JNU120" s="26"/>
      <c r="JNV120" s="26"/>
      <c r="JNW120" s="26"/>
      <c r="JNX120" s="26"/>
      <c r="JNY120" s="26"/>
      <c r="JNZ120" s="26"/>
      <c r="JOA120" s="26"/>
      <c r="JOB120" s="26"/>
      <c r="JOC120" s="26"/>
      <c r="JOD120" s="26"/>
      <c r="JOE120" s="26"/>
      <c r="JOF120" s="26"/>
      <c r="JOG120" s="26"/>
      <c r="JOH120" s="26"/>
      <c r="JOI120" s="26"/>
      <c r="JOJ120" s="26"/>
      <c r="JOK120" s="26"/>
      <c r="JOL120" s="26"/>
      <c r="JOM120" s="26"/>
      <c r="JON120" s="26"/>
      <c r="JOO120" s="26"/>
      <c r="JOP120" s="26"/>
      <c r="JOQ120" s="26"/>
      <c r="JOR120" s="26"/>
      <c r="JOS120" s="26"/>
      <c r="JOT120" s="26"/>
      <c r="JOU120" s="26"/>
      <c r="JOV120" s="26"/>
      <c r="JOW120" s="26"/>
      <c r="JOX120" s="26"/>
      <c r="JOY120" s="26"/>
      <c r="JOZ120" s="26"/>
      <c r="JPA120" s="26"/>
      <c r="JPB120" s="26"/>
      <c r="JPC120" s="26"/>
      <c r="JPD120" s="26"/>
      <c r="JPE120" s="26"/>
      <c r="JPF120" s="26"/>
      <c r="JPG120" s="26"/>
      <c r="JPH120" s="26"/>
      <c r="JPI120" s="26"/>
      <c r="JPJ120" s="26"/>
      <c r="JPK120" s="26"/>
      <c r="JPL120" s="26"/>
      <c r="JPM120" s="26"/>
      <c r="JPN120" s="26"/>
      <c r="JPO120" s="26"/>
      <c r="JPP120" s="26"/>
      <c r="JPQ120" s="26"/>
      <c r="JPR120" s="26"/>
      <c r="JPS120" s="26"/>
      <c r="JPT120" s="26"/>
      <c r="JPU120" s="26"/>
      <c r="JPV120" s="26"/>
      <c r="JPW120" s="26"/>
      <c r="JPX120" s="26"/>
      <c r="JPY120" s="26"/>
      <c r="JPZ120" s="26"/>
      <c r="JQA120" s="26"/>
      <c r="JQB120" s="26"/>
      <c r="JQC120" s="26"/>
      <c r="JQD120" s="26"/>
      <c r="JQE120" s="26"/>
      <c r="JQF120" s="26"/>
      <c r="JQG120" s="26"/>
      <c r="JQH120" s="26"/>
      <c r="JQI120" s="26"/>
      <c r="JQJ120" s="26"/>
      <c r="JQK120" s="26"/>
      <c r="JQL120" s="26"/>
      <c r="JQM120" s="26"/>
      <c r="JQN120" s="26"/>
      <c r="JQO120" s="26"/>
      <c r="JQP120" s="26"/>
      <c r="JQQ120" s="26"/>
      <c r="JQR120" s="26"/>
      <c r="JQS120" s="26"/>
      <c r="JQT120" s="26"/>
      <c r="JQU120" s="26"/>
      <c r="JQV120" s="26"/>
      <c r="JQW120" s="26"/>
      <c r="JQX120" s="26"/>
      <c r="JQY120" s="26"/>
      <c r="JQZ120" s="26"/>
      <c r="JRA120" s="26"/>
      <c r="JRB120" s="26"/>
      <c r="JRC120" s="26"/>
      <c r="JRD120" s="26"/>
      <c r="JRE120" s="26"/>
      <c r="JRF120" s="26"/>
      <c r="JRG120" s="26"/>
      <c r="JRH120" s="26"/>
      <c r="JRI120" s="26"/>
      <c r="JRJ120" s="26"/>
      <c r="JRK120" s="26"/>
      <c r="JRL120" s="26"/>
      <c r="JRM120" s="26"/>
      <c r="JRN120" s="26"/>
      <c r="JRO120" s="26"/>
      <c r="JRP120" s="26"/>
      <c r="JRQ120" s="26"/>
      <c r="JRR120" s="26"/>
      <c r="JRS120" s="26"/>
      <c r="JRT120" s="26"/>
      <c r="JRU120" s="26"/>
      <c r="JRV120" s="26"/>
      <c r="JRW120" s="26"/>
      <c r="JRX120" s="26"/>
      <c r="JRY120" s="26"/>
      <c r="JRZ120" s="26"/>
      <c r="JSA120" s="26"/>
      <c r="JSB120" s="26"/>
      <c r="JSC120" s="26"/>
      <c r="JSD120" s="26"/>
      <c r="JSE120" s="26"/>
      <c r="JSF120" s="26"/>
      <c r="JSG120" s="26"/>
      <c r="JSH120" s="26"/>
      <c r="JSI120" s="26"/>
      <c r="JSJ120" s="26"/>
      <c r="JSK120" s="26"/>
      <c r="JSL120" s="26"/>
      <c r="JSM120" s="26"/>
      <c r="JSN120" s="26"/>
      <c r="JSO120" s="26"/>
      <c r="JSP120" s="26"/>
      <c r="JSQ120" s="26"/>
      <c r="JSR120" s="26"/>
      <c r="JSS120" s="26"/>
      <c r="JST120" s="26"/>
      <c r="JSU120" s="26"/>
      <c r="JSV120" s="26"/>
      <c r="JSW120" s="26"/>
      <c r="JSX120" s="26"/>
      <c r="JSY120" s="26"/>
      <c r="JSZ120" s="26"/>
      <c r="JTA120" s="26"/>
      <c r="JTB120" s="26"/>
      <c r="JTC120" s="26"/>
      <c r="JTD120" s="26"/>
      <c r="JTE120" s="26"/>
      <c r="JTF120" s="26"/>
      <c r="JTG120" s="26"/>
      <c r="JTH120" s="26"/>
      <c r="JTI120" s="26"/>
      <c r="JTJ120" s="26"/>
      <c r="JTK120" s="26"/>
      <c r="JTL120" s="26"/>
      <c r="JTM120" s="26"/>
      <c r="JTN120" s="26"/>
      <c r="JTO120" s="26"/>
      <c r="JTP120" s="26"/>
      <c r="JTQ120" s="26"/>
      <c r="JTR120" s="26"/>
      <c r="JTS120" s="26"/>
      <c r="JTT120" s="26"/>
      <c r="JTU120" s="26"/>
      <c r="JTV120" s="26"/>
      <c r="JTW120" s="26"/>
      <c r="JTX120" s="26"/>
      <c r="JTY120" s="26"/>
      <c r="JTZ120" s="26"/>
      <c r="JUA120" s="26"/>
      <c r="JUB120" s="26"/>
      <c r="JUC120" s="26"/>
      <c r="JUD120" s="26"/>
      <c r="JUE120" s="26"/>
      <c r="JUF120" s="26"/>
      <c r="JUG120" s="26"/>
      <c r="JUH120" s="26"/>
      <c r="JUI120" s="26"/>
      <c r="JUJ120" s="26"/>
      <c r="JUK120" s="26"/>
      <c r="JUL120" s="26"/>
      <c r="JUM120" s="26"/>
      <c r="JUN120" s="26"/>
      <c r="JUO120" s="26"/>
      <c r="JUP120" s="26"/>
      <c r="JUQ120" s="26"/>
      <c r="JUR120" s="26"/>
      <c r="JUS120" s="26"/>
      <c r="JUT120" s="26"/>
      <c r="JUU120" s="26"/>
      <c r="JUV120" s="26"/>
      <c r="JUW120" s="26"/>
      <c r="JUX120" s="26"/>
      <c r="JUY120" s="26"/>
      <c r="JUZ120" s="26"/>
      <c r="JVA120" s="26"/>
      <c r="JVB120" s="26"/>
      <c r="JVC120" s="26"/>
      <c r="JVD120" s="26"/>
      <c r="JVE120" s="26"/>
      <c r="JVF120" s="26"/>
      <c r="JVG120" s="26"/>
      <c r="JVH120" s="26"/>
      <c r="JVI120" s="26"/>
      <c r="JVJ120" s="26"/>
      <c r="JVK120" s="26"/>
      <c r="JVL120" s="26"/>
      <c r="JVM120" s="26"/>
      <c r="JVN120" s="26"/>
      <c r="JVO120" s="26"/>
      <c r="JVP120" s="26"/>
      <c r="JVQ120" s="26"/>
      <c r="JVR120" s="26"/>
      <c r="JVS120" s="26"/>
      <c r="JVT120" s="26"/>
      <c r="JVU120" s="26"/>
      <c r="JVV120" s="26"/>
      <c r="JVW120" s="26"/>
      <c r="JVX120" s="26"/>
      <c r="JVY120" s="26"/>
      <c r="JVZ120" s="26"/>
      <c r="JWA120" s="26"/>
      <c r="JWB120" s="26"/>
      <c r="JWC120" s="26"/>
      <c r="JWD120" s="26"/>
      <c r="JWE120" s="26"/>
      <c r="JWF120" s="26"/>
      <c r="JWG120" s="26"/>
      <c r="JWH120" s="26"/>
      <c r="JWI120" s="26"/>
      <c r="JWJ120" s="26"/>
      <c r="JWK120" s="26"/>
      <c r="JWL120" s="26"/>
      <c r="JWM120" s="26"/>
      <c r="JWN120" s="26"/>
      <c r="JWO120" s="26"/>
      <c r="JWP120" s="26"/>
      <c r="JWQ120" s="26"/>
      <c r="JWR120" s="26"/>
      <c r="JWS120" s="26"/>
      <c r="JWT120" s="26"/>
      <c r="JWU120" s="26"/>
      <c r="JWV120" s="26"/>
      <c r="JWW120" s="26"/>
      <c r="JWX120" s="26"/>
      <c r="JWY120" s="26"/>
      <c r="JWZ120" s="26"/>
      <c r="JXA120" s="26"/>
      <c r="JXB120" s="26"/>
      <c r="JXC120" s="26"/>
      <c r="JXD120" s="26"/>
      <c r="JXE120" s="26"/>
      <c r="JXF120" s="26"/>
      <c r="JXG120" s="26"/>
      <c r="JXH120" s="26"/>
      <c r="JXI120" s="26"/>
      <c r="JXJ120" s="26"/>
      <c r="JXK120" s="26"/>
      <c r="JXL120" s="26"/>
      <c r="JXM120" s="26"/>
      <c r="JXN120" s="26"/>
      <c r="JXO120" s="26"/>
      <c r="JXP120" s="26"/>
      <c r="JXQ120" s="26"/>
      <c r="JXR120" s="26"/>
      <c r="JXS120" s="26"/>
      <c r="JXT120" s="26"/>
      <c r="JXU120" s="26"/>
      <c r="JXV120" s="26"/>
      <c r="JXW120" s="26"/>
      <c r="JXX120" s="26"/>
      <c r="JXY120" s="26"/>
      <c r="JXZ120" s="26"/>
      <c r="JYA120" s="26"/>
      <c r="JYB120" s="26"/>
      <c r="JYC120" s="26"/>
      <c r="JYD120" s="26"/>
      <c r="JYE120" s="26"/>
      <c r="JYF120" s="26"/>
      <c r="JYG120" s="26"/>
      <c r="JYH120" s="26"/>
      <c r="JYI120" s="26"/>
      <c r="JYJ120" s="26"/>
      <c r="JYK120" s="26"/>
      <c r="JYL120" s="26"/>
      <c r="JYM120" s="26"/>
      <c r="JYN120" s="26"/>
      <c r="JYO120" s="26"/>
      <c r="JYP120" s="26"/>
      <c r="JYQ120" s="26"/>
      <c r="JYR120" s="26"/>
      <c r="JYS120" s="26"/>
      <c r="JYT120" s="26"/>
      <c r="JYU120" s="26"/>
      <c r="JYV120" s="26"/>
      <c r="JYW120" s="26"/>
      <c r="JYX120" s="26"/>
      <c r="JYY120" s="26"/>
      <c r="JYZ120" s="26"/>
      <c r="JZA120" s="26"/>
      <c r="JZB120" s="26"/>
      <c r="JZC120" s="26"/>
      <c r="JZD120" s="26"/>
      <c r="JZE120" s="26"/>
      <c r="JZF120" s="26"/>
      <c r="JZG120" s="26"/>
      <c r="JZH120" s="26"/>
      <c r="JZI120" s="26"/>
      <c r="JZJ120" s="26"/>
      <c r="JZK120" s="26"/>
      <c r="JZL120" s="26"/>
      <c r="JZM120" s="26"/>
      <c r="JZN120" s="26"/>
      <c r="JZO120" s="26"/>
      <c r="JZP120" s="26"/>
      <c r="JZQ120" s="26"/>
      <c r="JZR120" s="26"/>
      <c r="JZS120" s="26"/>
      <c r="JZT120" s="26"/>
      <c r="JZU120" s="26"/>
      <c r="JZV120" s="26"/>
      <c r="JZW120" s="26"/>
      <c r="JZX120" s="26"/>
      <c r="JZY120" s="26"/>
      <c r="JZZ120" s="26"/>
      <c r="KAA120" s="26"/>
      <c r="KAB120" s="26"/>
      <c r="KAC120" s="26"/>
      <c r="KAD120" s="26"/>
      <c r="KAE120" s="26"/>
      <c r="KAF120" s="26"/>
      <c r="KAG120" s="26"/>
      <c r="KAH120" s="26"/>
      <c r="KAI120" s="26"/>
      <c r="KAJ120" s="26"/>
      <c r="KAK120" s="26"/>
      <c r="KAL120" s="26"/>
      <c r="KAM120" s="26"/>
      <c r="KAN120" s="26"/>
      <c r="KAO120" s="26"/>
      <c r="KAP120" s="26"/>
      <c r="KAQ120" s="26"/>
      <c r="KAR120" s="26"/>
      <c r="KAS120" s="26"/>
      <c r="KAT120" s="26"/>
      <c r="KAU120" s="26"/>
      <c r="KAV120" s="26"/>
      <c r="KAW120" s="26"/>
      <c r="KAX120" s="26"/>
      <c r="KAY120" s="26"/>
      <c r="KAZ120" s="26"/>
      <c r="KBA120" s="26"/>
      <c r="KBB120" s="26"/>
      <c r="KBC120" s="26"/>
      <c r="KBD120" s="26"/>
      <c r="KBE120" s="26"/>
      <c r="KBF120" s="26"/>
      <c r="KBG120" s="26"/>
      <c r="KBH120" s="26"/>
      <c r="KBI120" s="26"/>
      <c r="KBJ120" s="26"/>
      <c r="KBK120" s="26"/>
      <c r="KBL120" s="26"/>
      <c r="KBM120" s="26"/>
      <c r="KBN120" s="26"/>
      <c r="KBO120" s="26"/>
      <c r="KBP120" s="26"/>
      <c r="KBQ120" s="26"/>
      <c r="KBR120" s="26"/>
      <c r="KBS120" s="26"/>
      <c r="KBT120" s="26"/>
      <c r="KBU120" s="26"/>
      <c r="KBV120" s="26"/>
      <c r="KBW120" s="26"/>
      <c r="KBX120" s="26"/>
      <c r="KBY120" s="26"/>
      <c r="KBZ120" s="26"/>
      <c r="KCA120" s="26"/>
      <c r="KCB120" s="26"/>
      <c r="KCC120" s="26"/>
      <c r="KCD120" s="26"/>
      <c r="KCE120" s="26"/>
      <c r="KCF120" s="26"/>
      <c r="KCG120" s="26"/>
      <c r="KCH120" s="26"/>
      <c r="KCI120" s="26"/>
      <c r="KCJ120" s="26"/>
      <c r="KCK120" s="26"/>
      <c r="KCL120" s="26"/>
      <c r="KCM120" s="26"/>
      <c r="KCN120" s="26"/>
      <c r="KCO120" s="26"/>
      <c r="KCP120" s="26"/>
      <c r="KCQ120" s="26"/>
      <c r="KCR120" s="26"/>
      <c r="KCS120" s="26"/>
      <c r="KCT120" s="26"/>
      <c r="KCU120" s="26"/>
      <c r="KCV120" s="26"/>
      <c r="KCW120" s="26"/>
      <c r="KCX120" s="26"/>
      <c r="KCY120" s="26"/>
      <c r="KCZ120" s="26"/>
      <c r="KDA120" s="26"/>
      <c r="KDB120" s="26"/>
      <c r="KDC120" s="26"/>
      <c r="KDD120" s="26"/>
      <c r="KDE120" s="26"/>
      <c r="KDF120" s="26"/>
      <c r="KDG120" s="26"/>
      <c r="KDH120" s="26"/>
      <c r="KDI120" s="26"/>
      <c r="KDJ120" s="26"/>
      <c r="KDK120" s="26"/>
      <c r="KDL120" s="26"/>
      <c r="KDM120" s="26"/>
      <c r="KDN120" s="26"/>
      <c r="KDO120" s="26"/>
      <c r="KDP120" s="26"/>
      <c r="KDQ120" s="26"/>
      <c r="KDR120" s="26"/>
      <c r="KDS120" s="26"/>
      <c r="KDT120" s="26"/>
      <c r="KDU120" s="26"/>
      <c r="KDV120" s="26"/>
      <c r="KDW120" s="26"/>
      <c r="KDX120" s="26"/>
      <c r="KDY120" s="26"/>
      <c r="KDZ120" s="26"/>
      <c r="KEA120" s="26"/>
      <c r="KEB120" s="26"/>
      <c r="KEC120" s="26"/>
      <c r="KED120" s="26"/>
      <c r="KEE120" s="26"/>
      <c r="KEF120" s="26"/>
      <c r="KEG120" s="26"/>
      <c r="KEH120" s="26"/>
      <c r="KEI120" s="26"/>
      <c r="KEJ120" s="26"/>
      <c r="KEK120" s="26"/>
      <c r="KEL120" s="26"/>
      <c r="KEM120" s="26"/>
      <c r="KEN120" s="26"/>
      <c r="KEO120" s="26"/>
      <c r="KEP120" s="26"/>
      <c r="KEQ120" s="26"/>
      <c r="KER120" s="26"/>
      <c r="KES120" s="26"/>
      <c r="KET120" s="26"/>
      <c r="KEU120" s="26"/>
      <c r="KEV120" s="26"/>
      <c r="KEW120" s="26"/>
      <c r="KEX120" s="26"/>
      <c r="KEY120" s="26"/>
      <c r="KEZ120" s="26"/>
      <c r="KFA120" s="26"/>
      <c r="KFB120" s="26"/>
      <c r="KFC120" s="26"/>
      <c r="KFD120" s="26"/>
      <c r="KFE120" s="26"/>
      <c r="KFF120" s="26"/>
      <c r="KFG120" s="26"/>
      <c r="KFH120" s="26"/>
      <c r="KFI120" s="26"/>
      <c r="KFJ120" s="26"/>
      <c r="KFK120" s="26"/>
      <c r="KFL120" s="26"/>
      <c r="KFM120" s="26"/>
      <c r="KFN120" s="26"/>
      <c r="KFO120" s="26"/>
      <c r="KFP120" s="26"/>
      <c r="KFQ120" s="26"/>
      <c r="KFR120" s="26"/>
      <c r="KFS120" s="26"/>
      <c r="KFT120" s="26"/>
      <c r="KFU120" s="26"/>
      <c r="KFV120" s="26"/>
      <c r="KFW120" s="26"/>
      <c r="KFX120" s="26"/>
      <c r="KFY120" s="26"/>
      <c r="KFZ120" s="26"/>
      <c r="KGA120" s="26"/>
      <c r="KGB120" s="26"/>
      <c r="KGC120" s="26"/>
      <c r="KGD120" s="26"/>
      <c r="KGE120" s="26"/>
      <c r="KGF120" s="26"/>
      <c r="KGG120" s="26"/>
      <c r="KGH120" s="26"/>
      <c r="KGI120" s="26"/>
      <c r="KGJ120" s="26"/>
      <c r="KGK120" s="26"/>
      <c r="KGL120" s="26"/>
      <c r="KGM120" s="26"/>
      <c r="KGN120" s="26"/>
      <c r="KGO120" s="26"/>
      <c r="KGP120" s="26"/>
      <c r="KGQ120" s="26"/>
      <c r="KGR120" s="26"/>
      <c r="KGS120" s="26"/>
      <c r="KGT120" s="26"/>
      <c r="KGU120" s="26"/>
      <c r="KGV120" s="26"/>
      <c r="KGW120" s="26"/>
      <c r="KGX120" s="26"/>
      <c r="KGY120" s="26"/>
      <c r="KGZ120" s="26"/>
      <c r="KHA120" s="26"/>
      <c r="KHB120" s="26"/>
      <c r="KHC120" s="26"/>
      <c r="KHD120" s="26"/>
      <c r="KHE120" s="26"/>
      <c r="KHF120" s="26"/>
      <c r="KHG120" s="26"/>
      <c r="KHH120" s="26"/>
      <c r="KHI120" s="26"/>
      <c r="KHJ120" s="26"/>
      <c r="KHK120" s="26"/>
      <c r="KHL120" s="26"/>
      <c r="KHM120" s="26"/>
      <c r="KHN120" s="26"/>
      <c r="KHO120" s="26"/>
      <c r="KHP120" s="26"/>
      <c r="KHQ120" s="26"/>
      <c r="KHR120" s="26"/>
      <c r="KHS120" s="26"/>
      <c r="KHT120" s="26"/>
      <c r="KHU120" s="26"/>
      <c r="KHV120" s="26"/>
      <c r="KHW120" s="26"/>
      <c r="KHX120" s="26"/>
      <c r="KHY120" s="26"/>
      <c r="KHZ120" s="26"/>
      <c r="KIA120" s="26"/>
      <c r="KIB120" s="26"/>
      <c r="KIC120" s="26"/>
      <c r="KID120" s="26"/>
      <c r="KIE120" s="26"/>
      <c r="KIF120" s="26"/>
      <c r="KIG120" s="26"/>
      <c r="KIH120" s="26"/>
      <c r="KII120" s="26"/>
      <c r="KIJ120" s="26"/>
      <c r="KIK120" s="26"/>
      <c r="KIL120" s="26"/>
      <c r="KIM120" s="26"/>
      <c r="KIN120" s="26"/>
      <c r="KIO120" s="26"/>
      <c r="KIP120" s="26"/>
      <c r="KIQ120" s="26"/>
      <c r="KIR120" s="26"/>
      <c r="KIS120" s="26"/>
      <c r="KIT120" s="26"/>
      <c r="KIU120" s="26"/>
      <c r="KIV120" s="26"/>
      <c r="KIW120" s="26"/>
      <c r="KIX120" s="26"/>
      <c r="KIY120" s="26"/>
      <c r="KIZ120" s="26"/>
      <c r="KJA120" s="26"/>
      <c r="KJB120" s="26"/>
      <c r="KJC120" s="26"/>
      <c r="KJD120" s="26"/>
      <c r="KJE120" s="26"/>
      <c r="KJF120" s="26"/>
      <c r="KJG120" s="26"/>
      <c r="KJH120" s="26"/>
      <c r="KJI120" s="26"/>
      <c r="KJJ120" s="26"/>
      <c r="KJK120" s="26"/>
      <c r="KJL120" s="26"/>
      <c r="KJM120" s="26"/>
      <c r="KJN120" s="26"/>
      <c r="KJO120" s="26"/>
      <c r="KJP120" s="26"/>
      <c r="KJQ120" s="26"/>
      <c r="KJR120" s="26"/>
      <c r="KJS120" s="26"/>
      <c r="KJT120" s="26"/>
      <c r="KJU120" s="26"/>
      <c r="KJV120" s="26"/>
      <c r="KJW120" s="26"/>
      <c r="KJX120" s="26"/>
      <c r="KJY120" s="26"/>
      <c r="KJZ120" s="26"/>
      <c r="KKA120" s="26"/>
      <c r="KKB120" s="26"/>
      <c r="KKC120" s="26"/>
      <c r="KKD120" s="26"/>
      <c r="KKE120" s="26"/>
      <c r="KKF120" s="26"/>
      <c r="KKG120" s="26"/>
      <c r="KKH120" s="26"/>
      <c r="KKI120" s="26"/>
      <c r="KKJ120" s="26"/>
      <c r="KKK120" s="26"/>
      <c r="KKL120" s="26"/>
      <c r="KKM120" s="26"/>
      <c r="KKN120" s="26"/>
      <c r="KKO120" s="26"/>
      <c r="KKP120" s="26"/>
      <c r="KKQ120" s="26"/>
      <c r="KKR120" s="26"/>
      <c r="KKS120" s="26"/>
      <c r="KKT120" s="26"/>
      <c r="KKU120" s="26"/>
      <c r="KKV120" s="26"/>
      <c r="KKW120" s="26"/>
      <c r="KKX120" s="26"/>
      <c r="KKY120" s="26"/>
      <c r="KKZ120" s="26"/>
      <c r="KLA120" s="26"/>
      <c r="KLB120" s="26"/>
      <c r="KLC120" s="26"/>
      <c r="KLD120" s="26"/>
      <c r="KLE120" s="26"/>
      <c r="KLF120" s="26"/>
      <c r="KLG120" s="26"/>
      <c r="KLH120" s="26"/>
      <c r="KLI120" s="26"/>
      <c r="KLJ120" s="26"/>
      <c r="KLK120" s="26"/>
      <c r="KLL120" s="26"/>
      <c r="KLM120" s="26"/>
      <c r="KLN120" s="26"/>
      <c r="KLO120" s="26"/>
      <c r="KLP120" s="26"/>
      <c r="KLQ120" s="26"/>
      <c r="KLR120" s="26"/>
      <c r="KLS120" s="26"/>
      <c r="KLT120" s="26"/>
      <c r="KLU120" s="26"/>
      <c r="KLV120" s="26"/>
      <c r="KLW120" s="26"/>
      <c r="KLX120" s="26"/>
      <c r="KLY120" s="26"/>
      <c r="KLZ120" s="26"/>
      <c r="KMA120" s="26"/>
      <c r="KMB120" s="26"/>
      <c r="KMC120" s="26"/>
      <c r="KMD120" s="26"/>
      <c r="KME120" s="26"/>
      <c r="KMF120" s="26"/>
      <c r="KMG120" s="26"/>
      <c r="KMH120" s="26"/>
      <c r="KMI120" s="26"/>
      <c r="KMJ120" s="26"/>
      <c r="KMK120" s="26"/>
      <c r="KML120" s="26"/>
      <c r="KMM120" s="26"/>
      <c r="KMN120" s="26"/>
      <c r="KMO120" s="26"/>
      <c r="KMP120" s="26"/>
      <c r="KMQ120" s="26"/>
      <c r="KMR120" s="26"/>
      <c r="KMS120" s="26"/>
      <c r="KMT120" s="26"/>
      <c r="KMU120" s="26"/>
      <c r="KMV120" s="26"/>
      <c r="KMW120" s="26"/>
      <c r="KMX120" s="26"/>
      <c r="KMY120" s="26"/>
      <c r="KMZ120" s="26"/>
      <c r="KNA120" s="26"/>
      <c r="KNB120" s="26"/>
      <c r="KNC120" s="26"/>
      <c r="KND120" s="26"/>
      <c r="KNE120" s="26"/>
      <c r="KNF120" s="26"/>
      <c r="KNG120" s="26"/>
      <c r="KNH120" s="26"/>
      <c r="KNI120" s="26"/>
      <c r="KNJ120" s="26"/>
      <c r="KNK120" s="26"/>
      <c r="KNL120" s="26"/>
      <c r="KNM120" s="26"/>
      <c r="KNN120" s="26"/>
      <c r="KNO120" s="26"/>
      <c r="KNP120" s="26"/>
      <c r="KNQ120" s="26"/>
      <c r="KNR120" s="26"/>
      <c r="KNS120" s="26"/>
      <c r="KNT120" s="26"/>
      <c r="KNU120" s="26"/>
      <c r="KNV120" s="26"/>
      <c r="KNW120" s="26"/>
      <c r="KNX120" s="26"/>
      <c r="KNY120" s="26"/>
      <c r="KNZ120" s="26"/>
      <c r="KOA120" s="26"/>
      <c r="KOB120" s="26"/>
      <c r="KOC120" s="26"/>
      <c r="KOD120" s="26"/>
      <c r="KOE120" s="26"/>
      <c r="KOF120" s="26"/>
      <c r="KOG120" s="26"/>
      <c r="KOH120" s="26"/>
      <c r="KOI120" s="26"/>
      <c r="KOJ120" s="26"/>
      <c r="KOK120" s="26"/>
      <c r="KOL120" s="26"/>
      <c r="KOM120" s="26"/>
      <c r="KON120" s="26"/>
      <c r="KOO120" s="26"/>
      <c r="KOP120" s="26"/>
      <c r="KOQ120" s="26"/>
      <c r="KOR120" s="26"/>
      <c r="KOS120" s="26"/>
      <c r="KOT120" s="26"/>
      <c r="KOU120" s="26"/>
      <c r="KOV120" s="26"/>
      <c r="KOW120" s="26"/>
      <c r="KOX120" s="26"/>
      <c r="KOY120" s="26"/>
      <c r="KOZ120" s="26"/>
      <c r="KPA120" s="26"/>
      <c r="KPB120" s="26"/>
      <c r="KPC120" s="26"/>
      <c r="KPD120" s="26"/>
      <c r="KPE120" s="26"/>
      <c r="KPF120" s="26"/>
      <c r="KPG120" s="26"/>
      <c r="KPH120" s="26"/>
      <c r="KPI120" s="26"/>
      <c r="KPJ120" s="26"/>
      <c r="KPK120" s="26"/>
      <c r="KPL120" s="26"/>
      <c r="KPM120" s="26"/>
      <c r="KPN120" s="26"/>
      <c r="KPO120" s="26"/>
      <c r="KPP120" s="26"/>
      <c r="KPQ120" s="26"/>
      <c r="KPR120" s="26"/>
      <c r="KPS120" s="26"/>
      <c r="KPT120" s="26"/>
      <c r="KPU120" s="26"/>
      <c r="KPV120" s="26"/>
      <c r="KPW120" s="26"/>
      <c r="KPX120" s="26"/>
      <c r="KPY120" s="26"/>
      <c r="KPZ120" s="26"/>
      <c r="KQA120" s="26"/>
      <c r="KQB120" s="26"/>
      <c r="KQC120" s="26"/>
      <c r="KQD120" s="26"/>
      <c r="KQE120" s="26"/>
      <c r="KQF120" s="26"/>
      <c r="KQG120" s="26"/>
      <c r="KQH120" s="26"/>
      <c r="KQI120" s="26"/>
      <c r="KQJ120" s="26"/>
      <c r="KQK120" s="26"/>
      <c r="KQL120" s="26"/>
      <c r="KQM120" s="26"/>
      <c r="KQN120" s="26"/>
      <c r="KQO120" s="26"/>
      <c r="KQP120" s="26"/>
      <c r="KQQ120" s="26"/>
      <c r="KQR120" s="26"/>
      <c r="KQS120" s="26"/>
      <c r="KQT120" s="26"/>
      <c r="KQU120" s="26"/>
      <c r="KQV120" s="26"/>
      <c r="KQW120" s="26"/>
      <c r="KQX120" s="26"/>
      <c r="KQY120" s="26"/>
      <c r="KQZ120" s="26"/>
      <c r="KRA120" s="26"/>
      <c r="KRB120" s="26"/>
      <c r="KRC120" s="26"/>
      <c r="KRD120" s="26"/>
      <c r="KRE120" s="26"/>
      <c r="KRF120" s="26"/>
      <c r="KRG120" s="26"/>
      <c r="KRH120" s="26"/>
      <c r="KRI120" s="26"/>
      <c r="KRJ120" s="26"/>
      <c r="KRK120" s="26"/>
      <c r="KRL120" s="26"/>
      <c r="KRM120" s="26"/>
      <c r="KRN120" s="26"/>
      <c r="KRO120" s="26"/>
      <c r="KRP120" s="26"/>
      <c r="KRQ120" s="26"/>
      <c r="KRR120" s="26"/>
      <c r="KRS120" s="26"/>
      <c r="KRT120" s="26"/>
      <c r="KRU120" s="26"/>
      <c r="KRV120" s="26"/>
      <c r="KRW120" s="26"/>
      <c r="KRX120" s="26"/>
      <c r="KRY120" s="26"/>
      <c r="KRZ120" s="26"/>
      <c r="KSA120" s="26"/>
      <c r="KSB120" s="26"/>
      <c r="KSC120" s="26"/>
      <c r="KSD120" s="26"/>
      <c r="KSE120" s="26"/>
      <c r="KSF120" s="26"/>
      <c r="KSG120" s="26"/>
      <c r="KSH120" s="26"/>
      <c r="KSI120" s="26"/>
      <c r="KSJ120" s="26"/>
      <c r="KSK120" s="26"/>
      <c r="KSL120" s="26"/>
      <c r="KSM120" s="26"/>
      <c r="KSN120" s="26"/>
      <c r="KSO120" s="26"/>
      <c r="KSP120" s="26"/>
      <c r="KSQ120" s="26"/>
      <c r="KSR120" s="26"/>
      <c r="KSS120" s="26"/>
      <c r="KST120" s="26"/>
      <c r="KSU120" s="26"/>
      <c r="KSV120" s="26"/>
      <c r="KSW120" s="26"/>
      <c r="KSX120" s="26"/>
      <c r="KSY120" s="26"/>
      <c r="KSZ120" s="26"/>
      <c r="KTA120" s="26"/>
      <c r="KTB120" s="26"/>
      <c r="KTC120" s="26"/>
      <c r="KTD120" s="26"/>
      <c r="KTE120" s="26"/>
      <c r="KTF120" s="26"/>
      <c r="KTG120" s="26"/>
      <c r="KTH120" s="26"/>
      <c r="KTI120" s="26"/>
      <c r="KTJ120" s="26"/>
      <c r="KTK120" s="26"/>
      <c r="KTL120" s="26"/>
      <c r="KTM120" s="26"/>
      <c r="KTN120" s="26"/>
      <c r="KTO120" s="26"/>
      <c r="KTP120" s="26"/>
      <c r="KTQ120" s="26"/>
      <c r="KTR120" s="26"/>
      <c r="KTS120" s="26"/>
      <c r="KTT120" s="26"/>
      <c r="KTU120" s="26"/>
      <c r="KTV120" s="26"/>
      <c r="KTW120" s="26"/>
      <c r="KTX120" s="26"/>
      <c r="KTY120" s="26"/>
      <c r="KTZ120" s="26"/>
      <c r="KUA120" s="26"/>
      <c r="KUB120" s="26"/>
      <c r="KUC120" s="26"/>
      <c r="KUD120" s="26"/>
      <c r="KUE120" s="26"/>
      <c r="KUF120" s="26"/>
      <c r="KUG120" s="26"/>
      <c r="KUH120" s="26"/>
      <c r="KUI120" s="26"/>
      <c r="KUJ120" s="26"/>
      <c r="KUK120" s="26"/>
      <c r="KUL120" s="26"/>
      <c r="KUM120" s="26"/>
      <c r="KUN120" s="26"/>
      <c r="KUO120" s="26"/>
      <c r="KUP120" s="26"/>
      <c r="KUQ120" s="26"/>
      <c r="KUR120" s="26"/>
      <c r="KUS120" s="26"/>
      <c r="KUT120" s="26"/>
      <c r="KUU120" s="26"/>
      <c r="KUV120" s="26"/>
      <c r="KUW120" s="26"/>
      <c r="KUX120" s="26"/>
      <c r="KUY120" s="26"/>
      <c r="KUZ120" s="26"/>
      <c r="KVA120" s="26"/>
      <c r="KVB120" s="26"/>
      <c r="KVC120" s="26"/>
      <c r="KVD120" s="26"/>
      <c r="KVE120" s="26"/>
      <c r="KVF120" s="26"/>
      <c r="KVG120" s="26"/>
      <c r="KVH120" s="26"/>
      <c r="KVI120" s="26"/>
      <c r="KVJ120" s="26"/>
      <c r="KVK120" s="26"/>
      <c r="KVL120" s="26"/>
      <c r="KVM120" s="26"/>
      <c r="KVN120" s="26"/>
      <c r="KVO120" s="26"/>
      <c r="KVP120" s="26"/>
      <c r="KVQ120" s="26"/>
      <c r="KVR120" s="26"/>
      <c r="KVS120" s="26"/>
      <c r="KVT120" s="26"/>
      <c r="KVU120" s="26"/>
      <c r="KVV120" s="26"/>
      <c r="KVW120" s="26"/>
      <c r="KVX120" s="26"/>
      <c r="KVY120" s="26"/>
      <c r="KVZ120" s="26"/>
      <c r="KWA120" s="26"/>
      <c r="KWB120" s="26"/>
      <c r="KWC120" s="26"/>
      <c r="KWD120" s="26"/>
      <c r="KWE120" s="26"/>
      <c r="KWF120" s="26"/>
      <c r="KWG120" s="26"/>
      <c r="KWH120" s="26"/>
      <c r="KWI120" s="26"/>
      <c r="KWJ120" s="26"/>
      <c r="KWK120" s="26"/>
      <c r="KWL120" s="26"/>
      <c r="KWM120" s="26"/>
      <c r="KWN120" s="26"/>
      <c r="KWO120" s="26"/>
      <c r="KWP120" s="26"/>
      <c r="KWQ120" s="26"/>
      <c r="KWR120" s="26"/>
      <c r="KWS120" s="26"/>
      <c r="KWT120" s="26"/>
      <c r="KWU120" s="26"/>
      <c r="KWV120" s="26"/>
      <c r="KWW120" s="26"/>
      <c r="KWX120" s="26"/>
      <c r="KWY120" s="26"/>
      <c r="KWZ120" s="26"/>
      <c r="KXA120" s="26"/>
      <c r="KXB120" s="26"/>
      <c r="KXC120" s="26"/>
      <c r="KXD120" s="26"/>
      <c r="KXE120" s="26"/>
      <c r="KXF120" s="26"/>
      <c r="KXG120" s="26"/>
      <c r="KXH120" s="26"/>
      <c r="KXI120" s="26"/>
      <c r="KXJ120" s="26"/>
      <c r="KXK120" s="26"/>
      <c r="KXL120" s="26"/>
      <c r="KXM120" s="26"/>
      <c r="KXN120" s="26"/>
      <c r="KXO120" s="26"/>
      <c r="KXP120" s="26"/>
      <c r="KXQ120" s="26"/>
      <c r="KXR120" s="26"/>
      <c r="KXS120" s="26"/>
      <c r="KXT120" s="26"/>
      <c r="KXU120" s="26"/>
      <c r="KXV120" s="26"/>
      <c r="KXW120" s="26"/>
      <c r="KXX120" s="26"/>
      <c r="KXY120" s="26"/>
      <c r="KXZ120" s="26"/>
      <c r="KYA120" s="26"/>
      <c r="KYB120" s="26"/>
      <c r="KYC120" s="26"/>
      <c r="KYD120" s="26"/>
      <c r="KYE120" s="26"/>
      <c r="KYF120" s="26"/>
      <c r="KYG120" s="26"/>
      <c r="KYH120" s="26"/>
      <c r="KYI120" s="26"/>
      <c r="KYJ120" s="26"/>
      <c r="KYK120" s="26"/>
      <c r="KYL120" s="26"/>
      <c r="KYM120" s="26"/>
      <c r="KYN120" s="26"/>
      <c r="KYO120" s="26"/>
      <c r="KYP120" s="26"/>
      <c r="KYQ120" s="26"/>
      <c r="KYR120" s="26"/>
      <c r="KYS120" s="26"/>
      <c r="KYT120" s="26"/>
      <c r="KYU120" s="26"/>
      <c r="KYV120" s="26"/>
      <c r="KYW120" s="26"/>
      <c r="KYX120" s="26"/>
      <c r="KYY120" s="26"/>
      <c r="KYZ120" s="26"/>
      <c r="KZA120" s="26"/>
      <c r="KZB120" s="26"/>
      <c r="KZC120" s="26"/>
      <c r="KZD120" s="26"/>
      <c r="KZE120" s="26"/>
      <c r="KZF120" s="26"/>
      <c r="KZG120" s="26"/>
      <c r="KZH120" s="26"/>
      <c r="KZI120" s="26"/>
      <c r="KZJ120" s="26"/>
      <c r="KZK120" s="26"/>
      <c r="KZL120" s="26"/>
      <c r="KZM120" s="26"/>
      <c r="KZN120" s="26"/>
      <c r="KZO120" s="26"/>
      <c r="KZP120" s="26"/>
      <c r="KZQ120" s="26"/>
      <c r="KZR120" s="26"/>
      <c r="KZS120" s="26"/>
      <c r="KZT120" s="26"/>
      <c r="KZU120" s="26"/>
      <c r="KZV120" s="26"/>
      <c r="KZW120" s="26"/>
      <c r="KZX120" s="26"/>
      <c r="KZY120" s="26"/>
      <c r="KZZ120" s="26"/>
      <c r="LAA120" s="26"/>
      <c r="LAB120" s="26"/>
      <c r="LAC120" s="26"/>
      <c r="LAD120" s="26"/>
      <c r="LAE120" s="26"/>
      <c r="LAF120" s="26"/>
      <c r="LAG120" s="26"/>
      <c r="LAH120" s="26"/>
      <c r="LAI120" s="26"/>
      <c r="LAJ120" s="26"/>
      <c r="LAK120" s="26"/>
      <c r="LAL120" s="26"/>
      <c r="LAM120" s="26"/>
      <c r="LAN120" s="26"/>
      <c r="LAO120" s="26"/>
      <c r="LAP120" s="26"/>
      <c r="LAQ120" s="26"/>
      <c r="LAR120" s="26"/>
      <c r="LAS120" s="26"/>
      <c r="LAT120" s="26"/>
      <c r="LAU120" s="26"/>
      <c r="LAV120" s="26"/>
      <c r="LAW120" s="26"/>
      <c r="LAX120" s="26"/>
      <c r="LAY120" s="26"/>
      <c r="LAZ120" s="26"/>
      <c r="LBA120" s="26"/>
      <c r="LBB120" s="26"/>
      <c r="LBC120" s="26"/>
      <c r="LBD120" s="26"/>
      <c r="LBE120" s="26"/>
      <c r="LBF120" s="26"/>
      <c r="LBG120" s="26"/>
      <c r="LBH120" s="26"/>
      <c r="LBI120" s="26"/>
      <c r="LBJ120" s="26"/>
      <c r="LBK120" s="26"/>
      <c r="LBL120" s="26"/>
      <c r="LBM120" s="26"/>
      <c r="LBN120" s="26"/>
      <c r="LBO120" s="26"/>
      <c r="LBP120" s="26"/>
      <c r="LBQ120" s="26"/>
      <c r="LBR120" s="26"/>
      <c r="LBS120" s="26"/>
      <c r="LBT120" s="26"/>
      <c r="LBU120" s="26"/>
      <c r="LBV120" s="26"/>
      <c r="LBW120" s="26"/>
      <c r="LBX120" s="26"/>
      <c r="LBY120" s="26"/>
      <c r="LBZ120" s="26"/>
      <c r="LCA120" s="26"/>
      <c r="LCB120" s="26"/>
      <c r="LCC120" s="26"/>
      <c r="LCD120" s="26"/>
      <c r="LCE120" s="26"/>
      <c r="LCF120" s="26"/>
      <c r="LCG120" s="26"/>
      <c r="LCH120" s="26"/>
      <c r="LCI120" s="26"/>
      <c r="LCJ120" s="26"/>
      <c r="LCK120" s="26"/>
      <c r="LCL120" s="26"/>
      <c r="LCM120" s="26"/>
      <c r="LCN120" s="26"/>
      <c r="LCO120" s="26"/>
      <c r="LCP120" s="26"/>
      <c r="LCQ120" s="26"/>
      <c r="LCR120" s="26"/>
      <c r="LCS120" s="26"/>
      <c r="LCT120" s="26"/>
      <c r="LCU120" s="26"/>
      <c r="LCV120" s="26"/>
      <c r="LCW120" s="26"/>
      <c r="LCX120" s="26"/>
      <c r="LCY120" s="26"/>
      <c r="LCZ120" s="26"/>
      <c r="LDA120" s="26"/>
      <c r="LDB120" s="26"/>
      <c r="LDC120" s="26"/>
      <c r="LDD120" s="26"/>
      <c r="LDE120" s="26"/>
      <c r="LDF120" s="26"/>
      <c r="LDG120" s="26"/>
      <c r="LDH120" s="26"/>
      <c r="LDI120" s="26"/>
      <c r="LDJ120" s="26"/>
      <c r="LDK120" s="26"/>
      <c r="LDL120" s="26"/>
      <c r="LDM120" s="26"/>
      <c r="LDN120" s="26"/>
      <c r="LDO120" s="26"/>
      <c r="LDP120" s="26"/>
      <c r="LDQ120" s="26"/>
      <c r="LDR120" s="26"/>
      <c r="LDS120" s="26"/>
      <c r="LDT120" s="26"/>
      <c r="LDU120" s="26"/>
      <c r="LDV120" s="26"/>
      <c r="LDW120" s="26"/>
      <c r="LDX120" s="26"/>
      <c r="LDY120" s="26"/>
      <c r="LDZ120" s="26"/>
      <c r="LEA120" s="26"/>
      <c r="LEB120" s="26"/>
      <c r="LEC120" s="26"/>
      <c r="LED120" s="26"/>
      <c r="LEE120" s="26"/>
      <c r="LEF120" s="26"/>
      <c r="LEG120" s="26"/>
      <c r="LEH120" s="26"/>
      <c r="LEI120" s="26"/>
      <c r="LEJ120" s="26"/>
      <c r="LEK120" s="26"/>
      <c r="LEL120" s="26"/>
      <c r="LEM120" s="26"/>
      <c r="LEN120" s="26"/>
      <c r="LEO120" s="26"/>
      <c r="LEP120" s="26"/>
      <c r="LEQ120" s="26"/>
      <c r="LER120" s="26"/>
      <c r="LES120" s="26"/>
      <c r="LET120" s="26"/>
      <c r="LEU120" s="26"/>
      <c r="LEV120" s="26"/>
      <c r="LEW120" s="26"/>
      <c r="LEX120" s="26"/>
      <c r="LEY120" s="26"/>
      <c r="LEZ120" s="26"/>
      <c r="LFA120" s="26"/>
      <c r="LFB120" s="26"/>
      <c r="LFC120" s="26"/>
      <c r="LFD120" s="26"/>
      <c r="LFE120" s="26"/>
      <c r="LFF120" s="26"/>
      <c r="LFG120" s="26"/>
      <c r="LFH120" s="26"/>
      <c r="LFI120" s="26"/>
      <c r="LFJ120" s="26"/>
      <c r="LFK120" s="26"/>
      <c r="LFL120" s="26"/>
      <c r="LFM120" s="26"/>
      <c r="LFN120" s="26"/>
      <c r="LFO120" s="26"/>
      <c r="LFP120" s="26"/>
      <c r="LFQ120" s="26"/>
      <c r="LFR120" s="26"/>
      <c r="LFS120" s="26"/>
      <c r="LFT120" s="26"/>
      <c r="LFU120" s="26"/>
      <c r="LFV120" s="26"/>
      <c r="LFW120" s="26"/>
      <c r="LFX120" s="26"/>
      <c r="LFY120" s="26"/>
      <c r="LFZ120" s="26"/>
      <c r="LGA120" s="26"/>
      <c r="LGB120" s="26"/>
      <c r="LGC120" s="26"/>
      <c r="LGD120" s="26"/>
      <c r="LGE120" s="26"/>
      <c r="LGF120" s="26"/>
      <c r="LGG120" s="26"/>
      <c r="LGH120" s="26"/>
      <c r="LGI120" s="26"/>
      <c r="LGJ120" s="26"/>
      <c r="LGK120" s="26"/>
      <c r="LGL120" s="26"/>
      <c r="LGM120" s="26"/>
      <c r="LGN120" s="26"/>
      <c r="LGO120" s="26"/>
      <c r="LGP120" s="26"/>
      <c r="LGQ120" s="26"/>
      <c r="LGR120" s="26"/>
      <c r="LGS120" s="26"/>
      <c r="LGT120" s="26"/>
      <c r="LGU120" s="26"/>
      <c r="LGV120" s="26"/>
      <c r="LGW120" s="26"/>
      <c r="LGX120" s="26"/>
      <c r="LGY120" s="26"/>
      <c r="LGZ120" s="26"/>
      <c r="LHA120" s="26"/>
      <c r="LHB120" s="26"/>
      <c r="LHC120" s="26"/>
      <c r="LHD120" s="26"/>
      <c r="LHE120" s="26"/>
      <c r="LHF120" s="26"/>
      <c r="LHG120" s="26"/>
      <c r="LHH120" s="26"/>
      <c r="LHI120" s="26"/>
      <c r="LHJ120" s="26"/>
      <c r="LHK120" s="26"/>
      <c r="LHL120" s="26"/>
      <c r="LHM120" s="26"/>
      <c r="LHN120" s="26"/>
      <c r="LHO120" s="26"/>
      <c r="LHP120" s="26"/>
      <c r="LHQ120" s="26"/>
      <c r="LHR120" s="26"/>
      <c r="LHS120" s="26"/>
      <c r="LHT120" s="26"/>
      <c r="LHU120" s="26"/>
      <c r="LHV120" s="26"/>
      <c r="LHW120" s="26"/>
      <c r="LHX120" s="26"/>
      <c r="LHY120" s="26"/>
      <c r="LHZ120" s="26"/>
      <c r="LIA120" s="26"/>
      <c r="LIB120" s="26"/>
      <c r="LIC120" s="26"/>
      <c r="LID120" s="26"/>
      <c r="LIE120" s="26"/>
      <c r="LIF120" s="26"/>
      <c r="LIG120" s="26"/>
      <c r="LIH120" s="26"/>
      <c r="LII120" s="26"/>
      <c r="LIJ120" s="26"/>
      <c r="LIK120" s="26"/>
      <c r="LIL120" s="26"/>
      <c r="LIM120" s="26"/>
      <c r="LIN120" s="26"/>
      <c r="LIO120" s="26"/>
      <c r="LIP120" s="26"/>
      <c r="LIQ120" s="26"/>
      <c r="LIR120" s="26"/>
      <c r="LIS120" s="26"/>
      <c r="LIT120" s="26"/>
      <c r="LIU120" s="26"/>
      <c r="LIV120" s="26"/>
      <c r="LIW120" s="26"/>
      <c r="LIX120" s="26"/>
      <c r="LIY120" s="26"/>
      <c r="LIZ120" s="26"/>
      <c r="LJA120" s="26"/>
      <c r="LJB120" s="26"/>
      <c r="LJC120" s="26"/>
      <c r="LJD120" s="26"/>
      <c r="LJE120" s="26"/>
      <c r="LJF120" s="26"/>
      <c r="LJG120" s="26"/>
      <c r="LJH120" s="26"/>
      <c r="LJI120" s="26"/>
      <c r="LJJ120" s="26"/>
      <c r="LJK120" s="26"/>
      <c r="LJL120" s="26"/>
      <c r="LJM120" s="26"/>
      <c r="LJN120" s="26"/>
      <c r="LJO120" s="26"/>
      <c r="LJP120" s="26"/>
      <c r="LJQ120" s="26"/>
      <c r="LJR120" s="26"/>
      <c r="LJS120" s="26"/>
      <c r="LJT120" s="26"/>
      <c r="LJU120" s="26"/>
      <c r="LJV120" s="26"/>
      <c r="LJW120" s="26"/>
      <c r="LJX120" s="26"/>
      <c r="LJY120" s="26"/>
      <c r="LJZ120" s="26"/>
      <c r="LKA120" s="26"/>
      <c r="LKB120" s="26"/>
      <c r="LKC120" s="26"/>
      <c r="LKD120" s="26"/>
      <c r="LKE120" s="26"/>
      <c r="LKF120" s="26"/>
      <c r="LKG120" s="26"/>
      <c r="LKH120" s="26"/>
      <c r="LKI120" s="26"/>
      <c r="LKJ120" s="26"/>
      <c r="LKK120" s="26"/>
      <c r="LKL120" s="26"/>
      <c r="LKM120" s="26"/>
      <c r="LKN120" s="26"/>
      <c r="LKO120" s="26"/>
      <c r="LKP120" s="26"/>
      <c r="LKQ120" s="26"/>
      <c r="LKR120" s="26"/>
      <c r="LKS120" s="26"/>
      <c r="LKT120" s="26"/>
      <c r="LKU120" s="26"/>
      <c r="LKV120" s="26"/>
      <c r="LKW120" s="26"/>
      <c r="LKX120" s="26"/>
      <c r="LKY120" s="26"/>
      <c r="LKZ120" s="26"/>
      <c r="LLA120" s="26"/>
      <c r="LLB120" s="26"/>
      <c r="LLC120" s="26"/>
      <c r="LLD120" s="26"/>
      <c r="LLE120" s="26"/>
      <c r="LLF120" s="26"/>
      <c r="LLG120" s="26"/>
      <c r="LLH120" s="26"/>
      <c r="LLI120" s="26"/>
      <c r="LLJ120" s="26"/>
      <c r="LLK120" s="26"/>
      <c r="LLL120" s="26"/>
      <c r="LLM120" s="26"/>
      <c r="LLN120" s="26"/>
      <c r="LLO120" s="26"/>
      <c r="LLP120" s="26"/>
      <c r="LLQ120" s="26"/>
      <c r="LLR120" s="26"/>
      <c r="LLS120" s="26"/>
      <c r="LLT120" s="26"/>
      <c r="LLU120" s="26"/>
      <c r="LLV120" s="26"/>
      <c r="LLW120" s="26"/>
      <c r="LLX120" s="26"/>
      <c r="LLY120" s="26"/>
      <c r="LLZ120" s="26"/>
      <c r="LMA120" s="26"/>
      <c r="LMB120" s="26"/>
      <c r="LMC120" s="26"/>
      <c r="LMD120" s="26"/>
      <c r="LME120" s="26"/>
      <c r="LMF120" s="26"/>
      <c r="LMG120" s="26"/>
      <c r="LMH120" s="26"/>
      <c r="LMI120" s="26"/>
      <c r="LMJ120" s="26"/>
      <c r="LMK120" s="26"/>
      <c r="LML120" s="26"/>
      <c r="LMM120" s="26"/>
      <c r="LMN120" s="26"/>
      <c r="LMO120" s="26"/>
      <c r="LMP120" s="26"/>
      <c r="LMQ120" s="26"/>
      <c r="LMR120" s="26"/>
      <c r="LMS120" s="26"/>
      <c r="LMT120" s="26"/>
      <c r="LMU120" s="26"/>
      <c r="LMV120" s="26"/>
      <c r="LMW120" s="26"/>
      <c r="LMX120" s="26"/>
      <c r="LMY120" s="26"/>
      <c r="LMZ120" s="26"/>
      <c r="LNA120" s="26"/>
      <c r="LNB120" s="26"/>
      <c r="LNC120" s="26"/>
      <c r="LND120" s="26"/>
      <c r="LNE120" s="26"/>
      <c r="LNF120" s="26"/>
      <c r="LNG120" s="26"/>
      <c r="LNH120" s="26"/>
      <c r="LNI120" s="26"/>
      <c r="LNJ120" s="26"/>
      <c r="LNK120" s="26"/>
      <c r="LNL120" s="26"/>
      <c r="LNM120" s="26"/>
      <c r="LNN120" s="26"/>
      <c r="LNO120" s="26"/>
      <c r="LNP120" s="26"/>
      <c r="LNQ120" s="26"/>
      <c r="LNR120" s="26"/>
      <c r="LNS120" s="26"/>
      <c r="LNT120" s="26"/>
      <c r="LNU120" s="26"/>
      <c r="LNV120" s="26"/>
      <c r="LNW120" s="26"/>
      <c r="LNX120" s="26"/>
      <c r="LNY120" s="26"/>
      <c r="LNZ120" s="26"/>
      <c r="LOA120" s="26"/>
      <c r="LOB120" s="26"/>
      <c r="LOC120" s="26"/>
      <c r="LOD120" s="26"/>
      <c r="LOE120" s="26"/>
      <c r="LOF120" s="26"/>
      <c r="LOG120" s="26"/>
      <c r="LOH120" s="26"/>
      <c r="LOI120" s="26"/>
      <c r="LOJ120" s="26"/>
      <c r="LOK120" s="26"/>
      <c r="LOL120" s="26"/>
      <c r="LOM120" s="26"/>
      <c r="LON120" s="26"/>
      <c r="LOO120" s="26"/>
      <c r="LOP120" s="26"/>
      <c r="LOQ120" s="26"/>
      <c r="LOR120" s="26"/>
      <c r="LOS120" s="26"/>
      <c r="LOT120" s="26"/>
      <c r="LOU120" s="26"/>
      <c r="LOV120" s="26"/>
      <c r="LOW120" s="26"/>
      <c r="LOX120" s="26"/>
      <c r="LOY120" s="26"/>
      <c r="LOZ120" s="26"/>
      <c r="LPA120" s="26"/>
      <c r="LPB120" s="26"/>
      <c r="LPC120" s="26"/>
      <c r="LPD120" s="26"/>
      <c r="LPE120" s="26"/>
      <c r="LPF120" s="26"/>
      <c r="LPG120" s="26"/>
      <c r="LPH120" s="26"/>
      <c r="LPI120" s="26"/>
      <c r="LPJ120" s="26"/>
      <c r="LPK120" s="26"/>
      <c r="LPL120" s="26"/>
      <c r="LPM120" s="26"/>
      <c r="LPN120" s="26"/>
      <c r="LPO120" s="26"/>
      <c r="LPP120" s="26"/>
      <c r="LPQ120" s="26"/>
      <c r="LPR120" s="26"/>
      <c r="LPS120" s="26"/>
      <c r="LPT120" s="26"/>
      <c r="LPU120" s="26"/>
      <c r="LPV120" s="26"/>
      <c r="LPW120" s="26"/>
      <c r="LPX120" s="26"/>
      <c r="LPY120" s="26"/>
      <c r="LPZ120" s="26"/>
      <c r="LQA120" s="26"/>
      <c r="LQB120" s="26"/>
      <c r="LQC120" s="26"/>
      <c r="LQD120" s="26"/>
      <c r="LQE120" s="26"/>
      <c r="LQF120" s="26"/>
      <c r="LQG120" s="26"/>
      <c r="LQH120" s="26"/>
      <c r="LQI120" s="26"/>
      <c r="LQJ120" s="26"/>
      <c r="LQK120" s="26"/>
      <c r="LQL120" s="26"/>
      <c r="LQM120" s="26"/>
      <c r="LQN120" s="26"/>
      <c r="LQO120" s="26"/>
      <c r="LQP120" s="26"/>
      <c r="LQQ120" s="26"/>
      <c r="LQR120" s="26"/>
      <c r="LQS120" s="26"/>
      <c r="LQT120" s="26"/>
      <c r="LQU120" s="26"/>
      <c r="LQV120" s="26"/>
      <c r="LQW120" s="26"/>
      <c r="LQX120" s="26"/>
      <c r="LQY120" s="26"/>
      <c r="LQZ120" s="26"/>
      <c r="LRA120" s="26"/>
      <c r="LRB120" s="26"/>
      <c r="LRC120" s="26"/>
      <c r="LRD120" s="26"/>
      <c r="LRE120" s="26"/>
      <c r="LRF120" s="26"/>
      <c r="LRG120" s="26"/>
      <c r="LRH120" s="26"/>
      <c r="LRI120" s="26"/>
      <c r="LRJ120" s="26"/>
      <c r="LRK120" s="26"/>
      <c r="LRL120" s="26"/>
      <c r="LRM120" s="26"/>
      <c r="LRN120" s="26"/>
      <c r="LRO120" s="26"/>
      <c r="LRP120" s="26"/>
      <c r="LRQ120" s="26"/>
      <c r="LRR120" s="26"/>
      <c r="LRS120" s="26"/>
      <c r="LRT120" s="26"/>
      <c r="LRU120" s="26"/>
      <c r="LRV120" s="26"/>
      <c r="LRW120" s="26"/>
      <c r="LRX120" s="26"/>
      <c r="LRY120" s="26"/>
      <c r="LRZ120" s="26"/>
      <c r="LSA120" s="26"/>
      <c r="LSB120" s="26"/>
      <c r="LSC120" s="26"/>
      <c r="LSD120" s="26"/>
      <c r="LSE120" s="26"/>
      <c r="LSF120" s="26"/>
      <c r="LSG120" s="26"/>
      <c r="LSH120" s="26"/>
      <c r="LSI120" s="26"/>
      <c r="LSJ120" s="26"/>
      <c r="LSK120" s="26"/>
      <c r="LSL120" s="26"/>
      <c r="LSM120" s="26"/>
      <c r="LSN120" s="26"/>
      <c r="LSO120" s="26"/>
      <c r="LSP120" s="26"/>
      <c r="LSQ120" s="26"/>
      <c r="LSR120" s="26"/>
      <c r="LSS120" s="26"/>
      <c r="LST120" s="26"/>
      <c r="LSU120" s="26"/>
      <c r="LSV120" s="26"/>
      <c r="LSW120" s="26"/>
      <c r="LSX120" s="26"/>
      <c r="LSY120" s="26"/>
      <c r="LSZ120" s="26"/>
      <c r="LTA120" s="26"/>
      <c r="LTB120" s="26"/>
      <c r="LTC120" s="26"/>
      <c r="LTD120" s="26"/>
      <c r="LTE120" s="26"/>
      <c r="LTF120" s="26"/>
      <c r="LTG120" s="26"/>
      <c r="LTH120" s="26"/>
      <c r="LTI120" s="26"/>
      <c r="LTJ120" s="26"/>
      <c r="LTK120" s="26"/>
      <c r="LTL120" s="26"/>
      <c r="LTM120" s="26"/>
      <c r="LTN120" s="26"/>
      <c r="LTO120" s="26"/>
      <c r="LTP120" s="26"/>
      <c r="LTQ120" s="26"/>
      <c r="LTR120" s="26"/>
      <c r="LTS120" s="26"/>
      <c r="LTT120" s="26"/>
      <c r="LTU120" s="26"/>
      <c r="LTV120" s="26"/>
      <c r="LTW120" s="26"/>
      <c r="LTX120" s="26"/>
      <c r="LTY120" s="26"/>
      <c r="LTZ120" s="26"/>
      <c r="LUA120" s="26"/>
      <c r="LUB120" s="26"/>
      <c r="LUC120" s="26"/>
      <c r="LUD120" s="26"/>
      <c r="LUE120" s="26"/>
      <c r="LUF120" s="26"/>
      <c r="LUG120" s="26"/>
      <c r="LUH120" s="26"/>
      <c r="LUI120" s="26"/>
      <c r="LUJ120" s="26"/>
      <c r="LUK120" s="26"/>
      <c r="LUL120" s="26"/>
      <c r="LUM120" s="26"/>
      <c r="LUN120" s="26"/>
      <c r="LUO120" s="26"/>
      <c r="LUP120" s="26"/>
      <c r="LUQ120" s="26"/>
      <c r="LUR120" s="26"/>
      <c r="LUS120" s="26"/>
      <c r="LUT120" s="26"/>
      <c r="LUU120" s="26"/>
      <c r="LUV120" s="26"/>
      <c r="LUW120" s="26"/>
      <c r="LUX120" s="26"/>
      <c r="LUY120" s="26"/>
      <c r="LUZ120" s="26"/>
      <c r="LVA120" s="26"/>
      <c r="LVB120" s="26"/>
      <c r="LVC120" s="26"/>
      <c r="LVD120" s="26"/>
      <c r="LVE120" s="26"/>
      <c r="LVF120" s="26"/>
      <c r="LVG120" s="26"/>
      <c r="LVH120" s="26"/>
      <c r="LVI120" s="26"/>
      <c r="LVJ120" s="26"/>
      <c r="LVK120" s="26"/>
      <c r="LVL120" s="26"/>
      <c r="LVM120" s="26"/>
      <c r="LVN120" s="26"/>
      <c r="LVO120" s="26"/>
      <c r="LVP120" s="26"/>
      <c r="LVQ120" s="26"/>
      <c r="LVR120" s="26"/>
      <c r="LVS120" s="26"/>
      <c r="LVT120" s="26"/>
      <c r="LVU120" s="26"/>
      <c r="LVV120" s="26"/>
      <c r="LVW120" s="26"/>
      <c r="LVX120" s="26"/>
      <c r="LVY120" s="26"/>
      <c r="LVZ120" s="26"/>
      <c r="LWA120" s="26"/>
      <c r="LWB120" s="26"/>
      <c r="LWC120" s="26"/>
      <c r="LWD120" s="26"/>
      <c r="LWE120" s="26"/>
      <c r="LWF120" s="26"/>
      <c r="LWG120" s="26"/>
      <c r="LWH120" s="26"/>
      <c r="LWI120" s="26"/>
      <c r="LWJ120" s="26"/>
      <c r="LWK120" s="26"/>
      <c r="LWL120" s="26"/>
      <c r="LWM120" s="26"/>
      <c r="LWN120" s="26"/>
      <c r="LWO120" s="26"/>
      <c r="LWP120" s="26"/>
      <c r="LWQ120" s="26"/>
      <c r="LWR120" s="26"/>
      <c r="LWS120" s="26"/>
      <c r="LWT120" s="26"/>
      <c r="LWU120" s="26"/>
      <c r="LWV120" s="26"/>
      <c r="LWW120" s="26"/>
      <c r="LWX120" s="26"/>
      <c r="LWY120" s="26"/>
      <c r="LWZ120" s="26"/>
      <c r="LXA120" s="26"/>
      <c r="LXB120" s="26"/>
      <c r="LXC120" s="26"/>
      <c r="LXD120" s="26"/>
      <c r="LXE120" s="26"/>
      <c r="LXF120" s="26"/>
      <c r="LXG120" s="26"/>
      <c r="LXH120" s="26"/>
      <c r="LXI120" s="26"/>
      <c r="LXJ120" s="26"/>
      <c r="LXK120" s="26"/>
      <c r="LXL120" s="26"/>
      <c r="LXM120" s="26"/>
      <c r="LXN120" s="26"/>
      <c r="LXO120" s="26"/>
      <c r="LXP120" s="26"/>
      <c r="LXQ120" s="26"/>
      <c r="LXR120" s="26"/>
      <c r="LXS120" s="26"/>
      <c r="LXT120" s="26"/>
      <c r="LXU120" s="26"/>
      <c r="LXV120" s="26"/>
      <c r="LXW120" s="26"/>
      <c r="LXX120" s="26"/>
      <c r="LXY120" s="26"/>
      <c r="LXZ120" s="26"/>
      <c r="LYA120" s="26"/>
      <c r="LYB120" s="26"/>
      <c r="LYC120" s="26"/>
      <c r="LYD120" s="26"/>
      <c r="LYE120" s="26"/>
      <c r="LYF120" s="26"/>
      <c r="LYG120" s="26"/>
      <c r="LYH120" s="26"/>
      <c r="LYI120" s="26"/>
      <c r="LYJ120" s="26"/>
      <c r="LYK120" s="26"/>
      <c r="LYL120" s="26"/>
      <c r="LYM120" s="26"/>
      <c r="LYN120" s="26"/>
      <c r="LYO120" s="26"/>
      <c r="LYP120" s="26"/>
      <c r="LYQ120" s="26"/>
      <c r="LYR120" s="26"/>
      <c r="LYS120" s="26"/>
      <c r="LYT120" s="26"/>
      <c r="LYU120" s="26"/>
      <c r="LYV120" s="26"/>
      <c r="LYW120" s="26"/>
      <c r="LYX120" s="26"/>
      <c r="LYY120" s="26"/>
      <c r="LYZ120" s="26"/>
      <c r="LZA120" s="26"/>
      <c r="LZB120" s="26"/>
      <c r="LZC120" s="26"/>
      <c r="LZD120" s="26"/>
      <c r="LZE120" s="26"/>
      <c r="LZF120" s="26"/>
      <c r="LZG120" s="26"/>
      <c r="LZH120" s="26"/>
      <c r="LZI120" s="26"/>
      <c r="LZJ120" s="26"/>
      <c r="LZK120" s="26"/>
      <c r="LZL120" s="26"/>
      <c r="LZM120" s="26"/>
      <c r="LZN120" s="26"/>
      <c r="LZO120" s="26"/>
      <c r="LZP120" s="26"/>
      <c r="LZQ120" s="26"/>
      <c r="LZR120" s="26"/>
      <c r="LZS120" s="26"/>
      <c r="LZT120" s="26"/>
      <c r="LZU120" s="26"/>
      <c r="LZV120" s="26"/>
      <c r="LZW120" s="26"/>
      <c r="LZX120" s="26"/>
      <c r="LZY120" s="26"/>
      <c r="LZZ120" s="26"/>
      <c r="MAA120" s="26"/>
      <c r="MAB120" s="26"/>
      <c r="MAC120" s="26"/>
      <c r="MAD120" s="26"/>
      <c r="MAE120" s="26"/>
      <c r="MAF120" s="26"/>
      <c r="MAG120" s="26"/>
      <c r="MAH120" s="26"/>
      <c r="MAI120" s="26"/>
      <c r="MAJ120" s="26"/>
      <c r="MAK120" s="26"/>
      <c r="MAL120" s="26"/>
      <c r="MAM120" s="26"/>
      <c r="MAN120" s="26"/>
      <c r="MAO120" s="26"/>
      <c r="MAP120" s="26"/>
      <c r="MAQ120" s="26"/>
      <c r="MAR120" s="26"/>
      <c r="MAS120" s="26"/>
      <c r="MAT120" s="26"/>
      <c r="MAU120" s="26"/>
      <c r="MAV120" s="26"/>
      <c r="MAW120" s="26"/>
      <c r="MAX120" s="26"/>
      <c r="MAY120" s="26"/>
      <c r="MAZ120" s="26"/>
      <c r="MBA120" s="26"/>
      <c r="MBB120" s="26"/>
      <c r="MBC120" s="26"/>
      <c r="MBD120" s="26"/>
      <c r="MBE120" s="26"/>
      <c r="MBF120" s="26"/>
      <c r="MBG120" s="26"/>
      <c r="MBH120" s="26"/>
      <c r="MBI120" s="26"/>
      <c r="MBJ120" s="26"/>
      <c r="MBK120" s="26"/>
      <c r="MBL120" s="26"/>
      <c r="MBM120" s="26"/>
      <c r="MBN120" s="26"/>
      <c r="MBO120" s="26"/>
      <c r="MBP120" s="26"/>
      <c r="MBQ120" s="26"/>
      <c r="MBR120" s="26"/>
      <c r="MBS120" s="26"/>
      <c r="MBT120" s="26"/>
      <c r="MBU120" s="26"/>
      <c r="MBV120" s="26"/>
      <c r="MBW120" s="26"/>
      <c r="MBX120" s="26"/>
      <c r="MBY120" s="26"/>
      <c r="MBZ120" s="26"/>
      <c r="MCA120" s="26"/>
      <c r="MCB120" s="26"/>
      <c r="MCC120" s="26"/>
      <c r="MCD120" s="26"/>
      <c r="MCE120" s="26"/>
      <c r="MCF120" s="26"/>
      <c r="MCG120" s="26"/>
      <c r="MCH120" s="26"/>
      <c r="MCI120" s="26"/>
      <c r="MCJ120" s="26"/>
      <c r="MCK120" s="26"/>
      <c r="MCL120" s="26"/>
      <c r="MCM120" s="26"/>
      <c r="MCN120" s="26"/>
      <c r="MCO120" s="26"/>
      <c r="MCP120" s="26"/>
      <c r="MCQ120" s="26"/>
      <c r="MCR120" s="26"/>
      <c r="MCS120" s="26"/>
      <c r="MCT120" s="26"/>
      <c r="MCU120" s="26"/>
      <c r="MCV120" s="26"/>
      <c r="MCW120" s="26"/>
      <c r="MCX120" s="26"/>
      <c r="MCY120" s="26"/>
      <c r="MCZ120" s="26"/>
      <c r="MDA120" s="26"/>
      <c r="MDB120" s="26"/>
      <c r="MDC120" s="26"/>
      <c r="MDD120" s="26"/>
      <c r="MDE120" s="26"/>
      <c r="MDF120" s="26"/>
      <c r="MDG120" s="26"/>
      <c r="MDH120" s="26"/>
      <c r="MDI120" s="26"/>
      <c r="MDJ120" s="26"/>
      <c r="MDK120" s="26"/>
      <c r="MDL120" s="26"/>
      <c r="MDM120" s="26"/>
      <c r="MDN120" s="26"/>
      <c r="MDO120" s="26"/>
      <c r="MDP120" s="26"/>
      <c r="MDQ120" s="26"/>
      <c r="MDR120" s="26"/>
      <c r="MDS120" s="26"/>
      <c r="MDT120" s="26"/>
      <c r="MDU120" s="26"/>
      <c r="MDV120" s="26"/>
      <c r="MDW120" s="26"/>
      <c r="MDX120" s="26"/>
      <c r="MDY120" s="26"/>
      <c r="MDZ120" s="26"/>
      <c r="MEA120" s="26"/>
      <c r="MEB120" s="26"/>
      <c r="MEC120" s="26"/>
      <c r="MED120" s="26"/>
      <c r="MEE120" s="26"/>
      <c r="MEF120" s="26"/>
      <c r="MEG120" s="26"/>
      <c r="MEH120" s="26"/>
      <c r="MEI120" s="26"/>
      <c r="MEJ120" s="26"/>
      <c r="MEK120" s="26"/>
      <c r="MEL120" s="26"/>
      <c r="MEM120" s="26"/>
      <c r="MEN120" s="26"/>
      <c r="MEO120" s="26"/>
      <c r="MEP120" s="26"/>
      <c r="MEQ120" s="26"/>
      <c r="MER120" s="26"/>
      <c r="MES120" s="26"/>
      <c r="MET120" s="26"/>
      <c r="MEU120" s="26"/>
      <c r="MEV120" s="26"/>
      <c r="MEW120" s="26"/>
      <c r="MEX120" s="26"/>
      <c r="MEY120" s="26"/>
      <c r="MEZ120" s="26"/>
      <c r="MFA120" s="26"/>
      <c r="MFB120" s="26"/>
      <c r="MFC120" s="26"/>
      <c r="MFD120" s="26"/>
      <c r="MFE120" s="26"/>
      <c r="MFF120" s="26"/>
      <c r="MFG120" s="26"/>
      <c r="MFH120" s="26"/>
      <c r="MFI120" s="26"/>
      <c r="MFJ120" s="26"/>
      <c r="MFK120" s="26"/>
      <c r="MFL120" s="26"/>
      <c r="MFM120" s="26"/>
      <c r="MFN120" s="26"/>
      <c r="MFO120" s="26"/>
      <c r="MFP120" s="26"/>
      <c r="MFQ120" s="26"/>
      <c r="MFR120" s="26"/>
      <c r="MFS120" s="26"/>
      <c r="MFT120" s="26"/>
      <c r="MFU120" s="26"/>
      <c r="MFV120" s="26"/>
      <c r="MFW120" s="26"/>
      <c r="MFX120" s="26"/>
      <c r="MFY120" s="26"/>
      <c r="MFZ120" s="26"/>
      <c r="MGA120" s="26"/>
      <c r="MGB120" s="26"/>
      <c r="MGC120" s="26"/>
      <c r="MGD120" s="26"/>
      <c r="MGE120" s="26"/>
      <c r="MGF120" s="26"/>
      <c r="MGG120" s="26"/>
      <c r="MGH120" s="26"/>
      <c r="MGI120" s="26"/>
      <c r="MGJ120" s="26"/>
      <c r="MGK120" s="26"/>
      <c r="MGL120" s="26"/>
      <c r="MGM120" s="26"/>
      <c r="MGN120" s="26"/>
      <c r="MGO120" s="26"/>
      <c r="MGP120" s="26"/>
      <c r="MGQ120" s="26"/>
      <c r="MGR120" s="26"/>
      <c r="MGS120" s="26"/>
      <c r="MGT120" s="26"/>
      <c r="MGU120" s="26"/>
      <c r="MGV120" s="26"/>
      <c r="MGW120" s="26"/>
      <c r="MGX120" s="26"/>
      <c r="MGY120" s="26"/>
      <c r="MGZ120" s="26"/>
      <c r="MHA120" s="26"/>
      <c r="MHB120" s="26"/>
      <c r="MHC120" s="26"/>
      <c r="MHD120" s="26"/>
      <c r="MHE120" s="26"/>
      <c r="MHF120" s="26"/>
      <c r="MHG120" s="26"/>
      <c r="MHH120" s="26"/>
      <c r="MHI120" s="26"/>
      <c r="MHJ120" s="26"/>
      <c r="MHK120" s="26"/>
      <c r="MHL120" s="26"/>
      <c r="MHM120" s="26"/>
      <c r="MHN120" s="26"/>
      <c r="MHO120" s="26"/>
      <c r="MHP120" s="26"/>
      <c r="MHQ120" s="26"/>
      <c r="MHR120" s="26"/>
      <c r="MHS120" s="26"/>
      <c r="MHT120" s="26"/>
      <c r="MHU120" s="26"/>
      <c r="MHV120" s="26"/>
      <c r="MHW120" s="26"/>
      <c r="MHX120" s="26"/>
      <c r="MHY120" s="26"/>
      <c r="MHZ120" s="26"/>
      <c r="MIA120" s="26"/>
      <c r="MIB120" s="26"/>
      <c r="MIC120" s="26"/>
      <c r="MID120" s="26"/>
      <c r="MIE120" s="26"/>
      <c r="MIF120" s="26"/>
      <c r="MIG120" s="26"/>
      <c r="MIH120" s="26"/>
      <c r="MII120" s="26"/>
      <c r="MIJ120" s="26"/>
      <c r="MIK120" s="26"/>
      <c r="MIL120" s="26"/>
      <c r="MIM120" s="26"/>
      <c r="MIN120" s="26"/>
      <c r="MIO120" s="26"/>
      <c r="MIP120" s="26"/>
      <c r="MIQ120" s="26"/>
      <c r="MIR120" s="26"/>
      <c r="MIS120" s="26"/>
      <c r="MIT120" s="26"/>
      <c r="MIU120" s="26"/>
      <c r="MIV120" s="26"/>
      <c r="MIW120" s="26"/>
      <c r="MIX120" s="26"/>
      <c r="MIY120" s="26"/>
      <c r="MIZ120" s="26"/>
      <c r="MJA120" s="26"/>
      <c r="MJB120" s="26"/>
      <c r="MJC120" s="26"/>
      <c r="MJD120" s="26"/>
      <c r="MJE120" s="26"/>
      <c r="MJF120" s="26"/>
      <c r="MJG120" s="26"/>
      <c r="MJH120" s="26"/>
      <c r="MJI120" s="26"/>
      <c r="MJJ120" s="26"/>
      <c r="MJK120" s="26"/>
      <c r="MJL120" s="26"/>
      <c r="MJM120" s="26"/>
      <c r="MJN120" s="26"/>
      <c r="MJO120" s="26"/>
      <c r="MJP120" s="26"/>
      <c r="MJQ120" s="26"/>
      <c r="MJR120" s="26"/>
      <c r="MJS120" s="26"/>
      <c r="MJT120" s="26"/>
      <c r="MJU120" s="26"/>
      <c r="MJV120" s="26"/>
      <c r="MJW120" s="26"/>
      <c r="MJX120" s="26"/>
      <c r="MJY120" s="26"/>
      <c r="MJZ120" s="26"/>
      <c r="MKA120" s="26"/>
      <c r="MKB120" s="26"/>
      <c r="MKC120" s="26"/>
      <c r="MKD120" s="26"/>
      <c r="MKE120" s="26"/>
      <c r="MKF120" s="26"/>
      <c r="MKG120" s="26"/>
      <c r="MKH120" s="26"/>
      <c r="MKI120" s="26"/>
      <c r="MKJ120" s="26"/>
      <c r="MKK120" s="26"/>
      <c r="MKL120" s="26"/>
      <c r="MKM120" s="26"/>
      <c r="MKN120" s="26"/>
      <c r="MKO120" s="26"/>
      <c r="MKP120" s="26"/>
      <c r="MKQ120" s="26"/>
      <c r="MKR120" s="26"/>
      <c r="MKS120" s="26"/>
      <c r="MKT120" s="26"/>
      <c r="MKU120" s="26"/>
      <c r="MKV120" s="26"/>
      <c r="MKW120" s="26"/>
      <c r="MKX120" s="26"/>
      <c r="MKY120" s="26"/>
      <c r="MKZ120" s="26"/>
      <c r="MLA120" s="26"/>
      <c r="MLB120" s="26"/>
      <c r="MLC120" s="26"/>
      <c r="MLD120" s="26"/>
      <c r="MLE120" s="26"/>
      <c r="MLF120" s="26"/>
      <c r="MLG120" s="26"/>
      <c r="MLH120" s="26"/>
      <c r="MLI120" s="26"/>
      <c r="MLJ120" s="26"/>
      <c r="MLK120" s="26"/>
      <c r="MLL120" s="26"/>
      <c r="MLM120" s="26"/>
      <c r="MLN120" s="26"/>
      <c r="MLO120" s="26"/>
      <c r="MLP120" s="26"/>
      <c r="MLQ120" s="26"/>
      <c r="MLR120" s="26"/>
      <c r="MLS120" s="26"/>
      <c r="MLT120" s="26"/>
      <c r="MLU120" s="26"/>
      <c r="MLV120" s="26"/>
      <c r="MLW120" s="26"/>
      <c r="MLX120" s="26"/>
      <c r="MLY120" s="26"/>
      <c r="MLZ120" s="26"/>
      <c r="MMA120" s="26"/>
      <c r="MMB120" s="26"/>
      <c r="MMC120" s="26"/>
      <c r="MMD120" s="26"/>
      <c r="MME120" s="26"/>
      <c r="MMF120" s="26"/>
      <c r="MMG120" s="26"/>
      <c r="MMH120" s="26"/>
      <c r="MMI120" s="26"/>
      <c r="MMJ120" s="26"/>
      <c r="MMK120" s="26"/>
      <c r="MML120" s="26"/>
      <c r="MMM120" s="26"/>
      <c r="MMN120" s="26"/>
      <c r="MMO120" s="26"/>
      <c r="MMP120" s="26"/>
      <c r="MMQ120" s="26"/>
      <c r="MMR120" s="26"/>
      <c r="MMS120" s="26"/>
      <c r="MMT120" s="26"/>
      <c r="MMU120" s="26"/>
      <c r="MMV120" s="26"/>
      <c r="MMW120" s="26"/>
      <c r="MMX120" s="26"/>
      <c r="MMY120" s="26"/>
      <c r="MMZ120" s="26"/>
      <c r="MNA120" s="26"/>
      <c r="MNB120" s="26"/>
      <c r="MNC120" s="26"/>
      <c r="MND120" s="26"/>
      <c r="MNE120" s="26"/>
      <c r="MNF120" s="26"/>
      <c r="MNG120" s="26"/>
      <c r="MNH120" s="26"/>
      <c r="MNI120" s="26"/>
      <c r="MNJ120" s="26"/>
      <c r="MNK120" s="26"/>
      <c r="MNL120" s="26"/>
      <c r="MNM120" s="26"/>
      <c r="MNN120" s="26"/>
      <c r="MNO120" s="26"/>
      <c r="MNP120" s="26"/>
      <c r="MNQ120" s="26"/>
      <c r="MNR120" s="26"/>
      <c r="MNS120" s="26"/>
      <c r="MNT120" s="26"/>
      <c r="MNU120" s="26"/>
      <c r="MNV120" s="26"/>
      <c r="MNW120" s="26"/>
      <c r="MNX120" s="26"/>
      <c r="MNY120" s="26"/>
      <c r="MNZ120" s="26"/>
      <c r="MOA120" s="26"/>
      <c r="MOB120" s="26"/>
      <c r="MOC120" s="26"/>
      <c r="MOD120" s="26"/>
      <c r="MOE120" s="26"/>
      <c r="MOF120" s="26"/>
      <c r="MOG120" s="26"/>
      <c r="MOH120" s="26"/>
      <c r="MOI120" s="26"/>
      <c r="MOJ120" s="26"/>
      <c r="MOK120" s="26"/>
      <c r="MOL120" s="26"/>
      <c r="MOM120" s="26"/>
      <c r="MON120" s="26"/>
      <c r="MOO120" s="26"/>
      <c r="MOP120" s="26"/>
      <c r="MOQ120" s="26"/>
      <c r="MOR120" s="26"/>
      <c r="MOS120" s="26"/>
      <c r="MOT120" s="26"/>
      <c r="MOU120" s="26"/>
      <c r="MOV120" s="26"/>
      <c r="MOW120" s="26"/>
      <c r="MOX120" s="26"/>
      <c r="MOY120" s="26"/>
      <c r="MOZ120" s="26"/>
      <c r="MPA120" s="26"/>
      <c r="MPB120" s="26"/>
      <c r="MPC120" s="26"/>
      <c r="MPD120" s="26"/>
      <c r="MPE120" s="26"/>
      <c r="MPF120" s="26"/>
      <c r="MPG120" s="26"/>
      <c r="MPH120" s="26"/>
      <c r="MPI120" s="26"/>
      <c r="MPJ120" s="26"/>
      <c r="MPK120" s="26"/>
      <c r="MPL120" s="26"/>
      <c r="MPM120" s="26"/>
      <c r="MPN120" s="26"/>
      <c r="MPO120" s="26"/>
      <c r="MPP120" s="26"/>
      <c r="MPQ120" s="26"/>
      <c r="MPR120" s="26"/>
      <c r="MPS120" s="26"/>
      <c r="MPT120" s="26"/>
      <c r="MPU120" s="26"/>
      <c r="MPV120" s="26"/>
      <c r="MPW120" s="26"/>
      <c r="MPX120" s="26"/>
      <c r="MPY120" s="26"/>
      <c r="MPZ120" s="26"/>
      <c r="MQA120" s="26"/>
      <c r="MQB120" s="26"/>
      <c r="MQC120" s="26"/>
      <c r="MQD120" s="26"/>
      <c r="MQE120" s="26"/>
      <c r="MQF120" s="26"/>
      <c r="MQG120" s="26"/>
      <c r="MQH120" s="26"/>
      <c r="MQI120" s="26"/>
      <c r="MQJ120" s="26"/>
      <c r="MQK120" s="26"/>
      <c r="MQL120" s="26"/>
      <c r="MQM120" s="26"/>
      <c r="MQN120" s="26"/>
      <c r="MQO120" s="26"/>
      <c r="MQP120" s="26"/>
      <c r="MQQ120" s="26"/>
      <c r="MQR120" s="26"/>
      <c r="MQS120" s="26"/>
      <c r="MQT120" s="26"/>
      <c r="MQU120" s="26"/>
      <c r="MQV120" s="26"/>
      <c r="MQW120" s="26"/>
      <c r="MQX120" s="26"/>
      <c r="MQY120" s="26"/>
      <c r="MQZ120" s="26"/>
      <c r="MRA120" s="26"/>
      <c r="MRB120" s="26"/>
      <c r="MRC120" s="26"/>
      <c r="MRD120" s="26"/>
      <c r="MRE120" s="26"/>
      <c r="MRF120" s="26"/>
      <c r="MRG120" s="26"/>
      <c r="MRH120" s="26"/>
      <c r="MRI120" s="26"/>
      <c r="MRJ120" s="26"/>
      <c r="MRK120" s="26"/>
      <c r="MRL120" s="26"/>
      <c r="MRM120" s="26"/>
      <c r="MRN120" s="26"/>
      <c r="MRO120" s="26"/>
      <c r="MRP120" s="26"/>
      <c r="MRQ120" s="26"/>
      <c r="MRR120" s="26"/>
      <c r="MRS120" s="26"/>
      <c r="MRT120" s="26"/>
      <c r="MRU120" s="26"/>
      <c r="MRV120" s="26"/>
      <c r="MRW120" s="26"/>
      <c r="MRX120" s="26"/>
      <c r="MRY120" s="26"/>
      <c r="MRZ120" s="26"/>
      <c r="MSA120" s="26"/>
      <c r="MSB120" s="26"/>
      <c r="MSC120" s="26"/>
      <c r="MSD120" s="26"/>
      <c r="MSE120" s="26"/>
      <c r="MSF120" s="26"/>
      <c r="MSG120" s="26"/>
      <c r="MSH120" s="26"/>
      <c r="MSI120" s="26"/>
      <c r="MSJ120" s="26"/>
      <c r="MSK120" s="26"/>
      <c r="MSL120" s="26"/>
      <c r="MSM120" s="26"/>
      <c r="MSN120" s="26"/>
      <c r="MSO120" s="26"/>
      <c r="MSP120" s="26"/>
      <c r="MSQ120" s="26"/>
      <c r="MSR120" s="26"/>
      <c r="MSS120" s="26"/>
      <c r="MST120" s="26"/>
      <c r="MSU120" s="26"/>
      <c r="MSV120" s="26"/>
      <c r="MSW120" s="26"/>
      <c r="MSX120" s="26"/>
      <c r="MSY120" s="26"/>
      <c r="MSZ120" s="26"/>
      <c r="MTA120" s="26"/>
      <c r="MTB120" s="26"/>
      <c r="MTC120" s="26"/>
      <c r="MTD120" s="26"/>
      <c r="MTE120" s="26"/>
      <c r="MTF120" s="26"/>
      <c r="MTG120" s="26"/>
      <c r="MTH120" s="26"/>
      <c r="MTI120" s="26"/>
      <c r="MTJ120" s="26"/>
      <c r="MTK120" s="26"/>
      <c r="MTL120" s="26"/>
      <c r="MTM120" s="26"/>
      <c r="MTN120" s="26"/>
      <c r="MTO120" s="26"/>
      <c r="MTP120" s="26"/>
      <c r="MTQ120" s="26"/>
      <c r="MTR120" s="26"/>
      <c r="MTS120" s="26"/>
      <c r="MTT120" s="26"/>
      <c r="MTU120" s="26"/>
      <c r="MTV120" s="26"/>
      <c r="MTW120" s="26"/>
      <c r="MTX120" s="26"/>
      <c r="MTY120" s="26"/>
      <c r="MTZ120" s="26"/>
      <c r="MUA120" s="26"/>
      <c r="MUB120" s="26"/>
      <c r="MUC120" s="26"/>
      <c r="MUD120" s="26"/>
      <c r="MUE120" s="26"/>
      <c r="MUF120" s="26"/>
      <c r="MUG120" s="26"/>
      <c r="MUH120" s="26"/>
      <c r="MUI120" s="26"/>
      <c r="MUJ120" s="26"/>
      <c r="MUK120" s="26"/>
      <c r="MUL120" s="26"/>
      <c r="MUM120" s="26"/>
      <c r="MUN120" s="26"/>
      <c r="MUO120" s="26"/>
      <c r="MUP120" s="26"/>
      <c r="MUQ120" s="26"/>
      <c r="MUR120" s="26"/>
      <c r="MUS120" s="26"/>
      <c r="MUT120" s="26"/>
      <c r="MUU120" s="26"/>
      <c r="MUV120" s="26"/>
      <c r="MUW120" s="26"/>
      <c r="MUX120" s="26"/>
      <c r="MUY120" s="26"/>
      <c r="MUZ120" s="26"/>
      <c r="MVA120" s="26"/>
      <c r="MVB120" s="26"/>
      <c r="MVC120" s="26"/>
      <c r="MVD120" s="26"/>
      <c r="MVE120" s="26"/>
      <c r="MVF120" s="26"/>
      <c r="MVG120" s="26"/>
      <c r="MVH120" s="26"/>
      <c r="MVI120" s="26"/>
      <c r="MVJ120" s="26"/>
      <c r="MVK120" s="26"/>
      <c r="MVL120" s="26"/>
      <c r="MVM120" s="26"/>
      <c r="MVN120" s="26"/>
      <c r="MVO120" s="26"/>
      <c r="MVP120" s="26"/>
      <c r="MVQ120" s="26"/>
      <c r="MVR120" s="26"/>
      <c r="MVS120" s="26"/>
      <c r="MVT120" s="26"/>
      <c r="MVU120" s="26"/>
      <c r="MVV120" s="26"/>
      <c r="MVW120" s="26"/>
      <c r="MVX120" s="26"/>
      <c r="MVY120" s="26"/>
      <c r="MVZ120" s="26"/>
      <c r="MWA120" s="26"/>
      <c r="MWB120" s="26"/>
      <c r="MWC120" s="26"/>
      <c r="MWD120" s="26"/>
      <c r="MWE120" s="26"/>
      <c r="MWF120" s="26"/>
      <c r="MWG120" s="26"/>
      <c r="MWH120" s="26"/>
      <c r="MWI120" s="26"/>
      <c r="MWJ120" s="26"/>
      <c r="MWK120" s="26"/>
      <c r="MWL120" s="26"/>
      <c r="MWM120" s="26"/>
      <c r="MWN120" s="26"/>
      <c r="MWO120" s="26"/>
      <c r="MWP120" s="26"/>
      <c r="MWQ120" s="26"/>
      <c r="MWR120" s="26"/>
      <c r="MWS120" s="26"/>
      <c r="MWT120" s="26"/>
      <c r="MWU120" s="26"/>
      <c r="MWV120" s="26"/>
      <c r="MWW120" s="26"/>
      <c r="MWX120" s="26"/>
      <c r="MWY120" s="26"/>
      <c r="MWZ120" s="26"/>
      <c r="MXA120" s="26"/>
      <c r="MXB120" s="26"/>
      <c r="MXC120" s="26"/>
      <c r="MXD120" s="26"/>
      <c r="MXE120" s="26"/>
      <c r="MXF120" s="26"/>
      <c r="MXG120" s="26"/>
      <c r="MXH120" s="26"/>
      <c r="MXI120" s="26"/>
      <c r="MXJ120" s="26"/>
      <c r="MXK120" s="26"/>
      <c r="MXL120" s="26"/>
      <c r="MXM120" s="26"/>
      <c r="MXN120" s="26"/>
      <c r="MXO120" s="26"/>
      <c r="MXP120" s="26"/>
      <c r="MXQ120" s="26"/>
      <c r="MXR120" s="26"/>
      <c r="MXS120" s="26"/>
      <c r="MXT120" s="26"/>
      <c r="MXU120" s="26"/>
      <c r="MXV120" s="26"/>
      <c r="MXW120" s="26"/>
      <c r="MXX120" s="26"/>
      <c r="MXY120" s="26"/>
      <c r="MXZ120" s="26"/>
      <c r="MYA120" s="26"/>
      <c r="MYB120" s="26"/>
      <c r="MYC120" s="26"/>
      <c r="MYD120" s="26"/>
      <c r="MYE120" s="26"/>
      <c r="MYF120" s="26"/>
      <c r="MYG120" s="26"/>
      <c r="MYH120" s="26"/>
      <c r="MYI120" s="26"/>
      <c r="MYJ120" s="26"/>
      <c r="MYK120" s="26"/>
      <c r="MYL120" s="26"/>
      <c r="MYM120" s="26"/>
      <c r="MYN120" s="26"/>
      <c r="MYO120" s="26"/>
      <c r="MYP120" s="26"/>
      <c r="MYQ120" s="26"/>
      <c r="MYR120" s="26"/>
      <c r="MYS120" s="26"/>
      <c r="MYT120" s="26"/>
      <c r="MYU120" s="26"/>
      <c r="MYV120" s="26"/>
      <c r="MYW120" s="26"/>
      <c r="MYX120" s="26"/>
      <c r="MYY120" s="26"/>
      <c r="MYZ120" s="26"/>
      <c r="MZA120" s="26"/>
      <c r="MZB120" s="26"/>
      <c r="MZC120" s="26"/>
      <c r="MZD120" s="26"/>
      <c r="MZE120" s="26"/>
      <c r="MZF120" s="26"/>
      <c r="MZG120" s="26"/>
      <c r="MZH120" s="26"/>
      <c r="MZI120" s="26"/>
      <c r="MZJ120" s="26"/>
      <c r="MZK120" s="26"/>
      <c r="MZL120" s="26"/>
      <c r="MZM120" s="26"/>
      <c r="MZN120" s="26"/>
      <c r="MZO120" s="26"/>
      <c r="MZP120" s="26"/>
      <c r="MZQ120" s="26"/>
      <c r="MZR120" s="26"/>
      <c r="MZS120" s="26"/>
      <c r="MZT120" s="26"/>
      <c r="MZU120" s="26"/>
      <c r="MZV120" s="26"/>
      <c r="MZW120" s="26"/>
      <c r="MZX120" s="26"/>
      <c r="MZY120" s="26"/>
      <c r="MZZ120" s="26"/>
      <c r="NAA120" s="26"/>
      <c r="NAB120" s="26"/>
      <c r="NAC120" s="26"/>
      <c r="NAD120" s="26"/>
      <c r="NAE120" s="26"/>
      <c r="NAF120" s="26"/>
      <c r="NAG120" s="26"/>
      <c r="NAH120" s="26"/>
      <c r="NAI120" s="26"/>
      <c r="NAJ120" s="26"/>
      <c r="NAK120" s="26"/>
      <c r="NAL120" s="26"/>
      <c r="NAM120" s="26"/>
      <c r="NAN120" s="26"/>
      <c r="NAO120" s="26"/>
      <c r="NAP120" s="26"/>
      <c r="NAQ120" s="26"/>
      <c r="NAR120" s="26"/>
      <c r="NAS120" s="26"/>
      <c r="NAT120" s="26"/>
      <c r="NAU120" s="26"/>
      <c r="NAV120" s="26"/>
      <c r="NAW120" s="26"/>
      <c r="NAX120" s="26"/>
      <c r="NAY120" s="26"/>
      <c r="NAZ120" s="26"/>
      <c r="NBA120" s="26"/>
      <c r="NBB120" s="26"/>
      <c r="NBC120" s="26"/>
      <c r="NBD120" s="26"/>
      <c r="NBE120" s="26"/>
      <c r="NBF120" s="26"/>
      <c r="NBG120" s="26"/>
      <c r="NBH120" s="26"/>
      <c r="NBI120" s="26"/>
      <c r="NBJ120" s="26"/>
      <c r="NBK120" s="26"/>
      <c r="NBL120" s="26"/>
      <c r="NBM120" s="26"/>
      <c r="NBN120" s="26"/>
      <c r="NBO120" s="26"/>
      <c r="NBP120" s="26"/>
      <c r="NBQ120" s="26"/>
      <c r="NBR120" s="26"/>
      <c r="NBS120" s="26"/>
      <c r="NBT120" s="26"/>
      <c r="NBU120" s="26"/>
      <c r="NBV120" s="26"/>
      <c r="NBW120" s="26"/>
      <c r="NBX120" s="26"/>
      <c r="NBY120" s="26"/>
      <c r="NBZ120" s="26"/>
      <c r="NCA120" s="26"/>
      <c r="NCB120" s="26"/>
      <c r="NCC120" s="26"/>
      <c r="NCD120" s="26"/>
      <c r="NCE120" s="26"/>
      <c r="NCF120" s="26"/>
      <c r="NCG120" s="26"/>
      <c r="NCH120" s="26"/>
      <c r="NCI120" s="26"/>
      <c r="NCJ120" s="26"/>
      <c r="NCK120" s="26"/>
      <c r="NCL120" s="26"/>
      <c r="NCM120" s="26"/>
      <c r="NCN120" s="26"/>
      <c r="NCO120" s="26"/>
      <c r="NCP120" s="26"/>
      <c r="NCQ120" s="26"/>
      <c r="NCR120" s="26"/>
      <c r="NCS120" s="26"/>
      <c r="NCT120" s="26"/>
      <c r="NCU120" s="26"/>
      <c r="NCV120" s="26"/>
      <c r="NCW120" s="26"/>
      <c r="NCX120" s="26"/>
      <c r="NCY120" s="26"/>
      <c r="NCZ120" s="26"/>
      <c r="NDA120" s="26"/>
      <c r="NDB120" s="26"/>
      <c r="NDC120" s="26"/>
      <c r="NDD120" s="26"/>
      <c r="NDE120" s="26"/>
      <c r="NDF120" s="26"/>
      <c r="NDG120" s="26"/>
      <c r="NDH120" s="26"/>
      <c r="NDI120" s="26"/>
      <c r="NDJ120" s="26"/>
      <c r="NDK120" s="26"/>
      <c r="NDL120" s="26"/>
      <c r="NDM120" s="26"/>
      <c r="NDN120" s="26"/>
      <c r="NDO120" s="26"/>
      <c r="NDP120" s="26"/>
      <c r="NDQ120" s="26"/>
      <c r="NDR120" s="26"/>
      <c r="NDS120" s="26"/>
      <c r="NDT120" s="26"/>
      <c r="NDU120" s="26"/>
      <c r="NDV120" s="26"/>
      <c r="NDW120" s="26"/>
      <c r="NDX120" s="26"/>
      <c r="NDY120" s="26"/>
      <c r="NDZ120" s="26"/>
      <c r="NEA120" s="26"/>
      <c r="NEB120" s="26"/>
      <c r="NEC120" s="26"/>
      <c r="NED120" s="26"/>
      <c r="NEE120" s="26"/>
      <c r="NEF120" s="26"/>
      <c r="NEG120" s="26"/>
      <c r="NEH120" s="26"/>
      <c r="NEI120" s="26"/>
      <c r="NEJ120" s="26"/>
      <c r="NEK120" s="26"/>
      <c r="NEL120" s="26"/>
      <c r="NEM120" s="26"/>
      <c r="NEN120" s="26"/>
      <c r="NEO120" s="26"/>
      <c r="NEP120" s="26"/>
      <c r="NEQ120" s="26"/>
      <c r="NER120" s="26"/>
      <c r="NES120" s="26"/>
      <c r="NET120" s="26"/>
      <c r="NEU120" s="26"/>
      <c r="NEV120" s="26"/>
      <c r="NEW120" s="26"/>
      <c r="NEX120" s="26"/>
      <c r="NEY120" s="26"/>
      <c r="NEZ120" s="26"/>
      <c r="NFA120" s="26"/>
      <c r="NFB120" s="26"/>
      <c r="NFC120" s="26"/>
      <c r="NFD120" s="26"/>
      <c r="NFE120" s="26"/>
      <c r="NFF120" s="26"/>
      <c r="NFG120" s="26"/>
      <c r="NFH120" s="26"/>
      <c r="NFI120" s="26"/>
      <c r="NFJ120" s="26"/>
      <c r="NFK120" s="26"/>
      <c r="NFL120" s="26"/>
      <c r="NFM120" s="26"/>
      <c r="NFN120" s="26"/>
      <c r="NFO120" s="26"/>
      <c r="NFP120" s="26"/>
      <c r="NFQ120" s="26"/>
      <c r="NFR120" s="26"/>
      <c r="NFS120" s="26"/>
      <c r="NFT120" s="26"/>
      <c r="NFU120" s="26"/>
      <c r="NFV120" s="26"/>
      <c r="NFW120" s="26"/>
      <c r="NFX120" s="26"/>
      <c r="NFY120" s="26"/>
      <c r="NFZ120" s="26"/>
      <c r="NGA120" s="26"/>
      <c r="NGB120" s="26"/>
      <c r="NGC120" s="26"/>
      <c r="NGD120" s="26"/>
      <c r="NGE120" s="26"/>
      <c r="NGF120" s="26"/>
      <c r="NGG120" s="26"/>
      <c r="NGH120" s="26"/>
      <c r="NGI120" s="26"/>
      <c r="NGJ120" s="26"/>
      <c r="NGK120" s="26"/>
      <c r="NGL120" s="26"/>
      <c r="NGM120" s="26"/>
      <c r="NGN120" s="26"/>
      <c r="NGO120" s="26"/>
      <c r="NGP120" s="26"/>
      <c r="NGQ120" s="26"/>
      <c r="NGR120" s="26"/>
      <c r="NGS120" s="26"/>
      <c r="NGT120" s="26"/>
      <c r="NGU120" s="26"/>
      <c r="NGV120" s="26"/>
      <c r="NGW120" s="26"/>
      <c r="NGX120" s="26"/>
      <c r="NGY120" s="26"/>
      <c r="NGZ120" s="26"/>
      <c r="NHA120" s="26"/>
      <c r="NHB120" s="26"/>
      <c r="NHC120" s="26"/>
      <c r="NHD120" s="26"/>
      <c r="NHE120" s="26"/>
      <c r="NHF120" s="26"/>
      <c r="NHG120" s="26"/>
      <c r="NHH120" s="26"/>
      <c r="NHI120" s="26"/>
      <c r="NHJ120" s="26"/>
      <c r="NHK120" s="26"/>
      <c r="NHL120" s="26"/>
      <c r="NHM120" s="26"/>
      <c r="NHN120" s="26"/>
      <c r="NHO120" s="26"/>
      <c r="NHP120" s="26"/>
      <c r="NHQ120" s="26"/>
      <c r="NHR120" s="26"/>
      <c r="NHS120" s="26"/>
      <c r="NHT120" s="26"/>
      <c r="NHU120" s="26"/>
      <c r="NHV120" s="26"/>
      <c r="NHW120" s="26"/>
      <c r="NHX120" s="26"/>
      <c r="NHY120" s="26"/>
      <c r="NHZ120" s="26"/>
      <c r="NIA120" s="26"/>
      <c r="NIB120" s="26"/>
      <c r="NIC120" s="26"/>
      <c r="NID120" s="26"/>
      <c r="NIE120" s="26"/>
      <c r="NIF120" s="26"/>
      <c r="NIG120" s="26"/>
      <c r="NIH120" s="26"/>
      <c r="NII120" s="26"/>
      <c r="NIJ120" s="26"/>
      <c r="NIK120" s="26"/>
      <c r="NIL120" s="26"/>
      <c r="NIM120" s="26"/>
      <c r="NIN120" s="26"/>
      <c r="NIO120" s="26"/>
      <c r="NIP120" s="26"/>
      <c r="NIQ120" s="26"/>
      <c r="NIR120" s="26"/>
      <c r="NIS120" s="26"/>
      <c r="NIT120" s="26"/>
      <c r="NIU120" s="26"/>
      <c r="NIV120" s="26"/>
      <c r="NIW120" s="26"/>
      <c r="NIX120" s="26"/>
      <c r="NIY120" s="26"/>
      <c r="NIZ120" s="26"/>
      <c r="NJA120" s="26"/>
      <c r="NJB120" s="26"/>
      <c r="NJC120" s="26"/>
      <c r="NJD120" s="26"/>
      <c r="NJE120" s="26"/>
      <c r="NJF120" s="26"/>
      <c r="NJG120" s="26"/>
      <c r="NJH120" s="26"/>
      <c r="NJI120" s="26"/>
      <c r="NJJ120" s="26"/>
      <c r="NJK120" s="26"/>
      <c r="NJL120" s="26"/>
      <c r="NJM120" s="26"/>
      <c r="NJN120" s="26"/>
      <c r="NJO120" s="26"/>
      <c r="NJP120" s="26"/>
      <c r="NJQ120" s="26"/>
      <c r="NJR120" s="26"/>
      <c r="NJS120" s="26"/>
      <c r="NJT120" s="26"/>
      <c r="NJU120" s="26"/>
      <c r="NJV120" s="26"/>
      <c r="NJW120" s="26"/>
      <c r="NJX120" s="26"/>
      <c r="NJY120" s="26"/>
      <c r="NJZ120" s="26"/>
      <c r="NKA120" s="26"/>
      <c r="NKB120" s="26"/>
      <c r="NKC120" s="26"/>
      <c r="NKD120" s="26"/>
      <c r="NKE120" s="26"/>
      <c r="NKF120" s="26"/>
      <c r="NKG120" s="26"/>
      <c r="NKH120" s="26"/>
      <c r="NKI120" s="26"/>
      <c r="NKJ120" s="26"/>
      <c r="NKK120" s="26"/>
      <c r="NKL120" s="26"/>
      <c r="NKM120" s="26"/>
      <c r="NKN120" s="26"/>
      <c r="NKO120" s="26"/>
      <c r="NKP120" s="26"/>
      <c r="NKQ120" s="26"/>
      <c r="NKR120" s="26"/>
      <c r="NKS120" s="26"/>
      <c r="NKT120" s="26"/>
      <c r="NKU120" s="26"/>
      <c r="NKV120" s="26"/>
      <c r="NKW120" s="26"/>
      <c r="NKX120" s="26"/>
      <c r="NKY120" s="26"/>
      <c r="NKZ120" s="26"/>
      <c r="NLA120" s="26"/>
      <c r="NLB120" s="26"/>
      <c r="NLC120" s="26"/>
      <c r="NLD120" s="26"/>
      <c r="NLE120" s="26"/>
      <c r="NLF120" s="26"/>
      <c r="NLG120" s="26"/>
      <c r="NLH120" s="26"/>
      <c r="NLI120" s="26"/>
      <c r="NLJ120" s="26"/>
      <c r="NLK120" s="26"/>
      <c r="NLL120" s="26"/>
      <c r="NLM120" s="26"/>
      <c r="NLN120" s="26"/>
      <c r="NLO120" s="26"/>
      <c r="NLP120" s="26"/>
      <c r="NLQ120" s="26"/>
      <c r="NLR120" s="26"/>
      <c r="NLS120" s="26"/>
      <c r="NLT120" s="26"/>
      <c r="NLU120" s="26"/>
      <c r="NLV120" s="26"/>
      <c r="NLW120" s="26"/>
      <c r="NLX120" s="26"/>
      <c r="NLY120" s="26"/>
      <c r="NLZ120" s="26"/>
      <c r="NMA120" s="26"/>
      <c r="NMB120" s="26"/>
      <c r="NMC120" s="26"/>
      <c r="NMD120" s="26"/>
      <c r="NME120" s="26"/>
      <c r="NMF120" s="26"/>
      <c r="NMG120" s="26"/>
      <c r="NMH120" s="26"/>
      <c r="NMI120" s="26"/>
      <c r="NMJ120" s="26"/>
      <c r="NMK120" s="26"/>
      <c r="NML120" s="26"/>
      <c r="NMM120" s="26"/>
      <c r="NMN120" s="26"/>
      <c r="NMO120" s="26"/>
      <c r="NMP120" s="26"/>
      <c r="NMQ120" s="26"/>
      <c r="NMR120" s="26"/>
      <c r="NMS120" s="26"/>
      <c r="NMT120" s="26"/>
      <c r="NMU120" s="26"/>
      <c r="NMV120" s="26"/>
      <c r="NMW120" s="26"/>
      <c r="NMX120" s="26"/>
      <c r="NMY120" s="26"/>
      <c r="NMZ120" s="26"/>
      <c r="NNA120" s="26"/>
      <c r="NNB120" s="26"/>
      <c r="NNC120" s="26"/>
      <c r="NND120" s="26"/>
      <c r="NNE120" s="26"/>
      <c r="NNF120" s="26"/>
      <c r="NNG120" s="26"/>
      <c r="NNH120" s="26"/>
      <c r="NNI120" s="26"/>
      <c r="NNJ120" s="26"/>
      <c r="NNK120" s="26"/>
      <c r="NNL120" s="26"/>
      <c r="NNM120" s="26"/>
      <c r="NNN120" s="26"/>
      <c r="NNO120" s="26"/>
      <c r="NNP120" s="26"/>
      <c r="NNQ120" s="26"/>
      <c r="NNR120" s="26"/>
      <c r="NNS120" s="26"/>
      <c r="NNT120" s="26"/>
      <c r="NNU120" s="26"/>
      <c r="NNV120" s="26"/>
      <c r="NNW120" s="26"/>
      <c r="NNX120" s="26"/>
      <c r="NNY120" s="26"/>
      <c r="NNZ120" s="26"/>
      <c r="NOA120" s="26"/>
      <c r="NOB120" s="26"/>
      <c r="NOC120" s="26"/>
      <c r="NOD120" s="26"/>
      <c r="NOE120" s="26"/>
      <c r="NOF120" s="26"/>
      <c r="NOG120" s="26"/>
      <c r="NOH120" s="26"/>
      <c r="NOI120" s="26"/>
      <c r="NOJ120" s="26"/>
      <c r="NOK120" s="26"/>
      <c r="NOL120" s="26"/>
      <c r="NOM120" s="26"/>
      <c r="NON120" s="26"/>
      <c r="NOO120" s="26"/>
      <c r="NOP120" s="26"/>
      <c r="NOQ120" s="26"/>
      <c r="NOR120" s="26"/>
      <c r="NOS120" s="26"/>
      <c r="NOT120" s="26"/>
      <c r="NOU120" s="26"/>
      <c r="NOV120" s="26"/>
      <c r="NOW120" s="26"/>
      <c r="NOX120" s="26"/>
      <c r="NOY120" s="26"/>
      <c r="NOZ120" s="26"/>
      <c r="NPA120" s="26"/>
      <c r="NPB120" s="26"/>
      <c r="NPC120" s="26"/>
      <c r="NPD120" s="26"/>
      <c r="NPE120" s="26"/>
      <c r="NPF120" s="26"/>
      <c r="NPG120" s="26"/>
      <c r="NPH120" s="26"/>
      <c r="NPI120" s="26"/>
      <c r="NPJ120" s="26"/>
      <c r="NPK120" s="26"/>
      <c r="NPL120" s="26"/>
      <c r="NPM120" s="26"/>
      <c r="NPN120" s="26"/>
      <c r="NPO120" s="26"/>
      <c r="NPP120" s="26"/>
      <c r="NPQ120" s="26"/>
      <c r="NPR120" s="26"/>
      <c r="NPS120" s="26"/>
      <c r="NPT120" s="26"/>
      <c r="NPU120" s="26"/>
      <c r="NPV120" s="26"/>
      <c r="NPW120" s="26"/>
      <c r="NPX120" s="26"/>
      <c r="NPY120" s="26"/>
      <c r="NPZ120" s="26"/>
      <c r="NQA120" s="26"/>
      <c r="NQB120" s="26"/>
      <c r="NQC120" s="26"/>
      <c r="NQD120" s="26"/>
      <c r="NQE120" s="26"/>
      <c r="NQF120" s="26"/>
      <c r="NQG120" s="26"/>
      <c r="NQH120" s="26"/>
      <c r="NQI120" s="26"/>
      <c r="NQJ120" s="26"/>
      <c r="NQK120" s="26"/>
      <c r="NQL120" s="26"/>
      <c r="NQM120" s="26"/>
      <c r="NQN120" s="26"/>
      <c r="NQO120" s="26"/>
      <c r="NQP120" s="26"/>
      <c r="NQQ120" s="26"/>
      <c r="NQR120" s="26"/>
      <c r="NQS120" s="26"/>
      <c r="NQT120" s="26"/>
      <c r="NQU120" s="26"/>
      <c r="NQV120" s="26"/>
      <c r="NQW120" s="26"/>
      <c r="NQX120" s="26"/>
      <c r="NQY120" s="26"/>
      <c r="NQZ120" s="26"/>
      <c r="NRA120" s="26"/>
      <c r="NRB120" s="26"/>
      <c r="NRC120" s="26"/>
      <c r="NRD120" s="26"/>
      <c r="NRE120" s="26"/>
      <c r="NRF120" s="26"/>
      <c r="NRG120" s="26"/>
      <c r="NRH120" s="26"/>
      <c r="NRI120" s="26"/>
      <c r="NRJ120" s="26"/>
      <c r="NRK120" s="26"/>
      <c r="NRL120" s="26"/>
      <c r="NRM120" s="26"/>
      <c r="NRN120" s="26"/>
      <c r="NRO120" s="26"/>
      <c r="NRP120" s="26"/>
      <c r="NRQ120" s="26"/>
      <c r="NRR120" s="26"/>
      <c r="NRS120" s="26"/>
      <c r="NRT120" s="26"/>
      <c r="NRU120" s="26"/>
      <c r="NRV120" s="26"/>
      <c r="NRW120" s="26"/>
      <c r="NRX120" s="26"/>
      <c r="NRY120" s="26"/>
      <c r="NRZ120" s="26"/>
      <c r="NSA120" s="26"/>
      <c r="NSB120" s="26"/>
      <c r="NSC120" s="26"/>
      <c r="NSD120" s="26"/>
      <c r="NSE120" s="26"/>
      <c r="NSF120" s="26"/>
      <c r="NSG120" s="26"/>
      <c r="NSH120" s="26"/>
      <c r="NSI120" s="26"/>
      <c r="NSJ120" s="26"/>
      <c r="NSK120" s="26"/>
      <c r="NSL120" s="26"/>
      <c r="NSM120" s="26"/>
      <c r="NSN120" s="26"/>
      <c r="NSO120" s="26"/>
      <c r="NSP120" s="26"/>
      <c r="NSQ120" s="26"/>
      <c r="NSR120" s="26"/>
      <c r="NSS120" s="26"/>
      <c r="NST120" s="26"/>
      <c r="NSU120" s="26"/>
      <c r="NSV120" s="26"/>
      <c r="NSW120" s="26"/>
      <c r="NSX120" s="26"/>
      <c r="NSY120" s="26"/>
      <c r="NSZ120" s="26"/>
      <c r="NTA120" s="26"/>
      <c r="NTB120" s="26"/>
      <c r="NTC120" s="26"/>
      <c r="NTD120" s="26"/>
      <c r="NTE120" s="26"/>
      <c r="NTF120" s="26"/>
      <c r="NTG120" s="26"/>
      <c r="NTH120" s="26"/>
      <c r="NTI120" s="26"/>
      <c r="NTJ120" s="26"/>
      <c r="NTK120" s="26"/>
      <c r="NTL120" s="26"/>
      <c r="NTM120" s="26"/>
      <c r="NTN120" s="26"/>
      <c r="NTO120" s="26"/>
      <c r="NTP120" s="26"/>
      <c r="NTQ120" s="26"/>
      <c r="NTR120" s="26"/>
      <c r="NTS120" s="26"/>
      <c r="NTT120" s="26"/>
      <c r="NTU120" s="26"/>
      <c r="NTV120" s="26"/>
      <c r="NTW120" s="26"/>
      <c r="NTX120" s="26"/>
      <c r="NTY120" s="26"/>
      <c r="NTZ120" s="26"/>
      <c r="NUA120" s="26"/>
      <c r="NUB120" s="26"/>
      <c r="NUC120" s="26"/>
      <c r="NUD120" s="26"/>
      <c r="NUE120" s="26"/>
      <c r="NUF120" s="26"/>
      <c r="NUG120" s="26"/>
      <c r="NUH120" s="26"/>
      <c r="NUI120" s="26"/>
      <c r="NUJ120" s="26"/>
      <c r="NUK120" s="26"/>
      <c r="NUL120" s="26"/>
      <c r="NUM120" s="26"/>
      <c r="NUN120" s="26"/>
      <c r="NUO120" s="26"/>
      <c r="NUP120" s="26"/>
      <c r="NUQ120" s="26"/>
      <c r="NUR120" s="26"/>
      <c r="NUS120" s="26"/>
      <c r="NUT120" s="26"/>
      <c r="NUU120" s="26"/>
      <c r="NUV120" s="26"/>
      <c r="NUW120" s="26"/>
      <c r="NUX120" s="26"/>
      <c r="NUY120" s="26"/>
      <c r="NUZ120" s="26"/>
      <c r="NVA120" s="26"/>
      <c r="NVB120" s="26"/>
      <c r="NVC120" s="26"/>
      <c r="NVD120" s="26"/>
      <c r="NVE120" s="26"/>
      <c r="NVF120" s="26"/>
      <c r="NVG120" s="26"/>
      <c r="NVH120" s="26"/>
      <c r="NVI120" s="26"/>
      <c r="NVJ120" s="26"/>
      <c r="NVK120" s="26"/>
      <c r="NVL120" s="26"/>
      <c r="NVM120" s="26"/>
      <c r="NVN120" s="26"/>
      <c r="NVO120" s="26"/>
      <c r="NVP120" s="26"/>
      <c r="NVQ120" s="26"/>
      <c r="NVR120" s="26"/>
      <c r="NVS120" s="26"/>
      <c r="NVT120" s="26"/>
      <c r="NVU120" s="26"/>
      <c r="NVV120" s="26"/>
      <c r="NVW120" s="26"/>
      <c r="NVX120" s="26"/>
      <c r="NVY120" s="26"/>
      <c r="NVZ120" s="26"/>
      <c r="NWA120" s="26"/>
      <c r="NWB120" s="26"/>
      <c r="NWC120" s="26"/>
      <c r="NWD120" s="26"/>
      <c r="NWE120" s="26"/>
      <c r="NWF120" s="26"/>
      <c r="NWG120" s="26"/>
      <c r="NWH120" s="26"/>
      <c r="NWI120" s="26"/>
      <c r="NWJ120" s="26"/>
      <c r="NWK120" s="26"/>
      <c r="NWL120" s="26"/>
      <c r="NWM120" s="26"/>
      <c r="NWN120" s="26"/>
      <c r="NWO120" s="26"/>
      <c r="NWP120" s="26"/>
      <c r="NWQ120" s="26"/>
      <c r="NWR120" s="26"/>
      <c r="NWS120" s="26"/>
      <c r="NWT120" s="26"/>
      <c r="NWU120" s="26"/>
      <c r="NWV120" s="26"/>
      <c r="NWW120" s="26"/>
      <c r="NWX120" s="26"/>
      <c r="NWY120" s="26"/>
      <c r="NWZ120" s="26"/>
      <c r="NXA120" s="26"/>
      <c r="NXB120" s="26"/>
      <c r="NXC120" s="26"/>
      <c r="NXD120" s="26"/>
      <c r="NXE120" s="26"/>
      <c r="NXF120" s="26"/>
      <c r="NXG120" s="26"/>
      <c r="NXH120" s="26"/>
      <c r="NXI120" s="26"/>
      <c r="NXJ120" s="26"/>
      <c r="NXK120" s="26"/>
      <c r="NXL120" s="26"/>
      <c r="NXM120" s="26"/>
      <c r="NXN120" s="26"/>
      <c r="NXO120" s="26"/>
      <c r="NXP120" s="26"/>
      <c r="NXQ120" s="26"/>
      <c r="NXR120" s="26"/>
      <c r="NXS120" s="26"/>
      <c r="NXT120" s="26"/>
      <c r="NXU120" s="26"/>
      <c r="NXV120" s="26"/>
      <c r="NXW120" s="26"/>
      <c r="NXX120" s="26"/>
      <c r="NXY120" s="26"/>
      <c r="NXZ120" s="26"/>
      <c r="NYA120" s="26"/>
      <c r="NYB120" s="26"/>
      <c r="NYC120" s="26"/>
      <c r="NYD120" s="26"/>
      <c r="NYE120" s="26"/>
      <c r="NYF120" s="26"/>
      <c r="NYG120" s="26"/>
      <c r="NYH120" s="26"/>
      <c r="NYI120" s="26"/>
      <c r="NYJ120" s="26"/>
      <c r="NYK120" s="26"/>
      <c r="NYL120" s="26"/>
      <c r="NYM120" s="26"/>
      <c r="NYN120" s="26"/>
      <c r="NYO120" s="26"/>
      <c r="NYP120" s="26"/>
      <c r="NYQ120" s="26"/>
      <c r="NYR120" s="26"/>
      <c r="NYS120" s="26"/>
      <c r="NYT120" s="26"/>
      <c r="NYU120" s="26"/>
      <c r="NYV120" s="26"/>
      <c r="NYW120" s="26"/>
      <c r="NYX120" s="26"/>
      <c r="NYY120" s="26"/>
      <c r="NYZ120" s="26"/>
      <c r="NZA120" s="26"/>
      <c r="NZB120" s="26"/>
      <c r="NZC120" s="26"/>
      <c r="NZD120" s="26"/>
      <c r="NZE120" s="26"/>
      <c r="NZF120" s="26"/>
      <c r="NZG120" s="26"/>
      <c r="NZH120" s="26"/>
      <c r="NZI120" s="26"/>
      <c r="NZJ120" s="26"/>
      <c r="NZK120" s="26"/>
      <c r="NZL120" s="26"/>
      <c r="NZM120" s="26"/>
      <c r="NZN120" s="26"/>
      <c r="NZO120" s="26"/>
      <c r="NZP120" s="26"/>
      <c r="NZQ120" s="26"/>
      <c r="NZR120" s="26"/>
      <c r="NZS120" s="26"/>
      <c r="NZT120" s="26"/>
      <c r="NZU120" s="26"/>
      <c r="NZV120" s="26"/>
      <c r="NZW120" s="26"/>
      <c r="NZX120" s="26"/>
      <c r="NZY120" s="26"/>
      <c r="NZZ120" s="26"/>
      <c r="OAA120" s="26"/>
      <c r="OAB120" s="26"/>
      <c r="OAC120" s="26"/>
      <c r="OAD120" s="26"/>
      <c r="OAE120" s="26"/>
      <c r="OAF120" s="26"/>
      <c r="OAG120" s="26"/>
      <c r="OAH120" s="26"/>
      <c r="OAI120" s="26"/>
      <c r="OAJ120" s="26"/>
      <c r="OAK120" s="26"/>
      <c r="OAL120" s="26"/>
      <c r="OAM120" s="26"/>
      <c r="OAN120" s="26"/>
      <c r="OAO120" s="26"/>
      <c r="OAP120" s="26"/>
      <c r="OAQ120" s="26"/>
      <c r="OAR120" s="26"/>
      <c r="OAS120" s="26"/>
      <c r="OAT120" s="26"/>
      <c r="OAU120" s="26"/>
      <c r="OAV120" s="26"/>
      <c r="OAW120" s="26"/>
      <c r="OAX120" s="26"/>
      <c r="OAY120" s="26"/>
      <c r="OAZ120" s="26"/>
      <c r="OBA120" s="26"/>
      <c r="OBB120" s="26"/>
      <c r="OBC120" s="26"/>
      <c r="OBD120" s="26"/>
      <c r="OBE120" s="26"/>
      <c r="OBF120" s="26"/>
      <c r="OBG120" s="26"/>
      <c r="OBH120" s="26"/>
      <c r="OBI120" s="26"/>
      <c r="OBJ120" s="26"/>
      <c r="OBK120" s="26"/>
      <c r="OBL120" s="26"/>
      <c r="OBM120" s="26"/>
      <c r="OBN120" s="26"/>
      <c r="OBO120" s="26"/>
      <c r="OBP120" s="26"/>
      <c r="OBQ120" s="26"/>
      <c r="OBR120" s="26"/>
      <c r="OBS120" s="26"/>
      <c r="OBT120" s="26"/>
      <c r="OBU120" s="26"/>
      <c r="OBV120" s="26"/>
      <c r="OBW120" s="26"/>
      <c r="OBX120" s="26"/>
      <c r="OBY120" s="26"/>
      <c r="OBZ120" s="26"/>
      <c r="OCA120" s="26"/>
      <c r="OCB120" s="26"/>
      <c r="OCC120" s="26"/>
      <c r="OCD120" s="26"/>
      <c r="OCE120" s="26"/>
      <c r="OCF120" s="26"/>
      <c r="OCG120" s="26"/>
      <c r="OCH120" s="26"/>
      <c r="OCI120" s="26"/>
      <c r="OCJ120" s="26"/>
      <c r="OCK120" s="26"/>
      <c r="OCL120" s="26"/>
      <c r="OCM120" s="26"/>
      <c r="OCN120" s="26"/>
      <c r="OCO120" s="26"/>
      <c r="OCP120" s="26"/>
      <c r="OCQ120" s="26"/>
      <c r="OCR120" s="26"/>
      <c r="OCS120" s="26"/>
      <c r="OCT120" s="26"/>
      <c r="OCU120" s="26"/>
      <c r="OCV120" s="26"/>
      <c r="OCW120" s="26"/>
      <c r="OCX120" s="26"/>
      <c r="OCY120" s="26"/>
      <c r="OCZ120" s="26"/>
      <c r="ODA120" s="26"/>
      <c r="ODB120" s="26"/>
      <c r="ODC120" s="26"/>
      <c r="ODD120" s="26"/>
      <c r="ODE120" s="26"/>
      <c r="ODF120" s="26"/>
      <c r="ODG120" s="26"/>
      <c r="ODH120" s="26"/>
      <c r="ODI120" s="26"/>
      <c r="ODJ120" s="26"/>
      <c r="ODK120" s="26"/>
      <c r="ODL120" s="26"/>
      <c r="ODM120" s="26"/>
      <c r="ODN120" s="26"/>
      <c r="ODO120" s="26"/>
      <c r="ODP120" s="26"/>
      <c r="ODQ120" s="26"/>
      <c r="ODR120" s="26"/>
      <c r="ODS120" s="26"/>
      <c r="ODT120" s="26"/>
      <c r="ODU120" s="26"/>
      <c r="ODV120" s="26"/>
      <c r="ODW120" s="26"/>
      <c r="ODX120" s="26"/>
      <c r="ODY120" s="26"/>
      <c r="ODZ120" s="26"/>
      <c r="OEA120" s="26"/>
      <c r="OEB120" s="26"/>
      <c r="OEC120" s="26"/>
      <c r="OED120" s="26"/>
      <c r="OEE120" s="26"/>
      <c r="OEF120" s="26"/>
      <c r="OEG120" s="26"/>
      <c r="OEH120" s="26"/>
      <c r="OEI120" s="26"/>
      <c r="OEJ120" s="26"/>
      <c r="OEK120" s="26"/>
      <c r="OEL120" s="26"/>
      <c r="OEM120" s="26"/>
      <c r="OEN120" s="26"/>
      <c r="OEO120" s="26"/>
      <c r="OEP120" s="26"/>
      <c r="OEQ120" s="26"/>
      <c r="OER120" s="26"/>
      <c r="OES120" s="26"/>
      <c r="OET120" s="26"/>
      <c r="OEU120" s="26"/>
      <c r="OEV120" s="26"/>
      <c r="OEW120" s="26"/>
      <c r="OEX120" s="26"/>
      <c r="OEY120" s="26"/>
      <c r="OEZ120" s="26"/>
      <c r="OFA120" s="26"/>
      <c r="OFB120" s="26"/>
      <c r="OFC120" s="26"/>
      <c r="OFD120" s="26"/>
      <c r="OFE120" s="26"/>
      <c r="OFF120" s="26"/>
      <c r="OFG120" s="26"/>
      <c r="OFH120" s="26"/>
      <c r="OFI120" s="26"/>
      <c r="OFJ120" s="26"/>
      <c r="OFK120" s="26"/>
      <c r="OFL120" s="26"/>
      <c r="OFM120" s="26"/>
      <c r="OFN120" s="26"/>
      <c r="OFO120" s="26"/>
      <c r="OFP120" s="26"/>
      <c r="OFQ120" s="26"/>
      <c r="OFR120" s="26"/>
      <c r="OFS120" s="26"/>
      <c r="OFT120" s="26"/>
      <c r="OFU120" s="26"/>
      <c r="OFV120" s="26"/>
      <c r="OFW120" s="26"/>
      <c r="OFX120" s="26"/>
      <c r="OFY120" s="26"/>
      <c r="OFZ120" s="26"/>
      <c r="OGA120" s="26"/>
      <c r="OGB120" s="26"/>
      <c r="OGC120" s="26"/>
      <c r="OGD120" s="26"/>
      <c r="OGE120" s="26"/>
      <c r="OGF120" s="26"/>
      <c r="OGG120" s="26"/>
      <c r="OGH120" s="26"/>
      <c r="OGI120" s="26"/>
      <c r="OGJ120" s="26"/>
      <c r="OGK120" s="26"/>
      <c r="OGL120" s="26"/>
      <c r="OGM120" s="26"/>
      <c r="OGN120" s="26"/>
      <c r="OGO120" s="26"/>
      <c r="OGP120" s="26"/>
      <c r="OGQ120" s="26"/>
      <c r="OGR120" s="26"/>
      <c r="OGS120" s="26"/>
      <c r="OGT120" s="26"/>
      <c r="OGU120" s="26"/>
      <c r="OGV120" s="26"/>
      <c r="OGW120" s="26"/>
      <c r="OGX120" s="26"/>
      <c r="OGY120" s="26"/>
      <c r="OGZ120" s="26"/>
      <c r="OHA120" s="26"/>
      <c r="OHB120" s="26"/>
      <c r="OHC120" s="26"/>
      <c r="OHD120" s="26"/>
      <c r="OHE120" s="26"/>
      <c r="OHF120" s="26"/>
      <c r="OHG120" s="26"/>
      <c r="OHH120" s="26"/>
      <c r="OHI120" s="26"/>
      <c r="OHJ120" s="26"/>
      <c r="OHK120" s="26"/>
      <c r="OHL120" s="26"/>
      <c r="OHM120" s="26"/>
      <c r="OHN120" s="26"/>
      <c r="OHO120" s="26"/>
      <c r="OHP120" s="26"/>
      <c r="OHQ120" s="26"/>
      <c r="OHR120" s="26"/>
      <c r="OHS120" s="26"/>
      <c r="OHT120" s="26"/>
      <c r="OHU120" s="26"/>
      <c r="OHV120" s="26"/>
      <c r="OHW120" s="26"/>
      <c r="OHX120" s="26"/>
      <c r="OHY120" s="26"/>
      <c r="OHZ120" s="26"/>
      <c r="OIA120" s="26"/>
      <c r="OIB120" s="26"/>
      <c r="OIC120" s="26"/>
      <c r="OID120" s="26"/>
      <c r="OIE120" s="26"/>
      <c r="OIF120" s="26"/>
      <c r="OIG120" s="26"/>
      <c r="OIH120" s="26"/>
      <c r="OII120" s="26"/>
      <c r="OIJ120" s="26"/>
      <c r="OIK120" s="26"/>
      <c r="OIL120" s="26"/>
      <c r="OIM120" s="26"/>
      <c r="OIN120" s="26"/>
      <c r="OIO120" s="26"/>
      <c r="OIP120" s="26"/>
      <c r="OIQ120" s="26"/>
      <c r="OIR120" s="26"/>
      <c r="OIS120" s="26"/>
      <c r="OIT120" s="26"/>
      <c r="OIU120" s="26"/>
      <c r="OIV120" s="26"/>
      <c r="OIW120" s="26"/>
      <c r="OIX120" s="26"/>
      <c r="OIY120" s="26"/>
      <c r="OIZ120" s="26"/>
      <c r="OJA120" s="26"/>
      <c r="OJB120" s="26"/>
      <c r="OJC120" s="26"/>
      <c r="OJD120" s="26"/>
      <c r="OJE120" s="26"/>
      <c r="OJF120" s="26"/>
      <c r="OJG120" s="26"/>
      <c r="OJH120" s="26"/>
      <c r="OJI120" s="26"/>
      <c r="OJJ120" s="26"/>
      <c r="OJK120" s="26"/>
      <c r="OJL120" s="26"/>
      <c r="OJM120" s="26"/>
      <c r="OJN120" s="26"/>
      <c r="OJO120" s="26"/>
      <c r="OJP120" s="26"/>
      <c r="OJQ120" s="26"/>
      <c r="OJR120" s="26"/>
      <c r="OJS120" s="26"/>
      <c r="OJT120" s="26"/>
      <c r="OJU120" s="26"/>
      <c r="OJV120" s="26"/>
      <c r="OJW120" s="26"/>
      <c r="OJX120" s="26"/>
      <c r="OJY120" s="26"/>
      <c r="OJZ120" s="26"/>
      <c r="OKA120" s="26"/>
      <c r="OKB120" s="26"/>
      <c r="OKC120" s="26"/>
      <c r="OKD120" s="26"/>
      <c r="OKE120" s="26"/>
      <c r="OKF120" s="26"/>
      <c r="OKG120" s="26"/>
      <c r="OKH120" s="26"/>
      <c r="OKI120" s="26"/>
      <c r="OKJ120" s="26"/>
      <c r="OKK120" s="26"/>
      <c r="OKL120" s="26"/>
      <c r="OKM120" s="26"/>
      <c r="OKN120" s="26"/>
      <c r="OKO120" s="26"/>
      <c r="OKP120" s="26"/>
      <c r="OKQ120" s="26"/>
      <c r="OKR120" s="26"/>
      <c r="OKS120" s="26"/>
      <c r="OKT120" s="26"/>
      <c r="OKU120" s="26"/>
      <c r="OKV120" s="26"/>
      <c r="OKW120" s="26"/>
      <c r="OKX120" s="26"/>
      <c r="OKY120" s="26"/>
      <c r="OKZ120" s="26"/>
      <c r="OLA120" s="26"/>
      <c r="OLB120" s="26"/>
      <c r="OLC120" s="26"/>
      <c r="OLD120" s="26"/>
      <c r="OLE120" s="26"/>
      <c r="OLF120" s="26"/>
      <c r="OLG120" s="26"/>
      <c r="OLH120" s="26"/>
      <c r="OLI120" s="26"/>
      <c r="OLJ120" s="26"/>
      <c r="OLK120" s="26"/>
      <c r="OLL120" s="26"/>
      <c r="OLM120" s="26"/>
      <c r="OLN120" s="26"/>
      <c r="OLO120" s="26"/>
      <c r="OLP120" s="26"/>
      <c r="OLQ120" s="26"/>
      <c r="OLR120" s="26"/>
      <c r="OLS120" s="26"/>
      <c r="OLT120" s="26"/>
      <c r="OLU120" s="26"/>
      <c r="OLV120" s="26"/>
      <c r="OLW120" s="26"/>
      <c r="OLX120" s="26"/>
      <c r="OLY120" s="26"/>
      <c r="OLZ120" s="26"/>
      <c r="OMA120" s="26"/>
      <c r="OMB120" s="26"/>
      <c r="OMC120" s="26"/>
      <c r="OMD120" s="26"/>
      <c r="OME120" s="26"/>
      <c r="OMF120" s="26"/>
      <c r="OMG120" s="26"/>
      <c r="OMH120" s="26"/>
      <c r="OMI120" s="26"/>
      <c r="OMJ120" s="26"/>
      <c r="OMK120" s="26"/>
      <c r="OML120" s="26"/>
      <c r="OMM120" s="26"/>
      <c r="OMN120" s="26"/>
      <c r="OMO120" s="26"/>
      <c r="OMP120" s="26"/>
      <c r="OMQ120" s="26"/>
      <c r="OMR120" s="26"/>
      <c r="OMS120" s="26"/>
      <c r="OMT120" s="26"/>
      <c r="OMU120" s="26"/>
      <c r="OMV120" s="26"/>
      <c r="OMW120" s="26"/>
      <c r="OMX120" s="26"/>
      <c r="OMY120" s="26"/>
      <c r="OMZ120" s="26"/>
      <c r="ONA120" s="26"/>
      <c r="ONB120" s="26"/>
      <c r="ONC120" s="26"/>
      <c r="OND120" s="26"/>
      <c r="ONE120" s="26"/>
      <c r="ONF120" s="26"/>
      <c r="ONG120" s="26"/>
      <c r="ONH120" s="26"/>
      <c r="ONI120" s="26"/>
      <c r="ONJ120" s="26"/>
      <c r="ONK120" s="26"/>
      <c r="ONL120" s="26"/>
      <c r="ONM120" s="26"/>
      <c r="ONN120" s="26"/>
      <c r="ONO120" s="26"/>
      <c r="ONP120" s="26"/>
      <c r="ONQ120" s="26"/>
      <c r="ONR120" s="26"/>
      <c r="ONS120" s="26"/>
      <c r="ONT120" s="26"/>
      <c r="ONU120" s="26"/>
      <c r="ONV120" s="26"/>
      <c r="ONW120" s="26"/>
      <c r="ONX120" s="26"/>
      <c r="ONY120" s="26"/>
      <c r="ONZ120" s="26"/>
      <c r="OOA120" s="26"/>
      <c r="OOB120" s="26"/>
      <c r="OOC120" s="26"/>
      <c r="OOD120" s="26"/>
      <c r="OOE120" s="26"/>
      <c r="OOF120" s="26"/>
      <c r="OOG120" s="26"/>
      <c r="OOH120" s="26"/>
      <c r="OOI120" s="26"/>
      <c r="OOJ120" s="26"/>
      <c r="OOK120" s="26"/>
      <c r="OOL120" s="26"/>
      <c r="OOM120" s="26"/>
      <c r="OON120" s="26"/>
      <c r="OOO120" s="26"/>
      <c r="OOP120" s="26"/>
      <c r="OOQ120" s="26"/>
      <c r="OOR120" s="26"/>
      <c r="OOS120" s="26"/>
      <c r="OOT120" s="26"/>
      <c r="OOU120" s="26"/>
      <c r="OOV120" s="26"/>
      <c r="OOW120" s="26"/>
      <c r="OOX120" s="26"/>
      <c r="OOY120" s="26"/>
      <c r="OOZ120" s="26"/>
      <c r="OPA120" s="26"/>
      <c r="OPB120" s="26"/>
      <c r="OPC120" s="26"/>
      <c r="OPD120" s="26"/>
      <c r="OPE120" s="26"/>
      <c r="OPF120" s="26"/>
      <c r="OPG120" s="26"/>
      <c r="OPH120" s="26"/>
      <c r="OPI120" s="26"/>
      <c r="OPJ120" s="26"/>
      <c r="OPK120" s="26"/>
      <c r="OPL120" s="26"/>
      <c r="OPM120" s="26"/>
      <c r="OPN120" s="26"/>
      <c r="OPO120" s="26"/>
      <c r="OPP120" s="26"/>
      <c r="OPQ120" s="26"/>
      <c r="OPR120" s="26"/>
      <c r="OPS120" s="26"/>
      <c r="OPT120" s="26"/>
      <c r="OPU120" s="26"/>
      <c r="OPV120" s="26"/>
      <c r="OPW120" s="26"/>
      <c r="OPX120" s="26"/>
      <c r="OPY120" s="26"/>
      <c r="OPZ120" s="26"/>
      <c r="OQA120" s="26"/>
      <c r="OQB120" s="26"/>
      <c r="OQC120" s="26"/>
      <c r="OQD120" s="26"/>
      <c r="OQE120" s="26"/>
      <c r="OQF120" s="26"/>
      <c r="OQG120" s="26"/>
      <c r="OQH120" s="26"/>
      <c r="OQI120" s="26"/>
      <c r="OQJ120" s="26"/>
      <c r="OQK120" s="26"/>
      <c r="OQL120" s="26"/>
      <c r="OQM120" s="26"/>
      <c r="OQN120" s="26"/>
      <c r="OQO120" s="26"/>
      <c r="OQP120" s="26"/>
      <c r="OQQ120" s="26"/>
      <c r="OQR120" s="26"/>
      <c r="OQS120" s="26"/>
      <c r="OQT120" s="26"/>
      <c r="OQU120" s="26"/>
      <c r="OQV120" s="26"/>
      <c r="OQW120" s="26"/>
      <c r="OQX120" s="26"/>
      <c r="OQY120" s="26"/>
      <c r="OQZ120" s="26"/>
      <c r="ORA120" s="26"/>
      <c r="ORB120" s="26"/>
      <c r="ORC120" s="26"/>
      <c r="ORD120" s="26"/>
      <c r="ORE120" s="26"/>
      <c r="ORF120" s="26"/>
      <c r="ORG120" s="26"/>
      <c r="ORH120" s="26"/>
      <c r="ORI120" s="26"/>
      <c r="ORJ120" s="26"/>
      <c r="ORK120" s="26"/>
      <c r="ORL120" s="26"/>
      <c r="ORM120" s="26"/>
      <c r="ORN120" s="26"/>
      <c r="ORO120" s="26"/>
      <c r="ORP120" s="26"/>
      <c r="ORQ120" s="26"/>
      <c r="ORR120" s="26"/>
      <c r="ORS120" s="26"/>
      <c r="ORT120" s="26"/>
      <c r="ORU120" s="26"/>
      <c r="ORV120" s="26"/>
      <c r="ORW120" s="26"/>
      <c r="ORX120" s="26"/>
      <c r="ORY120" s="26"/>
      <c r="ORZ120" s="26"/>
      <c r="OSA120" s="26"/>
      <c r="OSB120" s="26"/>
      <c r="OSC120" s="26"/>
      <c r="OSD120" s="26"/>
      <c r="OSE120" s="26"/>
      <c r="OSF120" s="26"/>
      <c r="OSG120" s="26"/>
      <c r="OSH120" s="26"/>
      <c r="OSI120" s="26"/>
      <c r="OSJ120" s="26"/>
      <c r="OSK120" s="26"/>
      <c r="OSL120" s="26"/>
      <c r="OSM120" s="26"/>
      <c r="OSN120" s="26"/>
      <c r="OSO120" s="26"/>
      <c r="OSP120" s="26"/>
      <c r="OSQ120" s="26"/>
      <c r="OSR120" s="26"/>
      <c r="OSS120" s="26"/>
      <c r="OST120" s="26"/>
      <c r="OSU120" s="26"/>
      <c r="OSV120" s="26"/>
      <c r="OSW120" s="26"/>
      <c r="OSX120" s="26"/>
      <c r="OSY120" s="26"/>
      <c r="OSZ120" s="26"/>
      <c r="OTA120" s="26"/>
      <c r="OTB120" s="26"/>
      <c r="OTC120" s="26"/>
      <c r="OTD120" s="26"/>
      <c r="OTE120" s="26"/>
      <c r="OTF120" s="26"/>
      <c r="OTG120" s="26"/>
      <c r="OTH120" s="26"/>
      <c r="OTI120" s="26"/>
      <c r="OTJ120" s="26"/>
      <c r="OTK120" s="26"/>
      <c r="OTL120" s="26"/>
      <c r="OTM120" s="26"/>
      <c r="OTN120" s="26"/>
      <c r="OTO120" s="26"/>
      <c r="OTP120" s="26"/>
      <c r="OTQ120" s="26"/>
      <c r="OTR120" s="26"/>
      <c r="OTS120" s="26"/>
      <c r="OTT120" s="26"/>
      <c r="OTU120" s="26"/>
      <c r="OTV120" s="26"/>
      <c r="OTW120" s="26"/>
      <c r="OTX120" s="26"/>
      <c r="OTY120" s="26"/>
      <c r="OTZ120" s="26"/>
      <c r="OUA120" s="26"/>
      <c r="OUB120" s="26"/>
      <c r="OUC120" s="26"/>
      <c r="OUD120" s="26"/>
      <c r="OUE120" s="26"/>
      <c r="OUF120" s="26"/>
      <c r="OUG120" s="26"/>
      <c r="OUH120" s="26"/>
      <c r="OUI120" s="26"/>
      <c r="OUJ120" s="26"/>
      <c r="OUK120" s="26"/>
      <c r="OUL120" s="26"/>
      <c r="OUM120" s="26"/>
      <c r="OUN120" s="26"/>
      <c r="OUO120" s="26"/>
      <c r="OUP120" s="26"/>
      <c r="OUQ120" s="26"/>
      <c r="OUR120" s="26"/>
      <c r="OUS120" s="26"/>
      <c r="OUT120" s="26"/>
      <c r="OUU120" s="26"/>
      <c r="OUV120" s="26"/>
      <c r="OUW120" s="26"/>
      <c r="OUX120" s="26"/>
      <c r="OUY120" s="26"/>
      <c r="OUZ120" s="26"/>
      <c r="OVA120" s="26"/>
      <c r="OVB120" s="26"/>
      <c r="OVC120" s="26"/>
      <c r="OVD120" s="26"/>
      <c r="OVE120" s="26"/>
      <c r="OVF120" s="26"/>
      <c r="OVG120" s="26"/>
      <c r="OVH120" s="26"/>
      <c r="OVI120" s="26"/>
      <c r="OVJ120" s="26"/>
      <c r="OVK120" s="26"/>
      <c r="OVL120" s="26"/>
      <c r="OVM120" s="26"/>
      <c r="OVN120" s="26"/>
      <c r="OVO120" s="26"/>
      <c r="OVP120" s="26"/>
      <c r="OVQ120" s="26"/>
      <c r="OVR120" s="26"/>
      <c r="OVS120" s="26"/>
      <c r="OVT120" s="26"/>
      <c r="OVU120" s="26"/>
      <c r="OVV120" s="26"/>
      <c r="OVW120" s="26"/>
      <c r="OVX120" s="26"/>
      <c r="OVY120" s="26"/>
      <c r="OVZ120" s="26"/>
      <c r="OWA120" s="26"/>
      <c r="OWB120" s="26"/>
      <c r="OWC120" s="26"/>
      <c r="OWD120" s="26"/>
      <c r="OWE120" s="26"/>
      <c r="OWF120" s="26"/>
      <c r="OWG120" s="26"/>
      <c r="OWH120" s="26"/>
      <c r="OWI120" s="26"/>
      <c r="OWJ120" s="26"/>
      <c r="OWK120" s="26"/>
      <c r="OWL120" s="26"/>
      <c r="OWM120" s="26"/>
      <c r="OWN120" s="26"/>
      <c r="OWO120" s="26"/>
      <c r="OWP120" s="26"/>
      <c r="OWQ120" s="26"/>
      <c r="OWR120" s="26"/>
      <c r="OWS120" s="26"/>
      <c r="OWT120" s="26"/>
      <c r="OWU120" s="26"/>
      <c r="OWV120" s="26"/>
      <c r="OWW120" s="26"/>
      <c r="OWX120" s="26"/>
      <c r="OWY120" s="26"/>
      <c r="OWZ120" s="26"/>
      <c r="OXA120" s="26"/>
      <c r="OXB120" s="26"/>
      <c r="OXC120" s="26"/>
      <c r="OXD120" s="26"/>
      <c r="OXE120" s="26"/>
      <c r="OXF120" s="26"/>
      <c r="OXG120" s="26"/>
      <c r="OXH120" s="26"/>
      <c r="OXI120" s="26"/>
      <c r="OXJ120" s="26"/>
      <c r="OXK120" s="26"/>
      <c r="OXL120" s="26"/>
      <c r="OXM120" s="26"/>
      <c r="OXN120" s="26"/>
      <c r="OXO120" s="26"/>
      <c r="OXP120" s="26"/>
      <c r="OXQ120" s="26"/>
      <c r="OXR120" s="26"/>
      <c r="OXS120" s="26"/>
      <c r="OXT120" s="26"/>
      <c r="OXU120" s="26"/>
      <c r="OXV120" s="26"/>
      <c r="OXW120" s="26"/>
      <c r="OXX120" s="26"/>
      <c r="OXY120" s="26"/>
      <c r="OXZ120" s="26"/>
      <c r="OYA120" s="26"/>
      <c r="OYB120" s="26"/>
      <c r="OYC120" s="26"/>
      <c r="OYD120" s="26"/>
      <c r="OYE120" s="26"/>
      <c r="OYF120" s="26"/>
      <c r="OYG120" s="26"/>
      <c r="OYH120" s="26"/>
      <c r="OYI120" s="26"/>
      <c r="OYJ120" s="26"/>
      <c r="OYK120" s="26"/>
      <c r="OYL120" s="26"/>
      <c r="OYM120" s="26"/>
      <c r="OYN120" s="26"/>
      <c r="OYO120" s="26"/>
      <c r="OYP120" s="26"/>
      <c r="OYQ120" s="26"/>
      <c r="OYR120" s="26"/>
      <c r="OYS120" s="26"/>
      <c r="OYT120" s="26"/>
      <c r="OYU120" s="26"/>
      <c r="OYV120" s="26"/>
      <c r="OYW120" s="26"/>
      <c r="OYX120" s="26"/>
      <c r="OYY120" s="26"/>
      <c r="OYZ120" s="26"/>
      <c r="OZA120" s="26"/>
      <c r="OZB120" s="26"/>
      <c r="OZC120" s="26"/>
      <c r="OZD120" s="26"/>
      <c r="OZE120" s="26"/>
      <c r="OZF120" s="26"/>
      <c r="OZG120" s="26"/>
      <c r="OZH120" s="26"/>
      <c r="OZI120" s="26"/>
      <c r="OZJ120" s="26"/>
      <c r="OZK120" s="26"/>
      <c r="OZL120" s="26"/>
      <c r="OZM120" s="26"/>
      <c r="OZN120" s="26"/>
      <c r="OZO120" s="26"/>
      <c r="OZP120" s="26"/>
      <c r="OZQ120" s="26"/>
      <c r="OZR120" s="26"/>
      <c r="OZS120" s="26"/>
      <c r="OZT120" s="26"/>
      <c r="OZU120" s="26"/>
      <c r="OZV120" s="26"/>
      <c r="OZW120" s="26"/>
      <c r="OZX120" s="26"/>
      <c r="OZY120" s="26"/>
      <c r="OZZ120" s="26"/>
      <c r="PAA120" s="26"/>
      <c r="PAB120" s="26"/>
      <c r="PAC120" s="26"/>
      <c r="PAD120" s="26"/>
      <c r="PAE120" s="26"/>
      <c r="PAF120" s="26"/>
      <c r="PAG120" s="26"/>
      <c r="PAH120" s="26"/>
      <c r="PAI120" s="26"/>
      <c r="PAJ120" s="26"/>
      <c r="PAK120" s="26"/>
      <c r="PAL120" s="26"/>
      <c r="PAM120" s="26"/>
      <c r="PAN120" s="26"/>
      <c r="PAO120" s="26"/>
      <c r="PAP120" s="26"/>
      <c r="PAQ120" s="26"/>
      <c r="PAR120" s="26"/>
      <c r="PAS120" s="26"/>
      <c r="PAT120" s="26"/>
      <c r="PAU120" s="26"/>
      <c r="PAV120" s="26"/>
      <c r="PAW120" s="26"/>
      <c r="PAX120" s="26"/>
      <c r="PAY120" s="26"/>
      <c r="PAZ120" s="26"/>
      <c r="PBA120" s="26"/>
      <c r="PBB120" s="26"/>
      <c r="PBC120" s="26"/>
      <c r="PBD120" s="26"/>
      <c r="PBE120" s="26"/>
      <c r="PBF120" s="26"/>
      <c r="PBG120" s="26"/>
      <c r="PBH120" s="26"/>
      <c r="PBI120" s="26"/>
      <c r="PBJ120" s="26"/>
      <c r="PBK120" s="26"/>
      <c r="PBL120" s="26"/>
      <c r="PBM120" s="26"/>
      <c r="PBN120" s="26"/>
      <c r="PBO120" s="26"/>
      <c r="PBP120" s="26"/>
      <c r="PBQ120" s="26"/>
      <c r="PBR120" s="26"/>
      <c r="PBS120" s="26"/>
      <c r="PBT120" s="26"/>
      <c r="PBU120" s="26"/>
      <c r="PBV120" s="26"/>
      <c r="PBW120" s="26"/>
      <c r="PBX120" s="26"/>
      <c r="PBY120" s="26"/>
      <c r="PBZ120" s="26"/>
      <c r="PCA120" s="26"/>
      <c r="PCB120" s="26"/>
      <c r="PCC120" s="26"/>
      <c r="PCD120" s="26"/>
      <c r="PCE120" s="26"/>
      <c r="PCF120" s="26"/>
      <c r="PCG120" s="26"/>
      <c r="PCH120" s="26"/>
      <c r="PCI120" s="26"/>
      <c r="PCJ120" s="26"/>
      <c r="PCK120" s="26"/>
      <c r="PCL120" s="26"/>
      <c r="PCM120" s="26"/>
      <c r="PCN120" s="26"/>
      <c r="PCO120" s="26"/>
      <c r="PCP120" s="26"/>
      <c r="PCQ120" s="26"/>
      <c r="PCR120" s="26"/>
      <c r="PCS120" s="26"/>
      <c r="PCT120" s="26"/>
      <c r="PCU120" s="26"/>
      <c r="PCV120" s="26"/>
      <c r="PCW120" s="26"/>
      <c r="PCX120" s="26"/>
      <c r="PCY120" s="26"/>
      <c r="PCZ120" s="26"/>
      <c r="PDA120" s="26"/>
      <c r="PDB120" s="26"/>
      <c r="PDC120" s="26"/>
      <c r="PDD120" s="26"/>
      <c r="PDE120" s="26"/>
      <c r="PDF120" s="26"/>
      <c r="PDG120" s="26"/>
      <c r="PDH120" s="26"/>
      <c r="PDI120" s="26"/>
      <c r="PDJ120" s="26"/>
      <c r="PDK120" s="26"/>
      <c r="PDL120" s="26"/>
      <c r="PDM120" s="26"/>
      <c r="PDN120" s="26"/>
      <c r="PDO120" s="26"/>
      <c r="PDP120" s="26"/>
      <c r="PDQ120" s="26"/>
      <c r="PDR120" s="26"/>
      <c r="PDS120" s="26"/>
      <c r="PDT120" s="26"/>
      <c r="PDU120" s="26"/>
      <c r="PDV120" s="26"/>
      <c r="PDW120" s="26"/>
      <c r="PDX120" s="26"/>
      <c r="PDY120" s="26"/>
      <c r="PDZ120" s="26"/>
      <c r="PEA120" s="26"/>
      <c r="PEB120" s="26"/>
      <c r="PEC120" s="26"/>
      <c r="PED120" s="26"/>
      <c r="PEE120" s="26"/>
      <c r="PEF120" s="26"/>
      <c r="PEG120" s="26"/>
      <c r="PEH120" s="26"/>
      <c r="PEI120" s="26"/>
      <c r="PEJ120" s="26"/>
      <c r="PEK120" s="26"/>
      <c r="PEL120" s="26"/>
      <c r="PEM120" s="26"/>
      <c r="PEN120" s="26"/>
      <c r="PEO120" s="26"/>
      <c r="PEP120" s="26"/>
      <c r="PEQ120" s="26"/>
      <c r="PER120" s="26"/>
      <c r="PES120" s="26"/>
      <c r="PET120" s="26"/>
      <c r="PEU120" s="26"/>
      <c r="PEV120" s="26"/>
      <c r="PEW120" s="26"/>
      <c r="PEX120" s="26"/>
      <c r="PEY120" s="26"/>
      <c r="PEZ120" s="26"/>
      <c r="PFA120" s="26"/>
      <c r="PFB120" s="26"/>
      <c r="PFC120" s="26"/>
      <c r="PFD120" s="26"/>
      <c r="PFE120" s="26"/>
      <c r="PFF120" s="26"/>
      <c r="PFG120" s="26"/>
      <c r="PFH120" s="26"/>
      <c r="PFI120" s="26"/>
      <c r="PFJ120" s="26"/>
      <c r="PFK120" s="26"/>
      <c r="PFL120" s="26"/>
      <c r="PFM120" s="26"/>
      <c r="PFN120" s="26"/>
      <c r="PFO120" s="26"/>
      <c r="PFP120" s="26"/>
      <c r="PFQ120" s="26"/>
      <c r="PFR120" s="26"/>
      <c r="PFS120" s="26"/>
      <c r="PFT120" s="26"/>
      <c r="PFU120" s="26"/>
      <c r="PFV120" s="26"/>
      <c r="PFW120" s="26"/>
      <c r="PFX120" s="26"/>
      <c r="PFY120" s="26"/>
      <c r="PFZ120" s="26"/>
      <c r="PGA120" s="26"/>
      <c r="PGB120" s="26"/>
      <c r="PGC120" s="26"/>
      <c r="PGD120" s="26"/>
      <c r="PGE120" s="26"/>
      <c r="PGF120" s="26"/>
      <c r="PGG120" s="26"/>
      <c r="PGH120" s="26"/>
      <c r="PGI120" s="26"/>
      <c r="PGJ120" s="26"/>
      <c r="PGK120" s="26"/>
      <c r="PGL120" s="26"/>
      <c r="PGM120" s="26"/>
      <c r="PGN120" s="26"/>
      <c r="PGO120" s="26"/>
      <c r="PGP120" s="26"/>
      <c r="PGQ120" s="26"/>
      <c r="PGR120" s="26"/>
      <c r="PGS120" s="26"/>
      <c r="PGT120" s="26"/>
      <c r="PGU120" s="26"/>
      <c r="PGV120" s="26"/>
      <c r="PGW120" s="26"/>
      <c r="PGX120" s="26"/>
      <c r="PGY120" s="26"/>
      <c r="PGZ120" s="26"/>
      <c r="PHA120" s="26"/>
      <c r="PHB120" s="26"/>
      <c r="PHC120" s="26"/>
      <c r="PHD120" s="26"/>
      <c r="PHE120" s="26"/>
      <c r="PHF120" s="26"/>
      <c r="PHG120" s="26"/>
      <c r="PHH120" s="26"/>
      <c r="PHI120" s="26"/>
      <c r="PHJ120" s="26"/>
      <c r="PHK120" s="26"/>
      <c r="PHL120" s="26"/>
      <c r="PHM120" s="26"/>
      <c r="PHN120" s="26"/>
      <c r="PHO120" s="26"/>
      <c r="PHP120" s="26"/>
      <c r="PHQ120" s="26"/>
      <c r="PHR120" s="26"/>
      <c r="PHS120" s="26"/>
      <c r="PHT120" s="26"/>
      <c r="PHU120" s="26"/>
      <c r="PHV120" s="26"/>
      <c r="PHW120" s="26"/>
      <c r="PHX120" s="26"/>
      <c r="PHY120" s="26"/>
      <c r="PHZ120" s="26"/>
      <c r="PIA120" s="26"/>
      <c r="PIB120" s="26"/>
      <c r="PIC120" s="26"/>
      <c r="PID120" s="26"/>
      <c r="PIE120" s="26"/>
      <c r="PIF120" s="26"/>
      <c r="PIG120" s="26"/>
      <c r="PIH120" s="26"/>
      <c r="PII120" s="26"/>
      <c r="PIJ120" s="26"/>
      <c r="PIK120" s="26"/>
      <c r="PIL120" s="26"/>
      <c r="PIM120" s="26"/>
      <c r="PIN120" s="26"/>
      <c r="PIO120" s="26"/>
      <c r="PIP120" s="26"/>
      <c r="PIQ120" s="26"/>
      <c r="PIR120" s="26"/>
      <c r="PIS120" s="26"/>
      <c r="PIT120" s="26"/>
      <c r="PIU120" s="26"/>
      <c r="PIV120" s="26"/>
      <c r="PIW120" s="26"/>
      <c r="PIX120" s="26"/>
      <c r="PIY120" s="26"/>
      <c r="PIZ120" s="26"/>
      <c r="PJA120" s="26"/>
      <c r="PJB120" s="26"/>
      <c r="PJC120" s="26"/>
      <c r="PJD120" s="26"/>
      <c r="PJE120" s="26"/>
      <c r="PJF120" s="26"/>
      <c r="PJG120" s="26"/>
      <c r="PJH120" s="26"/>
      <c r="PJI120" s="26"/>
      <c r="PJJ120" s="26"/>
      <c r="PJK120" s="26"/>
      <c r="PJL120" s="26"/>
      <c r="PJM120" s="26"/>
      <c r="PJN120" s="26"/>
      <c r="PJO120" s="26"/>
      <c r="PJP120" s="26"/>
      <c r="PJQ120" s="26"/>
      <c r="PJR120" s="26"/>
      <c r="PJS120" s="26"/>
      <c r="PJT120" s="26"/>
      <c r="PJU120" s="26"/>
      <c r="PJV120" s="26"/>
      <c r="PJW120" s="26"/>
      <c r="PJX120" s="26"/>
      <c r="PJY120" s="26"/>
      <c r="PJZ120" s="26"/>
      <c r="PKA120" s="26"/>
      <c r="PKB120" s="26"/>
      <c r="PKC120" s="26"/>
      <c r="PKD120" s="26"/>
      <c r="PKE120" s="26"/>
      <c r="PKF120" s="26"/>
      <c r="PKG120" s="26"/>
      <c r="PKH120" s="26"/>
      <c r="PKI120" s="26"/>
      <c r="PKJ120" s="26"/>
      <c r="PKK120" s="26"/>
      <c r="PKL120" s="26"/>
      <c r="PKM120" s="26"/>
      <c r="PKN120" s="26"/>
      <c r="PKO120" s="26"/>
      <c r="PKP120" s="26"/>
      <c r="PKQ120" s="26"/>
      <c r="PKR120" s="26"/>
      <c r="PKS120" s="26"/>
      <c r="PKT120" s="26"/>
      <c r="PKU120" s="26"/>
      <c r="PKV120" s="26"/>
      <c r="PKW120" s="26"/>
      <c r="PKX120" s="26"/>
      <c r="PKY120" s="26"/>
      <c r="PKZ120" s="26"/>
      <c r="PLA120" s="26"/>
      <c r="PLB120" s="26"/>
      <c r="PLC120" s="26"/>
      <c r="PLD120" s="26"/>
      <c r="PLE120" s="26"/>
      <c r="PLF120" s="26"/>
      <c r="PLG120" s="26"/>
      <c r="PLH120" s="26"/>
      <c r="PLI120" s="26"/>
      <c r="PLJ120" s="26"/>
      <c r="PLK120" s="26"/>
      <c r="PLL120" s="26"/>
      <c r="PLM120" s="26"/>
      <c r="PLN120" s="26"/>
      <c r="PLO120" s="26"/>
      <c r="PLP120" s="26"/>
      <c r="PLQ120" s="26"/>
      <c r="PLR120" s="26"/>
      <c r="PLS120" s="26"/>
      <c r="PLT120" s="26"/>
      <c r="PLU120" s="26"/>
      <c r="PLV120" s="26"/>
      <c r="PLW120" s="26"/>
      <c r="PLX120" s="26"/>
      <c r="PLY120" s="26"/>
      <c r="PLZ120" s="26"/>
      <c r="PMA120" s="26"/>
      <c r="PMB120" s="26"/>
      <c r="PMC120" s="26"/>
      <c r="PMD120" s="26"/>
      <c r="PME120" s="26"/>
      <c r="PMF120" s="26"/>
      <c r="PMG120" s="26"/>
      <c r="PMH120" s="26"/>
      <c r="PMI120" s="26"/>
      <c r="PMJ120" s="26"/>
      <c r="PMK120" s="26"/>
      <c r="PML120" s="26"/>
      <c r="PMM120" s="26"/>
      <c r="PMN120" s="26"/>
      <c r="PMO120" s="26"/>
      <c r="PMP120" s="26"/>
      <c r="PMQ120" s="26"/>
      <c r="PMR120" s="26"/>
      <c r="PMS120" s="26"/>
      <c r="PMT120" s="26"/>
      <c r="PMU120" s="26"/>
      <c r="PMV120" s="26"/>
      <c r="PMW120" s="26"/>
      <c r="PMX120" s="26"/>
      <c r="PMY120" s="26"/>
      <c r="PMZ120" s="26"/>
      <c r="PNA120" s="26"/>
      <c r="PNB120" s="26"/>
      <c r="PNC120" s="26"/>
      <c r="PND120" s="26"/>
      <c r="PNE120" s="26"/>
      <c r="PNF120" s="26"/>
      <c r="PNG120" s="26"/>
      <c r="PNH120" s="26"/>
      <c r="PNI120" s="26"/>
      <c r="PNJ120" s="26"/>
      <c r="PNK120" s="26"/>
      <c r="PNL120" s="26"/>
      <c r="PNM120" s="26"/>
      <c r="PNN120" s="26"/>
      <c r="PNO120" s="26"/>
      <c r="PNP120" s="26"/>
      <c r="PNQ120" s="26"/>
      <c r="PNR120" s="26"/>
      <c r="PNS120" s="26"/>
      <c r="PNT120" s="26"/>
      <c r="PNU120" s="26"/>
      <c r="PNV120" s="26"/>
      <c r="PNW120" s="26"/>
      <c r="PNX120" s="26"/>
      <c r="PNY120" s="26"/>
      <c r="PNZ120" s="26"/>
      <c r="POA120" s="26"/>
      <c r="POB120" s="26"/>
      <c r="POC120" s="26"/>
      <c r="POD120" s="26"/>
      <c r="POE120" s="26"/>
      <c r="POF120" s="26"/>
      <c r="POG120" s="26"/>
      <c r="POH120" s="26"/>
      <c r="POI120" s="26"/>
      <c r="POJ120" s="26"/>
      <c r="POK120" s="26"/>
      <c r="POL120" s="26"/>
      <c r="POM120" s="26"/>
      <c r="PON120" s="26"/>
      <c r="POO120" s="26"/>
      <c r="POP120" s="26"/>
      <c r="POQ120" s="26"/>
      <c r="POR120" s="26"/>
      <c r="POS120" s="26"/>
      <c r="POT120" s="26"/>
      <c r="POU120" s="26"/>
      <c r="POV120" s="26"/>
      <c r="POW120" s="26"/>
      <c r="POX120" s="26"/>
      <c r="POY120" s="26"/>
      <c r="POZ120" s="26"/>
      <c r="PPA120" s="26"/>
      <c r="PPB120" s="26"/>
      <c r="PPC120" s="26"/>
      <c r="PPD120" s="26"/>
      <c r="PPE120" s="26"/>
      <c r="PPF120" s="26"/>
      <c r="PPG120" s="26"/>
      <c r="PPH120" s="26"/>
      <c r="PPI120" s="26"/>
      <c r="PPJ120" s="26"/>
      <c r="PPK120" s="26"/>
      <c r="PPL120" s="26"/>
      <c r="PPM120" s="26"/>
      <c r="PPN120" s="26"/>
      <c r="PPO120" s="26"/>
      <c r="PPP120" s="26"/>
      <c r="PPQ120" s="26"/>
      <c r="PPR120" s="26"/>
      <c r="PPS120" s="26"/>
      <c r="PPT120" s="26"/>
      <c r="PPU120" s="26"/>
      <c r="PPV120" s="26"/>
      <c r="PPW120" s="26"/>
      <c r="PPX120" s="26"/>
      <c r="PPY120" s="26"/>
      <c r="PPZ120" s="26"/>
      <c r="PQA120" s="26"/>
      <c r="PQB120" s="26"/>
      <c r="PQC120" s="26"/>
      <c r="PQD120" s="26"/>
      <c r="PQE120" s="26"/>
      <c r="PQF120" s="26"/>
      <c r="PQG120" s="26"/>
      <c r="PQH120" s="26"/>
      <c r="PQI120" s="26"/>
      <c r="PQJ120" s="26"/>
      <c r="PQK120" s="26"/>
      <c r="PQL120" s="26"/>
      <c r="PQM120" s="26"/>
      <c r="PQN120" s="26"/>
      <c r="PQO120" s="26"/>
      <c r="PQP120" s="26"/>
      <c r="PQQ120" s="26"/>
      <c r="PQR120" s="26"/>
      <c r="PQS120" s="26"/>
      <c r="PQT120" s="26"/>
      <c r="PQU120" s="26"/>
      <c r="PQV120" s="26"/>
      <c r="PQW120" s="26"/>
      <c r="PQX120" s="26"/>
      <c r="PQY120" s="26"/>
      <c r="PQZ120" s="26"/>
      <c r="PRA120" s="26"/>
      <c r="PRB120" s="26"/>
      <c r="PRC120" s="26"/>
      <c r="PRD120" s="26"/>
      <c r="PRE120" s="26"/>
      <c r="PRF120" s="26"/>
      <c r="PRG120" s="26"/>
      <c r="PRH120" s="26"/>
      <c r="PRI120" s="26"/>
      <c r="PRJ120" s="26"/>
      <c r="PRK120" s="26"/>
      <c r="PRL120" s="26"/>
      <c r="PRM120" s="26"/>
      <c r="PRN120" s="26"/>
      <c r="PRO120" s="26"/>
      <c r="PRP120" s="26"/>
      <c r="PRQ120" s="26"/>
      <c r="PRR120" s="26"/>
      <c r="PRS120" s="26"/>
      <c r="PRT120" s="26"/>
      <c r="PRU120" s="26"/>
      <c r="PRV120" s="26"/>
      <c r="PRW120" s="26"/>
      <c r="PRX120" s="26"/>
      <c r="PRY120" s="26"/>
      <c r="PRZ120" s="26"/>
      <c r="PSA120" s="26"/>
      <c r="PSB120" s="26"/>
      <c r="PSC120" s="26"/>
      <c r="PSD120" s="26"/>
      <c r="PSE120" s="26"/>
      <c r="PSF120" s="26"/>
      <c r="PSG120" s="26"/>
      <c r="PSH120" s="26"/>
      <c r="PSI120" s="26"/>
      <c r="PSJ120" s="26"/>
      <c r="PSK120" s="26"/>
      <c r="PSL120" s="26"/>
      <c r="PSM120" s="26"/>
      <c r="PSN120" s="26"/>
      <c r="PSO120" s="26"/>
      <c r="PSP120" s="26"/>
      <c r="PSQ120" s="26"/>
      <c r="PSR120" s="26"/>
      <c r="PSS120" s="26"/>
      <c r="PST120" s="26"/>
      <c r="PSU120" s="26"/>
      <c r="PSV120" s="26"/>
      <c r="PSW120" s="26"/>
      <c r="PSX120" s="26"/>
      <c r="PSY120" s="26"/>
      <c r="PSZ120" s="26"/>
      <c r="PTA120" s="26"/>
      <c r="PTB120" s="26"/>
      <c r="PTC120" s="26"/>
      <c r="PTD120" s="26"/>
      <c r="PTE120" s="26"/>
      <c r="PTF120" s="26"/>
      <c r="PTG120" s="26"/>
      <c r="PTH120" s="26"/>
      <c r="PTI120" s="26"/>
      <c r="PTJ120" s="26"/>
      <c r="PTK120" s="26"/>
      <c r="PTL120" s="26"/>
      <c r="PTM120" s="26"/>
      <c r="PTN120" s="26"/>
      <c r="PTO120" s="26"/>
      <c r="PTP120" s="26"/>
      <c r="PTQ120" s="26"/>
      <c r="PTR120" s="26"/>
      <c r="PTS120" s="26"/>
      <c r="PTT120" s="26"/>
      <c r="PTU120" s="26"/>
      <c r="PTV120" s="26"/>
      <c r="PTW120" s="26"/>
      <c r="PTX120" s="26"/>
      <c r="PTY120" s="26"/>
      <c r="PTZ120" s="26"/>
      <c r="PUA120" s="26"/>
      <c r="PUB120" s="26"/>
      <c r="PUC120" s="26"/>
      <c r="PUD120" s="26"/>
      <c r="PUE120" s="26"/>
      <c r="PUF120" s="26"/>
      <c r="PUG120" s="26"/>
      <c r="PUH120" s="26"/>
      <c r="PUI120" s="26"/>
      <c r="PUJ120" s="26"/>
      <c r="PUK120" s="26"/>
      <c r="PUL120" s="26"/>
      <c r="PUM120" s="26"/>
      <c r="PUN120" s="26"/>
      <c r="PUO120" s="26"/>
      <c r="PUP120" s="26"/>
      <c r="PUQ120" s="26"/>
      <c r="PUR120" s="26"/>
      <c r="PUS120" s="26"/>
      <c r="PUT120" s="26"/>
      <c r="PUU120" s="26"/>
      <c r="PUV120" s="26"/>
      <c r="PUW120" s="26"/>
      <c r="PUX120" s="26"/>
      <c r="PUY120" s="26"/>
      <c r="PUZ120" s="26"/>
      <c r="PVA120" s="26"/>
      <c r="PVB120" s="26"/>
      <c r="PVC120" s="26"/>
      <c r="PVD120" s="26"/>
      <c r="PVE120" s="26"/>
      <c r="PVF120" s="26"/>
      <c r="PVG120" s="26"/>
      <c r="PVH120" s="26"/>
      <c r="PVI120" s="26"/>
      <c r="PVJ120" s="26"/>
      <c r="PVK120" s="26"/>
      <c r="PVL120" s="26"/>
      <c r="PVM120" s="26"/>
      <c r="PVN120" s="26"/>
      <c r="PVO120" s="26"/>
      <c r="PVP120" s="26"/>
      <c r="PVQ120" s="26"/>
      <c r="PVR120" s="26"/>
      <c r="PVS120" s="26"/>
      <c r="PVT120" s="26"/>
      <c r="PVU120" s="26"/>
      <c r="PVV120" s="26"/>
      <c r="PVW120" s="26"/>
      <c r="PVX120" s="26"/>
      <c r="PVY120" s="26"/>
      <c r="PVZ120" s="26"/>
      <c r="PWA120" s="26"/>
      <c r="PWB120" s="26"/>
      <c r="PWC120" s="26"/>
      <c r="PWD120" s="26"/>
      <c r="PWE120" s="26"/>
      <c r="PWF120" s="26"/>
      <c r="PWG120" s="26"/>
      <c r="PWH120" s="26"/>
      <c r="PWI120" s="26"/>
      <c r="PWJ120" s="26"/>
      <c r="PWK120" s="26"/>
      <c r="PWL120" s="26"/>
      <c r="PWM120" s="26"/>
      <c r="PWN120" s="26"/>
      <c r="PWO120" s="26"/>
      <c r="PWP120" s="26"/>
      <c r="PWQ120" s="26"/>
      <c r="PWR120" s="26"/>
      <c r="PWS120" s="26"/>
      <c r="PWT120" s="26"/>
      <c r="PWU120" s="26"/>
      <c r="PWV120" s="26"/>
      <c r="PWW120" s="26"/>
      <c r="PWX120" s="26"/>
      <c r="PWY120" s="26"/>
      <c r="PWZ120" s="26"/>
      <c r="PXA120" s="26"/>
      <c r="PXB120" s="26"/>
      <c r="PXC120" s="26"/>
      <c r="PXD120" s="26"/>
      <c r="PXE120" s="26"/>
      <c r="PXF120" s="26"/>
      <c r="PXG120" s="26"/>
      <c r="PXH120" s="26"/>
      <c r="PXI120" s="26"/>
      <c r="PXJ120" s="26"/>
      <c r="PXK120" s="26"/>
      <c r="PXL120" s="26"/>
      <c r="PXM120" s="26"/>
      <c r="PXN120" s="26"/>
      <c r="PXO120" s="26"/>
      <c r="PXP120" s="26"/>
      <c r="PXQ120" s="26"/>
      <c r="PXR120" s="26"/>
      <c r="PXS120" s="26"/>
      <c r="PXT120" s="26"/>
      <c r="PXU120" s="26"/>
      <c r="PXV120" s="26"/>
      <c r="PXW120" s="26"/>
      <c r="PXX120" s="26"/>
      <c r="PXY120" s="26"/>
      <c r="PXZ120" s="26"/>
      <c r="PYA120" s="26"/>
      <c r="PYB120" s="26"/>
      <c r="PYC120" s="26"/>
      <c r="PYD120" s="26"/>
      <c r="PYE120" s="26"/>
      <c r="PYF120" s="26"/>
      <c r="PYG120" s="26"/>
      <c r="PYH120" s="26"/>
      <c r="PYI120" s="26"/>
      <c r="PYJ120" s="26"/>
      <c r="PYK120" s="26"/>
      <c r="PYL120" s="26"/>
      <c r="PYM120" s="26"/>
      <c r="PYN120" s="26"/>
      <c r="PYO120" s="26"/>
      <c r="PYP120" s="26"/>
      <c r="PYQ120" s="26"/>
      <c r="PYR120" s="26"/>
      <c r="PYS120" s="26"/>
      <c r="PYT120" s="26"/>
      <c r="PYU120" s="26"/>
      <c r="PYV120" s="26"/>
      <c r="PYW120" s="26"/>
      <c r="PYX120" s="26"/>
      <c r="PYY120" s="26"/>
      <c r="PYZ120" s="26"/>
      <c r="PZA120" s="26"/>
      <c r="PZB120" s="26"/>
      <c r="PZC120" s="26"/>
      <c r="PZD120" s="26"/>
      <c r="PZE120" s="26"/>
      <c r="PZF120" s="26"/>
      <c r="PZG120" s="26"/>
      <c r="PZH120" s="26"/>
      <c r="PZI120" s="26"/>
      <c r="PZJ120" s="26"/>
      <c r="PZK120" s="26"/>
      <c r="PZL120" s="26"/>
      <c r="PZM120" s="26"/>
      <c r="PZN120" s="26"/>
      <c r="PZO120" s="26"/>
      <c r="PZP120" s="26"/>
      <c r="PZQ120" s="26"/>
      <c r="PZR120" s="26"/>
      <c r="PZS120" s="26"/>
      <c r="PZT120" s="26"/>
      <c r="PZU120" s="26"/>
      <c r="PZV120" s="26"/>
      <c r="PZW120" s="26"/>
      <c r="PZX120" s="26"/>
      <c r="PZY120" s="26"/>
      <c r="PZZ120" s="26"/>
      <c r="QAA120" s="26"/>
      <c r="QAB120" s="26"/>
      <c r="QAC120" s="26"/>
      <c r="QAD120" s="26"/>
      <c r="QAE120" s="26"/>
      <c r="QAF120" s="26"/>
      <c r="QAG120" s="26"/>
      <c r="QAH120" s="26"/>
      <c r="QAI120" s="26"/>
      <c r="QAJ120" s="26"/>
      <c r="QAK120" s="26"/>
      <c r="QAL120" s="26"/>
      <c r="QAM120" s="26"/>
      <c r="QAN120" s="26"/>
      <c r="QAO120" s="26"/>
      <c r="QAP120" s="26"/>
      <c r="QAQ120" s="26"/>
      <c r="QAR120" s="26"/>
      <c r="QAS120" s="26"/>
      <c r="QAT120" s="26"/>
      <c r="QAU120" s="26"/>
      <c r="QAV120" s="26"/>
      <c r="QAW120" s="26"/>
      <c r="QAX120" s="26"/>
      <c r="QAY120" s="26"/>
      <c r="QAZ120" s="26"/>
      <c r="QBA120" s="26"/>
      <c r="QBB120" s="26"/>
      <c r="QBC120" s="26"/>
      <c r="QBD120" s="26"/>
      <c r="QBE120" s="26"/>
      <c r="QBF120" s="26"/>
      <c r="QBG120" s="26"/>
      <c r="QBH120" s="26"/>
      <c r="QBI120" s="26"/>
      <c r="QBJ120" s="26"/>
      <c r="QBK120" s="26"/>
      <c r="QBL120" s="26"/>
      <c r="QBM120" s="26"/>
      <c r="QBN120" s="26"/>
      <c r="QBO120" s="26"/>
      <c r="QBP120" s="26"/>
      <c r="QBQ120" s="26"/>
      <c r="QBR120" s="26"/>
      <c r="QBS120" s="26"/>
      <c r="QBT120" s="26"/>
      <c r="QBU120" s="26"/>
      <c r="QBV120" s="26"/>
      <c r="QBW120" s="26"/>
      <c r="QBX120" s="26"/>
      <c r="QBY120" s="26"/>
      <c r="QBZ120" s="26"/>
      <c r="QCA120" s="26"/>
      <c r="QCB120" s="26"/>
      <c r="QCC120" s="26"/>
      <c r="QCD120" s="26"/>
      <c r="QCE120" s="26"/>
      <c r="QCF120" s="26"/>
      <c r="QCG120" s="26"/>
      <c r="QCH120" s="26"/>
      <c r="QCI120" s="26"/>
      <c r="QCJ120" s="26"/>
      <c r="QCK120" s="26"/>
      <c r="QCL120" s="26"/>
      <c r="QCM120" s="26"/>
      <c r="QCN120" s="26"/>
      <c r="QCO120" s="26"/>
      <c r="QCP120" s="26"/>
      <c r="QCQ120" s="26"/>
      <c r="QCR120" s="26"/>
      <c r="QCS120" s="26"/>
      <c r="QCT120" s="26"/>
      <c r="QCU120" s="26"/>
      <c r="QCV120" s="26"/>
      <c r="QCW120" s="26"/>
      <c r="QCX120" s="26"/>
      <c r="QCY120" s="26"/>
      <c r="QCZ120" s="26"/>
      <c r="QDA120" s="26"/>
      <c r="QDB120" s="26"/>
      <c r="QDC120" s="26"/>
      <c r="QDD120" s="26"/>
      <c r="QDE120" s="26"/>
      <c r="QDF120" s="26"/>
      <c r="QDG120" s="26"/>
      <c r="QDH120" s="26"/>
      <c r="QDI120" s="26"/>
      <c r="QDJ120" s="26"/>
      <c r="QDK120" s="26"/>
      <c r="QDL120" s="26"/>
      <c r="QDM120" s="26"/>
      <c r="QDN120" s="26"/>
      <c r="QDO120" s="26"/>
      <c r="QDP120" s="26"/>
      <c r="QDQ120" s="26"/>
      <c r="QDR120" s="26"/>
      <c r="QDS120" s="26"/>
      <c r="QDT120" s="26"/>
      <c r="QDU120" s="26"/>
      <c r="QDV120" s="26"/>
      <c r="QDW120" s="26"/>
      <c r="QDX120" s="26"/>
      <c r="QDY120" s="26"/>
      <c r="QDZ120" s="26"/>
      <c r="QEA120" s="26"/>
      <c r="QEB120" s="26"/>
      <c r="QEC120" s="26"/>
      <c r="QED120" s="26"/>
      <c r="QEE120" s="26"/>
      <c r="QEF120" s="26"/>
      <c r="QEG120" s="26"/>
      <c r="QEH120" s="26"/>
      <c r="QEI120" s="26"/>
      <c r="QEJ120" s="26"/>
      <c r="QEK120" s="26"/>
      <c r="QEL120" s="26"/>
      <c r="QEM120" s="26"/>
      <c r="QEN120" s="26"/>
      <c r="QEO120" s="26"/>
      <c r="QEP120" s="26"/>
      <c r="QEQ120" s="26"/>
      <c r="QER120" s="26"/>
      <c r="QES120" s="26"/>
      <c r="QET120" s="26"/>
      <c r="QEU120" s="26"/>
      <c r="QEV120" s="26"/>
      <c r="QEW120" s="26"/>
      <c r="QEX120" s="26"/>
      <c r="QEY120" s="26"/>
      <c r="QEZ120" s="26"/>
      <c r="QFA120" s="26"/>
      <c r="QFB120" s="26"/>
      <c r="QFC120" s="26"/>
      <c r="QFD120" s="26"/>
      <c r="QFE120" s="26"/>
      <c r="QFF120" s="26"/>
      <c r="QFG120" s="26"/>
      <c r="QFH120" s="26"/>
      <c r="QFI120" s="26"/>
      <c r="QFJ120" s="26"/>
      <c r="QFK120" s="26"/>
      <c r="QFL120" s="26"/>
      <c r="QFM120" s="26"/>
      <c r="QFN120" s="26"/>
      <c r="QFO120" s="26"/>
      <c r="QFP120" s="26"/>
      <c r="QFQ120" s="26"/>
      <c r="QFR120" s="26"/>
      <c r="QFS120" s="26"/>
      <c r="QFT120" s="26"/>
      <c r="QFU120" s="26"/>
      <c r="QFV120" s="26"/>
      <c r="QFW120" s="26"/>
      <c r="QFX120" s="26"/>
      <c r="QFY120" s="26"/>
      <c r="QFZ120" s="26"/>
      <c r="QGA120" s="26"/>
      <c r="QGB120" s="26"/>
      <c r="QGC120" s="26"/>
      <c r="QGD120" s="26"/>
      <c r="QGE120" s="26"/>
      <c r="QGF120" s="26"/>
      <c r="QGG120" s="26"/>
      <c r="QGH120" s="26"/>
      <c r="QGI120" s="26"/>
      <c r="QGJ120" s="26"/>
      <c r="QGK120" s="26"/>
      <c r="QGL120" s="26"/>
      <c r="QGM120" s="26"/>
      <c r="QGN120" s="26"/>
      <c r="QGO120" s="26"/>
      <c r="QGP120" s="26"/>
      <c r="QGQ120" s="26"/>
      <c r="QGR120" s="26"/>
      <c r="QGS120" s="26"/>
      <c r="QGT120" s="26"/>
      <c r="QGU120" s="26"/>
      <c r="QGV120" s="26"/>
      <c r="QGW120" s="26"/>
      <c r="QGX120" s="26"/>
      <c r="QGY120" s="26"/>
      <c r="QGZ120" s="26"/>
      <c r="QHA120" s="26"/>
      <c r="QHB120" s="26"/>
      <c r="QHC120" s="26"/>
      <c r="QHD120" s="26"/>
      <c r="QHE120" s="26"/>
      <c r="QHF120" s="26"/>
      <c r="QHG120" s="26"/>
      <c r="QHH120" s="26"/>
      <c r="QHI120" s="26"/>
      <c r="QHJ120" s="26"/>
      <c r="QHK120" s="26"/>
      <c r="QHL120" s="26"/>
      <c r="QHM120" s="26"/>
      <c r="QHN120" s="26"/>
      <c r="QHO120" s="26"/>
      <c r="QHP120" s="26"/>
      <c r="QHQ120" s="26"/>
      <c r="QHR120" s="26"/>
      <c r="QHS120" s="26"/>
      <c r="QHT120" s="26"/>
      <c r="QHU120" s="26"/>
      <c r="QHV120" s="26"/>
      <c r="QHW120" s="26"/>
      <c r="QHX120" s="26"/>
      <c r="QHY120" s="26"/>
      <c r="QHZ120" s="26"/>
      <c r="QIA120" s="26"/>
      <c r="QIB120" s="26"/>
      <c r="QIC120" s="26"/>
      <c r="QID120" s="26"/>
      <c r="QIE120" s="26"/>
      <c r="QIF120" s="26"/>
      <c r="QIG120" s="26"/>
      <c r="QIH120" s="26"/>
      <c r="QII120" s="26"/>
      <c r="QIJ120" s="26"/>
      <c r="QIK120" s="26"/>
      <c r="QIL120" s="26"/>
      <c r="QIM120" s="26"/>
      <c r="QIN120" s="26"/>
      <c r="QIO120" s="26"/>
      <c r="QIP120" s="26"/>
      <c r="QIQ120" s="26"/>
      <c r="QIR120" s="26"/>
      <c r="QIS120" s="26"/>
      <c r="QIT120" s="26"/>
      <c r="QIU120" s="26"/>
      <c r="QIV120" s="26"/>
      <c r="QIW120" s="26"/>
      <c r="QIX120" s="26"/>
      <c r="QIY120" s="26"/>
      <c r="QIZ120" s="26"/>
      <c r="QJA120" s="26"/>
      <c r="QJB120" s="26"/>
      <c r="QJC120" s="26"/>
      <c r="QJD120" s="26"/>
      <c r="QJE120" s="26"/>
      <c r="QJF120" s="26"/>
      <c r="QJG120" s="26"/>
      <c r="QJH120" s="26"/>
      <c r="QJI120" s="26"/>
      <c r="QJJ120" s="26"/>
      <c r="QJK120" s="26"/>
      <c r="QJL120" s="26"/>
      <c r="QJM120" s="26"/>
      <c r="QJN120" s="26"/>
      <c r="QJO120" s="26"/>
      <c r="QJP120" s="26"/>
      <c r="QJQ120" s="26"/>
      <c r="QJR120" s="26"/>
      <c r="QJS120" s="26"/>
      <c r="QJT120" s="26"/>
      <c r="QJU120" s="26"/>
      <c r="QJV120" s="26"/>
      <c r="QJW120" s="26"/>
      <c r="QJX120" s="26"/>
      <c r="QJY120" s="26"/>
      <c r="QJZ120" s="26"/>
      <c r="QKA120" s="26"/>
      <c r="QKB120" s="26"/>
      <c r="QKC120" s="26"/>
      <c r="QKD120" s="26"/>
      <c r="QKE120" s="26"/>
      <c r="QKF120" s="26"/>
      <c r="QKG120" s="26"/>
      <c r="QKH120" s="26"/>
      <c r="QKI120" s="26"/>
      <c r="QKJ120" s="26"/>
      <c r="QKK120" s="26"/>
      <c r="QKL120" s="26"/>
      <c r="QKM120" s="26"/>
      <c r="QKN120" s="26"/>
      <c r="QKO120" s="26"/>
      <c r="QKP120" s="26"/>
      <c r="QKQ120" s="26"/>
      <c r="QKR120" s="26"/>
      <c r="QKS120" s="26"/>
      <c r="QKT120" s="26"/>
      <c r="QKU120" s="26"/>
      <c r="QKV120" s="26"/>
      <c r="QKW120" s="26"/>
      <c r="QKX120" s="26"/>
      <c r="QKY120" s="26"/>
      <c r="QKZ120" s="26"/>
      <c r="QLA120" s="26"/>
      <c r="QLB120" s="26"/>
      <c r="QLC120" s="26"/>
      <c r="QLD120" s="26"/>
      <c r="QLE120" s="26"/>
      <c r="QLF120" s="26"/>
      <c r="QLG120" s="26"/>
      <c r="QLH120" s="26"/>
      <c r="QLI120" s="26"/>
      <c r="QLJ120" s="26"/>
      <c r="QLK120" s="26"/>
      <c r="QLL120" s="26"/>
      <c r="QLM120" s="26"/>
      <c r="QLN120" s="26"/>
      <c r="QLO120" s="26"/>
      <c r="QLP120" s="26"/>
      <c r="QLQ120" s="26"/>
      <c r="QLR120" s="26"/>
      <c r="QLS120" s="26"/>
      <c r="QLT120" s="26"/>
      <c r="QLU120" s="26"/>
      <c r="QLV120" s="26"/>
      <c r="QLW120" s="26"/>
      <c r="QLX120" s="26"/>
      <c r="QLY120" s="26"/>
      <c r="QLZ120" s="26"/>
      <c r="QMA120" s="26"/>
      <c r="QMB120" s="26"/>
      <c r="QMC120" s="26"/>
      <c r="QMD120" s="26"/>
      <c r="QME120" s="26"/>
      <c r="QMF120" s="26"/>
      <c r="QMG120" s="26"/>
      <c r="QMH120" s="26"/>
      <c r="QMI120" s="26"/>
      <c r="QMJ120" s="26"/>
      <c r="QMK120" s="26"/>
      <c r="QML120" s="26"/>
      <c r="QMM120" s="26"/>
      <c r="QMN120" s="26"/>
      <c r="QMO120" s="26"/>
      <c r="QMP120" s="26"/>
      <c r="QMQ120" s="26"/>
      <c r="QMR120" s="26"/>
      <c r="QMS120" s="26"/>
      <c r="QMT120" s="26"/>
      <c r="QMU120" s="26"/>
      <c r="QMV120" s="26"/>
      <c r="QMW120" s="26"/>
      <c r="QMX120" s="26"/>
      <c r="QMY120" s="26"/>
      <c r="QMZ120" s="26"/>
      <c r="QNA120" s="26"/>
      <c r="QNB120" s="26"/>
      <c r="QNC120" s="26"/>
      <c r="QND120" s="26"/>
      <c r="QNE120" s="26"/>
      <c r="QNF120" s="26"/>
      <c r="QNG120" s="26"/>
      <c r="QNH120" s="26"/>
      <c r="QNI120" s="26"/>
      <c r="QNJ120" s="26"/>
      <c r="QNK120" s="26"/>
      <c r="QNL120" s="26"/>
      <c r="QNM120" s="26"/>
      <c r="QNN120" s="26"/>
      <c r="QNO120" s="26"/>
      <c r="QNP120" s="26"/>
      <c r="QNQ120" s="26"/>
      <c r="QNR120" s="26"/>
      <c r="QNS120" s="26"/>
      <c r="QNT120" s="26"/>
      <c r="QNU120" s="26"/>
      <c r="QNV120" s="26"/>
      <c r="QNW120" s="26"/>
      <c r="QNX120" s="26"/>
      <c r="QNY120" s="26"/>
      <c r="QNZ120" s="26"/>
      <c r="QOA120" s="26"/>
      <c r="QOB120" s="26"/>
      <c r="QOC120" s="26"/>
      <c r="QOD120" s="26"/>
      <c r="QOE120" s="26"/>
      <c r="QOF120" s="26"/>
      <c r="QOG120" s="26"/>
      <c r="QOH120" s="26"/>
      <c r="QOI120" s="26"/>
      <c r="QOJ120" s="26"/>
      <c r="QOK120" s="26"/>
      <c r="QOL120" s="26"/>
      <c r="QOM120" s="26"/>
      <c r="QON120" s="26"/>
      <c r="QOO120" s="26"/>
      <c r="QOP120" s="26"/>
      <c r="QOQ120" s="26"/>
      <c r="QOR120" s="26"/>
      <c r="QOS120" s="26"/>
      <c r="QOT120" s="26"/>
      <c r="QOU120" s="26"/>
      <c r="QOV120" s="26"/>
      <c r="QOW120" s="26"/>
      <c r="QOX120" s="26"/>
      <c r="QOY120" s="26"/>
      <c r="QOZ120" s="26"/>
      <c r="QPA120" s="26"/>
      <c r="QPB120" s="26"/>
      <c r="QPC120" s="26"/>
      <c r="QPD120" s="26"/>
      <c r="QPE120" s="26"/>
      <c r="QPF120" s="26"/>
      <c r="QPG120" s="26"/>
      <c r="QPH120" s="26"/>
      <c r="QPI120" s="26"/>
      <c r="QPJ120" s="26"/>
      <c r="QPK120" s="26"/>
      <c r="QPL120" s="26"/>
      <c r="QPM120" s="26"/>
      <c r="QPN120" s="26"/>
      <c r="QPO120" s="26"/>
      <c r="QPP120" s="26"/>
      <c r="QPQ120" s="26"/>
      <c r="QPR120" s="26"/>
      <c r="QPS120" s="26"/>
      <c r="QPT120" s="26"/>
      <c r="QPU120" s="26"/>
      <c r="QPV120" s="26"/>
      <c r="QPW120" s="26"/>
      <c r="QPX120" s="26"/>
      <c r="QPY120" s="26"/>
      <c r="QPZ120" s="26"/>
      <c r="QQA120" s="26"/>
      <c r="QQB120" s="26"/>
      <c r="QQC120" s="26"/>
      <c r="QQD120" s="26"/>
      <c r="QQE120" s="26"/>
      <c r="QQF120" s="26"/>
      <c r="QQG120" s="26"/>
      <c r="QQH120" s="26"/>
      <c r="QQI120" s="26"/>
      <c r="QQJ120" s="26"/>
      <c r="QQK120" s="26"/>
      <c r="QQL120" s="26"/>
      <c r="QQM120" s="26"/>
      <c r="QQN120" s="26"/>
      <c r="QQO120" s="26"/>
      <c r="QQP120" s="26"/>
      <c r="QQQ120" s="26"/>
      <c r="QQR120" s="26"/>
      <c r="QQS120" s="26"/>
      <c r="QQT120" s="26"/>
      <c r="QQU120" s="26"/>
      <c r="QQV120" s="26"/>
      <c r="QQW120" s="26"/>
      <c r="QQX120" s="26"/>
      <c r="QQY120" s="26"/>
      <c r="QQZ120" s="26"/>
      <c r="QRA120" s="26"/>
      <c r="QRB120" s="26"/>
      <c r="QRC120" s="26"/>
      <c r="QRD120" s="26"/>
      <c r="QRE120" s="26"/>
      <c r="QRF120" s="26"/>
      <c r="QRG120" s="26"/>
      <c r="QRH120" s="26"/>
      <c r="QRI120" s="26"/>
      <c r="QRJ120" s="26"/>
      <c r="QRK120" s="26"/>
      <c r="QRL120" s="26"/>
      <c r="QRM120" s="26"/>
      <c r="QRN120" s="26"/>
      <c r="QRO120" s="26"/>
      <c r="QRP120" s="26"/>
      <c r="QRQ120" s="26"/>
      <c r="QRR120" s="26"/>
      <c r="QRS120" s="26"/>
      <c r="QRT120" s="26"/>
      <c r="QRU120" s="26"/>
      <c r="QRV120" s="26"/>
      <c r="QRW120" s="26"/>
      <c r="QRX120" s="26"/>
      <c r="QRY120" s="26"/>
      <c r="QRZ120" s="26"/>
      <c r="QSA120" s="26"/>
      <c r="QSB120" s="26"/>
      <c r="QSC120" s="26"/>
      <c r="QSD120" s="26"/>
      <c r="QSE120" s="26"/>
      <c r="QSF120" s="26"/>
      <c r="QSG120" s="26"/>
      <c r="QSH120" s="26"/>
      <c r="QSI120" s="26"/>
      <c r="QSJ120" s="26"/>
      <c r="QSK120" s="26"/>
      <c r="QSL120" s="26"/>
      <c r="QSM120" s="26"/>
      <c r="QSN120" s="26"/>
      <c r="QSO120" s="26"/>
      <c r="QSP120" s="26"/>
      <c r="QSQ120" s="26"/>
      <c r="QSR120" s="26"/>
      <c r="QSS120" s="26"/>
      <c r="QST120" s="26"/>
      <c r="QSU120" s="26"/>
      <c r="QSV120" s="26"/>
      <c r="QSW120" s="26"/>
      <c r="QSX120" s="26"/>
      <c r="QSY120" s="26"/>
      <c r="QSZ120" s="26"/>
      <c r="QTA120" s="26"/>
      <c r="QTB120" s="26"/>
      <c r="QTC120" s="26"/>
      <c r="QTD120" s="26"/>
      <c r="QTE120" s="26"/>
      <c r="QTF120" s="26"/>
      <c r="QTG120" s="26"/>
      <c r="QTH120" s="26"/>
      <c r="QTI120" s="26"/>
      <c r="QTJ120" s="26"/>
      <c r="QTK120" s="26"/>
      <c r="QTL120" s="26"/>
      <c r="QTM120" s="26"/>
      <c r="QTN120" s="26"/>
      <c r="QTO120" s="26"/>
      <c r="QTP120" s="26"/>
      <c r="QTQ120" s="26"/>
      <c r="QTR120" s="26"/>
      <c r="QTS120" s="26"/>
      <c r="QTT120" s="26"/>
      <c r="QTU120" s="26"/>
      <c r="QTV120" s="26"/>
      <c r="QTW120" s="26"/>
      <c r="QTX120" s="26"/>
      <c r="QTY120" s="26"/>
      <c r="QTZ120" s="26"/>
      <c r="QUA120" s="26"/>
      <c r="QUB120" s="26"/>
      <c r="QUC120" s="26"/>
      <c r="QUD120" s="26"/>
      <c r="QUE120" s="26"/>
      <c r="QUF120" s="26"/>
      <c r="QUG120" s="26"/>
      <c r="QUH120" s="26"/>
      <c r="QUI120" s="26"/>
      <c r="QUJ120" s="26"/>
      <c r="QUK120" s="26"/>
      <c r="QUL120" s="26"/>
      <c r="QUM120" s="26"/>
      <c r="QUN120" s="26"/>
      <c r="QUO120" s="26"/>
      <c r="QUP120" s="26"/>
      <c r="QUQ120" s="26"/>
      <c r="QUR120" s="26"/>
      <c r="QUS120" s="26"/>
      <c r="QUT120" s="26"/>
      <c r="QUU120" s="26"/>
      <c r="QUV120" s="26"/>
      <c r="QUW120" s="26"/>
      <c r="QUX120" s="26"/>
      <c r="QUY120" s="26"/>
      <c r="QUZ120" s="26"/>
      <c r="QVA120" s="26"/>
      <c r="QVB120" s="26"/>
      <c r="QVC120" s="26"/>
      <c r="QVD120" s="26"/>
      <c r="QVE120" s="26"/>
      <c r="QVF120" s="26"/>
      <c r="QVG120" s="26"/>
      <c r="QVH120" s="26"/>
      <c r="QVI120" s="26"/>
      <c r="QVJ120" s="26"/>
      <c r="QVK120" s="26"/>
      <c r="QVL120" s="26"/>
      <c r="QVM120" s="26"/>
      <c r="QVN120" s="26"/>
      <c r="QVO120" s="26"/>
      <c r="QVP120" s="26"/>
      <c r="QVQ120" s="26"/>
      <c r="QVR120" s="26"/>
      <c r="QVS120" s="26"/>
      <c r="QVT120" s="26"/>
      <c r="QVU120" s="26"/>
      <c r="QVV120" s="26"/>
      <c r="QVW120" s="26"/>
      <c r="QVX120" s="26"/>
      <c r="QVY120" s="26"/>
      <c r="QVZ120" s="26"/>
      <c r="QWA120" s="26"/>
      <c r="QWB120" s="26"/>
      <c r="QWC120" s="26"/>
      <c r="QWD120" s="26"/>
      <c r="QWE120" s="26"/>
      <c r="QWF120" s="26"/>
      <c r="QWG120" s="26"/>
      <c r="QWH120" s="26"/>
      <c r="QWI120" s="26"/>
      <c r="QWJ120" s="26"/>
      <c r="QWK120" s="26"/>
      <c r="QWL120" s="26"/>
      <c r="QWM120" s="26"/>
      <c r="QWN120" s="26"/>
      <c r="QWO120" s="26"/>
      <c r="QWP120" s="26"/>
      <c r="QWQ120" s="26"/>
      <c r="QWR120" s="26"/>
      <c r="QWS120" s="26"/>
      <c r="QWT120" s="26"/>
      <c r="QWU120" s="26"/>
      <c r="QWV120" s="26"/>
      <c r="QWW120" s="26"/>
      <c r="QWX120" s="26"/>
      <c r="QWY120" s="26"/>
      <c r="QWZ120" s="26"/>
      <c r="QXA120" s="26"/>
      <c r="QXB120" s="26"/>
      <c r="QXC120" s="26"/>
      <c r="QXD120" s="26"/>
      <c r="QXE120" s="26"/>
      <c r="QXF120" s="26"/>
      <c r="QXG120" s="26"/>
      <c r="QXH120" s="26"/>
      <c r="QXI120" s="26"/>
      <c r="QXJ120" s="26"/>
      <c r="QXK120" s="26"/>
      <c r="QXL120" s="26"/>
      <c r="QXM120" s="26"/>
      <c r="QXN120" s="26"/>
      <c r="QXO120" s="26"/>
      <c r="QXP120" s="26"/>
      <c r="QXQ120" s="26"/>
      <c r="QXR120" s="26"/>
      <c r="QXS120" s="26"/>
      <c r="QXT120" s="26"/>
      <c r="QXU120" s="26"/>
      <c r="QXV120" s="26"/>
      <c r="QXW120" s="26"/>
      <c r="QXX120" s="26"/>
      <c r="QXY120" s="26"/>
      <c r="QXZ120" s="26"/>
      <c r="QYA120" s="26"/>
      <c r="QYB120" s="26"/>
      <c r="QYC120" s="26"/>
      <c r="QYD120" s="26"/>
      <c r="QYE120" s="26"/>
      <c r="QYF120" s="26"/>
      <c r="QYG120" s="26"/>
      <c r="QYH120" s="26"/>
      <c r="QYI120" s="26"/>
      <c r="QYJ120" s="26"/>
      <c r="QYK120" s="26"/>
      <c r="QYL120" s="26"/>
      <c r="QYM120" s="26"/>
      <c r="QYN120" s="26"/>
      <c r="QYO120" s="26"/>
      <c r="QYP120" s="26"/>
      <c r="QYQ120" s="26"/>
      <c r="QYR120" s="26"/>
      <c r="QYS120" s="26"/>
      <c r="QYT120" s="26"/>
      <c r="QYU120" s="26"/>
      <c r="QYV120" s="26"/>
      <c r="QYW120" s="26"/>
      <c r="QYX120" s="26"/>
      <c r="QYY120" s="26"/>
      <c r="QYZ120" s="26"/>
      <c r="QZA120" s="26"/>
      <c r="QZB120" s="26"/>
      <c r="QZC120" s="26"/>
      <c r="QZD120" s="26"/>
      <c r="QZE120" s="26"/>
      <c r="QZF120" s="26"/>
      <c r="QZG120" s="26"/>
      <c r="QZH120" s="26"/>
      <c r="QZI120" s="26"/>
      <c r="QZJ120" s="26"/>
      <c r="QZK120" s="26"/>
      <c r="QZL120" s="26"/>
      <c r="QZM120" s="26"/>
      <c r="QZN120" s="26"/>
      <c r="QZO120" s="26"/>
      <c r="QZP120" s="26"/>
      <c r="QZQ120" s="26"/>
      <c r="QZR120" s="26"/>
      <c r="QZS120" s="26"/>
      <c r="QZT120" s="26"/>
      <c r="QZU120" s="26"/>
      <c r="QZV120" s="26"/>
      <c r="QZW120" s="26"/>
      <c r="QZX120" s="26"/>
      <c r="QZY120" s="26"/>
      <c r="QZZ120" s="26"/>
      <c r="RAA120" s="26"/>
      <c r="RAB120" s="26"/>
      <c r="RAC120" s="26"/>
      <c r="RAD120" s="26"/>
      <c r="RAE120" s="26"/>
      <c r="RAF120" s="26"/>
      <c r="RAG120" s="26"/>
      <c r="RAH120" s="26"/>
      <c r="RAI120" s="26"/>
      <c r="RAJ120" s="26"/>
      <c r="RAK120" s="26"/>
      <c r="RAL120" s="26"/>
      <c r="RAM120" s="26"/>
      <c r="RAN120" s="26"/>
      <c r="RAO120" s="26"/>
      <c r="RAP120" s="26"/>
      <c r="RAQ120" s="26"/>
      <c r="RAR120" s="26"/>
      <c r="RAS120" s="26"/>
      <c r="RAT120" s="26"/>
      <c r="RAU120" s="26"/>
      <c r="RAV120" s="26"/>
      <c r="RAW120" s="26"/>
      <c r="RAX120" s="26"/>
      <c r="RAY120" s="26"/>
      <c r="RAZ120" s="26"/>
      <c r="RBA120" s="26"/>
      <c r="RBB120" s="26"/>
      <c r="RBC120" s="26"/>
      <c r="RBD120" s="26"/>
      <c r="RBE120" s="26"/>
      <c r="RBF120" s="26"/>
      <c r="RBG120" s="26"/>
      <c r="RBH120" s="26"/>
      <c r="RBI120" s="26"/>
      <c r="RBJ120" s="26"/>
      <c r="RBK120" s="26"/>
      <c r="RBL120" s="26"/>
      <c r="RBM120" s="26"/>
      <c r="RBN120" s="26"/>
      <c r="RBO120" s="26"/>
      <c r="RBP120" s="26"/>
      <c r="RBQ120" s="26"/>
      <c r="RBR120" s="26"/>
      <c r="RBS120" s="26"/>
      <c r="RBT120" s="26"/>
      <c r="RBU120" s="26"/>
      <c r="RBV120" s="26"/>
      <c r="RBW120" s="26"/>
      <c r="RBX120" s="26"/>
      <c r="RBY120" s="26"/>
      <c r="RBZ120" s="26"/>
      <c r="RCA120" s="26"/>
      <c r="RCB120" s="26"/>
      <c r="RCC120" s="26"/>
      <c r="RCD120" s="26"/>
      <c r="RCE120" s="26"/>
      <c r="RCF120" s="26"/>
      <c r="RCG120" s="26"/>
      <c r="RCH120" s="26"/>
      <c r="RCI120" s="26"/>
      <c r="RCJ120" s="26"/>
      <c r="RCK120" s="26"/>
      <c r="RCL120" s="26"/>
      <c r="RCM120" s="26"/>
      <c r="RCN120" s="26"/>
      <c r="RCO120" s="26"/>
      <c r="RCP120" s="26"/>
      <c r="RCQ120" s="26"/>
      <c r="RCR120" s="26"/>
      <c r="RCS120" s="26"/>
      <c r="RCT120" s="26"/>
      <c r="RCU120" s="26"/>
      <c r="RCV120" s="26"/>
      <c r="RCW120" s="26"/>
      <c r="RCX120" s="26"/>
      <c r="RCY120" s="26"/>
      <c r="RCZ120" s="26"/>
      <c r="RDA120" s="26"/>
      <c r="RDB120" s="26"/>
      <c r="RDC120" s="26"/>
      <c r="RDD120" s="26"/>
      <c r="RDE120" s="26"/>
      <c r="RDF120" s="26"/>
      <c r="RDG120" s="26"/>
      <c r="RDH120" s="26"/>
      <c r="RDI120" s="26"/>
      <c r="RDJ120" s="26"/>
      <c r="RDK120" s="26"/>
      <c r="RDL120" s="26"/>
      <c r="RDM120" s="26"/>
      <c r="RDN120" s="26"/>
      <c r="RDO120" s="26"/>
      <c r="RDP120" s="26"/>
      <c r="RDQ120" s="26"/>
      <c r="RDR120" s="26"/>
      <c r="RDS120" s="26"/>
      <c r="RDT120" s="26"/>
      <c r="RDU120" s="26"/>
      <c r="RDV120" s="26"/>
      <c r="RDW120" s="26"/>
      <c r="RDX120" s="26"/>
      <c r="RDY120" s="26"/>
      <c r="RDZ120" s="26"/>
      <c r="REA120" s="26"/>
      <c r="REB120" s="26"/>
      <c r="REC120" s="26"/>
      <c r="RED120" s="26"/>
      <c r="REE120" s="26"/>
      <c r="REF120" s="26"/>
      <c r="REG120" s="26"/>
      <c r="REH120" s="26"/>
      <c r="REI120" s="26"/>
      <c r="REJ120" s="26"/>
      <c r="REK120" s="26"/>
      <c r="REL120" s="26"/>
      <c r="REM120" s="26"/>
      <c r="REN120" s="26"/>
      <c r="REO120" s="26"/>
      <c r="REP120" s="26"/>
      <c r="REQ120" s="26"/>
      <c r="RER120" s="26"/>
      <c r="RES120" s="26"/>
      <c r="RET120" s="26"/>
      <c r="REU120" s="26"/>
      <c r="REV120" s="26"/>
      <c r="REW120" s="26"/>
      <c r="REX120" s="26"/>
      <c r="REY120" s="26"/>
      <c r="REZ120" s="26"/>
      <c r="RFA120" s="26"/>
      <c r="RFB120" s="26"/>
      <c r="RFC120" s="26"/>
      <c r="RFD120" s="26"/>
      <c r="RFE120" s="26"/>
      <c r="RFF120" s="26"/>
      <c r="RFG120" s="26"/>
      <c r="RFH120" s="26"/>
      <c r="RFI120" s="26"/>
      <c r="RFJ120" s="26"/>
      <c r="RFK120" s="26"/>
      <c r="RFL120" s="26"/>
      <c r="RFM120" s="26"/>
      <c r="RFN120" s="26"/>
      <c r="RFO120" s="26"/>
      <c r="RFP120" s="26"/>
      <c r="RFQ120" s="26"/>
      <c r="RFR120" s="26"/>
      <c r="RFS120" s="26"/>
      <c r="RFT120" s="26"/>
      <c r="RFU120" s="26"/>
      <c r="RFV120" s="26"/>
      <c r="RFW120" s="26"/>
      <c r="RFX120" s="26"/>
      <c r="RFY120" s="26"/>
      <c r="RFZ120" s="26"/>
      <c r="RGA120" s="26"/>
      <c r="RGB120" s="26"/>
      <c r="RGC120" s="26"/>
      <c r="RGD120" s="26"/>
      <c r="RGE120" s="26"/>
      <c r="RGF120" s="26"/>
      <c r="RGG120" s="26"/>
      <c r="RGH120" s="26"/>
      <c r="RGI120" s="26"/>
      <c r="RGJ120" s="26"/>
      <c r="RGK120" s="26"/>
      <c r="RGL120" s="26"/>
      <c r="RGM120" s="26"/>
      <c r="RGN120" s="26"/>
      <c r="RGO120" s="26"/>
      <c r="RGP120" s="26"/>
      <c r="RGQ120" s="26"/>
      <c r="RGR120" s="26"/>
      <c r="RGS120" s="26"/>
      <c r="RGT120" s="26"/>
      <c r="RGU120" s="26"/>
      <c r="RGV120" s="26"/>
      <c r="RGW120" s="26"/>
      <c r="RGX120" s="26"/>
      <c r="RGY120" s="26"/>
      <c r="RGZ120" s="26"/>
      <c r="RHA120" s="26"/>
      <c r="RHB120" s="26"/>
      <c r="RHC120" s="26"/>
      <c r="RHD120" s="26"/>
      <c r="RHE120" s="26"/>
      <c r="RHF120" s="26"/>
      <c r="RHG120" s="26"/>
      <c r="RHH120" s="26"/>
      <c r="RHI120" s="26"/>
      <c r="RHJ120" s="26"/>
      <c r="RHK120" s="26"/>
      <c r="RHL120" s="26"/>
      <c r="RHM120" s="26"/>
      <c r="RHN120" s="26"/>
      <c r="RHO120" s="26"/>
      <c r="RHP120" s="26"/>
      <c r="RHQ120" s="26"/>
      <c r="RHR120" s="26"/>
      <c r="RHS120" s="26"/>
      <c r="RHT120" s="26"/>
      <c r="RHU120" s="26"/>
      <c r="RHV120" s="26"/>
      <c r="RHW120" s="26"/>
      <c r="RHX120" s="26"/>
      <c r="RHY120" s="26"/>
      <c r="RHZ120" s="26"/>
      <c r="RIA120" s="26"/>
      <c r="RIB120" s="26"/>
      <c r="RIC120" s="26"/>
      <c r="RID120" s="26"/>
      <c r="RIE120" s="26"/>
      <c r="RIF120" s="26"/>
      <c r="RIG120" s="26"/>
      <c r="RIH120" s="26"/>
      <c r="RII120" s="26"/>
      <c r="RIJ120" s="26"/>
      <c r="RIK120" s="26"/>
      <c r="RIL120" s="26"/>
      <c r="RIM120" s="26"/>
      <c r="RIN120" s="26"/>
      <c r="RIO120" s="26"/>
      <c r="RIP120" s="26"/>
      <c r="RIQ120" s="26"/>
      <c r="RIR120" s="26"/>
      <c r="RIS120" s="26"/>
      <c r="RIT120" s="26"/>
      <c r="RIU120" s="26"/>
      <c r="RIV120" s="26"/>
      <c r="RIW120" s="26"/>
      <c r="RIX120" s="26"/>
      <c r="RIY120" s="26"/>
      <c r="RIZ120" s="26"/>
      <c r="RJA120" s="26"/>
      <c r="RJB120" s="26"/>
      <c r="RJC120" s="26"/>
      <c r="RJD120" s="26"/>
      <c r="RJE120" s="26"/>
      <c r="RJF120" s="26"/>
      <c r="RJG120" s="26"/>
      <c r="RJH120" s="26"/>
      <c r="RJI120" s="26"/>
      <c r="RJJ120" s="26"/>
      <c r="RJK120" s="26"/>
      <c r="RJL120" s="26"/>
      <c r="RJM120" s="26"/>
      <c r="RJN120" s="26"/>
      <c r="RJO120" s="26"/>
      <c r="RJP120" s="26"/>
      <c r="RJQ120" s="26"/>
      <c r="RJR120" s="26"/>
      <c r="RJS120" s="26"/>
      <c r="RJT120" s="26"/>
      <c r="RJU120" s="26"/>
      <c r="RJV120" s="26"/>
      <c r="RJW120" s="26"/>
      <c r="RJX120" s="26"/>
      <c r="RJY120" s="26"/>
      <c r="RJZ120" s="26"/>
      <c r="RKA120" s="26"/>
      <c r="RKB120" s="26"/>
      <c r="RKC120" s="26"/>
      <c r="RKD120" s="26"/>
      <c r="RKE120" s="26"/>
      <c r="RKF120" s="26"/>
      <c r="RKG120" s="26"/>
      <c r="RKH120" s="26"/>
      <c r="RKI120" s="26"/>
      <c r="RKJ120" s="26"/>
      <c r="RKK120" s="26"/>
      <c r="RKL120" s="26"/>
      <c r="RKM120" s="26"/>
      <c r="RKN120" s="26"/>
      <c r="RKO120" s="26"/>
      <c r="RKP120" s="26"/>
      <c r="RKQ120" s="26"/>
      <c r="RKR120" s="26"/>
      <c r="RKS120" s="26"/>
      <c r="RKT120" s="26"/>
      <c r="RKU120" s="26"/>
      <c r="RKV120" s="26"/>
      <c r="RKW120" s="26"/>
      <c r="RKX120" s="26"/>
      <c r="RKY120" s="26"/>
      <c r="RKZ120" s="26"/>
      <c r="RLA120" s="26"/>
      <c r="RLB120" s="26"/>
      <c r="RLC120" s="26"/>
      <c r="RLD120" s="26"/>
      <c r="RLE120" s="26"/>
      <c r="RLF120" s="26"/>
      <c r="RLG120" s="26"/>
      <c r="RLH120" s="26"/>
      <c r="RLI120" s="26"/>
      <c r="RLJ120" s="26"/>
      <c r="RLK120" s="26"/>
      <c r="RLL120" s="26"/>
      <c r="RLM120" s="26"/>
      <c r="RLN120" s="26"/>
      <c r="RLO120" s="26"/>
      <c r="RLP120" s="26"/>
      <c r="RLQ120" s="26"/>
      <c r="RLR120" s="26"/>
      <c r="RLS120" s="26"/>
      <c r="RLT120" s="26"/>
      <c r="RLU120" s="26"/>
      <c r="RLV120" s="26"/>
      <c r="RLW120" s="26"/>
      <c r="RLX120" s="26"/>
      <c r="RLY120" s="26"/>
      <c r="RLZ120" s="26"/>
      <c r="RMA120" s="26"/>
      <c r="RMB120" s="26"/>
      <c r="RMC120" s="26"/>
      <c r="RMD120" s="26"/>
      <c r="RME120" s="26"/>
      <c r="RMF120" s="26"/>
      <c r="RMG120" s="26"/>
      <c r="RMH120" s="26"/>
      <c r="RMI120" s="26"/>
      <c r="RMJ120" s="26"/>
      <c r="RMK120" s="26"/>
      <c r="RML120" s="26"/>
      <c r="RMM120" s="26"/>
      <c r="RMN120" s="26"/>
      <c r="RMO120" s="26"/>
      <c r="RMP120" s="26"/>
      <c r="RMQ120" s="26"/>
      <c r="RMR120" s="26"/>
      <c r="RMS120" s="26"/>
      <c r="RMT120" s="26"/>
      <c r="RMU120" s="26"/>
      <c r="RMV120" s="26"/>
      <c r="RMW120" s="26"/>
      <c r="RMX120" s="26"/>
      <c r="RMY120" s="26"/>
      <c r="RMZ120" s="26"/>
      <c r="RNA120" s="26"/>
      <c r="RNB120" s="26"/>
      <c r="RNC120" s="26"/>
      <c r="RND120" s="26"/>
      <c r="RNE120" s="26"/>
      <c r="RNF120" s="26"/>
      <c r="RNG120" s="26"/>
      <c r="RNH120" s="26"/>
      <c r="RNI120" s="26"/>
      <c r="RNJ120" s="26"/>
      <c r="RNK120" s="26"/>
      <c r="RNL120" s="26"/>
      <c r="RNM120" s="26"/>
      <c r="RNN120" s="26"/>
      <c r="RNO120" s="26"/>
      <c r="RNP120" s="26"/>
      <c r="RNQ120" s="26"/>
      <c r="RNR120" s="26"/>
      <c r="RNS120" s="26"/>
      <c r="RNT120" s="26"/>
      <c r="RNU120" s="26"/>
      <c r="RNV120" s="26"/>
      <c r="RNW120" s="26"/>
      <c r="RNX120" s="26"/>
      <c r="RNY120" s="26"/>
      <c r="RNZ120" s="26"/>
      <c r="ROA120" s="26"/>
      <c r="ROB120" s="26"/>
      <c r="ROC120" s="26"/>
      <c r="ROD120" s="26"/>
      <c r="ROE120" s="26"/>
      <c r="ROF120" s="26"/>
      <c r="ROG120" s="26"/>
      <c r="ROH120" s="26"/>
      <c r="ROI120" s="26"/>
      <c r="ROJ120" s="26"/>
      <c r="ROK120" s="26"/>
      <c r="ROL120" s="26"/>
      <c r="ROM120" s="26"/>
      <c r="RON120" s="26"/>
      <c r="ROO120" s="26"/>
      <c r="ROP120" s="26"/>
      <c r="ROQ120" s="26"/>
      <c r="ROR120" s="26"/>
      <c r="ROS120" s="26"/>
      <c r="ROT120" s="26"/>
      <c r="ROU120" s="26"/>
      <c r="ROV120" s="26"/>
      <c r="ROW120" s="26"/>
      <c r="ROX120" s="26"/>
      <c r="ROY120" s="26"/>
      <c r="ROZ120" s="26"/>
      <c r="RPA120" s="26"/>
      <c r="RPB120" s="26"/>
      <c r="RPC120" s="26"/>
      <c r="RPD120" s="26"/>
      <c r="RPE120" s="26"/>
      <c r="RPF120" s="26"/>
      <c r="RPG120" s="26"/>
      <c r="RPH120" s="26"/>
      <c r="RPI120" s="26"/>
      <c r="RPJ120" s="26"/>
      <c r="RPK120" s="26"/>
      <c r="RPL120" s="26"/>
      <c r="RPM120" s="26"/>
      <c r="RPN120" s="26"/>
      <c r="RPO120" s="26"/>
      <c r="RPP120" s="26"/>
      <c r="RPQ120" s="26"/>
      <c r="RPR120" s="26"/>
      <c r="RPS120" s="26"/>
      <c r="RPT120" s="26"/>
      <c r="RPU120" s="26"/>
      <c r="RPV120" s="26"/>
      <c r="RPW120" s="26"/>
      <c r="RPX120" s="26"/>
      <c r="RPY120" s="26"/>
      <c r="RPZ120" s="26"/>
      <c r="RQA120" s="26"/>
      <c r="RQB120" s="26"/>
      <c r="RQC120" s="26"/>
      <c r="RQD120" s="26"/>
      <c r="RQE120" s="26"/>
      <c r="RQF120" s="26"/>
      <c r="RQG120" s="26"/>
      <c r="RQH120" s="26"/>
      <c r="RQI120" s="26"/>
      <c r="RQJ120" s="26"/>
      <c r="RQK120" s="26"/>
      <c r="RQL120" s="26"/>
      <c r="RQM120" s="26"/>
      <c r="RQN120" s="26"/>
      <c r="RQO120" s="26"/>
      <c r="RQP120" s="26"/>
      <c r="RQQ120" s="26"/>
      <c r="RQR120" s="26"/>
      <c r="RQS120" s="26"/>
      <c r="RQT120" s="26"/>
      <c r="RQU120" s="26"/>
      <c r="RQV120" s="26"/>
      <c r="RQW120" s="26"/>
      <c r="RQX120" s="26"/>
      <c r="RQY120" s="26"/>
      <c r="RQZ120" s="26"/>
      <c r="RRA120" s="26"/>
      <c r="RRB120" s="26"/>
      <c r="RRC120" s="26"/>
      <c r="RRD120" s="26"/>
      <c r="RRE120" s="26"/>
      <c r="RRF120" s="26"/>
      <c r="RRG120" s="26"/>
      <c r="RRH120" s="26"/>
      <c r="RRI120" s="26"/>
      <c r="RRJ120" s="26"/>
      <c r="RRK120" s="26"/>
      <c r="RRL120" s="26"/>
      <c r="RRM120" s="26"/>
      <c r="RRN120" s="26"/>
      <c r="RRO120" s="26"/>
      <c r="RRP120" s="26"/>
      <c r="RRQ120" s="26"/>
      <c r="RRR120" s="26"/>
      <c r="RRS120" s="26"/>
      <c r="RRT120" s="26"/>
      <c r="RRU120" s="26"/>
      <c r="RRV120" s="26"/>
      <c r="RRW120" s="26"/>
      <c r="RRX120" s="26"/>
      <c r="RRY120" s="26"/>
      <c r="RRZ120" s="26"/>
      <c r="RSA120" s="26"/>
      <c r="RSB120" s="26"/>
      <c r="RSC120" s="26"/>
      <c r="RSD120" s="26"/>
      <c r="RSE120" s="26"/>
      <c r="RSF120" s="26"/>
      <c r="RSG120" s="26"/>
      <c r="RSH120" s="26"/>
      <c r="RSI120" s="26"/>
      <c r="RSJ120" s="26"/>
      <c r="RSK120" s="26"/>
      <c r="RSL120" s="26"/>
      <c r="RSM120" s="26"/>
      <c r="RSN120" s="26"/>
      <c r="RSO120" s="26"/>
      <c r="RSP120" s="26"/>
      <c r="RSQ120" s="26"/>
      <c r="RSR120" s="26"/>
      <c r="RSS120" s="26"/>
      <c r="RST120" s="26"/>
      <c r="RSU120" s="26"/>
      <c r="RSV120" s="26"/>
      <c r="RSW120" s="26"/>
      <c r="RSX120" s="26"/>
      <c r="RSY120" s="26"/>
      <c r="RSZ120" s="26"/>
      <c r="RTA120" s="26"/>
      <c r="RTB120" s="26"/>
      <c r="RTC120" s="26"/>
      <c r="RTD120" s="26"/>
      <c r="RTE120" s="26"/>
      <c r="RTF120" s="26"/>
      <c r="RTG120" s="26"/>
      <c r="RTH120" s="26"/>
      <c r="RTI120" s="26"/>
      <c r="RTJ120" s="26"/>
      <c r="RTK120" s="26"/>
      <c r="RTL120" s="26"/>
      <c r="RTM120" s="26"/>
      <c r="RTN120" s="26"/>
      <c r="RTO120" s="26"/>
      <c r="RTP120" s="26"/>
      <c r="RTQ120" s="26"/>
      <c r="RTR120" s="26"/>
      <c r="RTS120" s="26"/>
      <c r="RTT120" s="26"/>
      <c r="RTU120" s="26"/>
      <c r="RTV120" s="26"/>
      <c r="RTW120" s="26"/>
      <c r="RTX120" s="26"/>
      <c r="RTY120" s="26"/>
      <c r="RTZ120" s="26"/>
      <c r="RUA120" s="26"/>
      <c r="RUB120" s="26"/>
      <c r="RUC120" s="26"/>
      <c r="RUD120" s="26"/>
      <c r="RUE120" s="26"/>
      <c r="RUF120" s="26"/>
      <c r="RUG120" s="26"/>
      <c r="RUH120" s="26"/>
      <c r="RUI120" s="26"/>
      <c r="RUJ120" s="26"/>
      <c r="RUK120" s="26"/>
      <c r="RUL120" s="26"/>
      <c r="RUM120" s="26"/>
      <c r="RUN120" s="26"/>
      <c r="RUO120" s="26"/>
      <c r="RUP120" s="26"/>
      <c r="RUQ120" s="26"/>
      <c r="RUR120" s="26"/>
      <c r="RUS120" s="26"/>
      <c r="RUT120" s="26"/>
      <c r="RUU120" s="26"/>
      <c r="RUV120" s="26"/>
      <c r="RUW120" s="26"/>
      <c r="RUX120" s="26"/>
      <c r="RUY120" s="26"/>
      <c r="RUZ120" s="26"/>
      <c r="RVA120" s="26"/>
      <c r="RVB120" s="26"/>
      <c r="RVC120" s="26"/>
      <c r="RVD120" s="26"/>
      <c r="RVE120" s="26"/>
      <c r="RVF120" s="26"/>
      <c r="RVG120" s="26"/>
      <c r="RVH120" s="26"/>
      <c r="RVI120" s="26"/>
      <c r="RVJ120" s="26"/>
      <c r="RVK120" s="26"/>
      <c r="RVL120" s="26"/>
      <c r="RVM120" s="26"/>
      <c r="RVN120" s="26"/>
      <c r="RVO120" s="26"/>
      <c r="RVP120" s="26"/>
      <c r="RVQ120" s="26"/>
      <c r="RVR120" s="26"/>
      <c r="RVS120" s="26"/>
      <c r="RVT120" s="26"/>
      <c r="RVU120" s="26"/>
      <c r="RVV120" s="26"/>
      <c r="RVW120" s="26"/>
      <c r="RVX120" s="26"/>
      <c r="RVY120" s="26"/>
      <c r="RVZ120" s="26"/>
      <c r="RWA120" s="26"/>
      <c r="RWB120" s="26"/>
      <c r="RWC120" s="26"/>
      <c r="RWD120" s="26"/>
      <c r="RWE120" s="26"/>
      <c r="RWF120" s="26"/>
      <c r="RWG120" s="26"/>
      <c r="RWH120" s="26"/>
      <c r="RWI120" s="26"/>
      <c r="RWJ120" s="26"/>
      <c r="RWK120" s="26"/>
      <c r="RWL120" s="26"/>
      <c r="RWM120" s="26"/>
      <c r="RWN120" s="26"/>
      <c r="RWO120" s="26"/>
      <c r="RWP120" s="26"/>
      <c r="RWQ120" s="26"/>
      <c r="RWR120" s="26"/>
      <c r="RWS120" s="26"/>
      <c r="RWT120" s="26"/>
      <c r="RWU120" s="26"/>
      <c r="RWV120" s="26"/>
      <c r="RWW120" s="26"/>
      <c r="RWX120" s="26"/>
      <c r="RWY120" s="26"/>
      <c r="RWZ120" s="26"/>
      <c r="RXA120" s="26"/>
      <c r="RXB120" s="26"/>
      <c r="RXC120" s="26"/>
      <c r="RXD120" s="26"/>
      <c r="RXE120" s="26"/>
      <c r="RXF120" s="26"/>
      <c r="RXG120" s="26"/>
      <c r="RXH120" s="26"/>
      <c r="RXI120" s="26"/>
      <c r="RXJ120" s="26"/>
      <c r="RXK120" s="26"/>
      <c r="RXL120" s="26"/>
      <c r="RXM120" s="26"/>
      <c r="RXN120" s="26"/>
      <c r="RXO120" s="26"/>
      <c r="RXP120" s="26"/>
      <c r="RXQ120" s="26"/>
      <c r="RXR120" s="26"/>
      <c r="RXS120" s="26"/>
      <c r="RXT120" s="26"/>
      <c r="RXU120" s="26"/>
      <c r="RXV120" s="26"/>
      <c r="RXW120" s="26"/>
      <c r="RXX120" s="26"/>
      <c r="RXY120" s="26"/>
      <c r="RXZ120" s="26"/>
      <c r="RYA120" s="26"/>
      <c r="RYB120" s="26"/>
      <c r="RYC120" s="26"/>
      <c r="RYD120" s="26"/>
      <c r="RYE120" s="26"/>
      <c r="RYF120" s="26"/>
      <c r="RYG120" s="26"/>
      <c r="RYH120" s="26"/>
      <c r="RYI120" s="26"/>
      <c r="RYJ120" s="26"/>
      <c r="RYK120" s="26"/>
      <c r="RYL120" s="26"/>
      <c r="RYM120" s="26"/>
      <c r="RYN120" s="26"/>
      <c r="RYO120" s="26"/>
      <c r="RYP120" s="26"/>
      <c r="RYQ120" s="26"/>
      <c r="RYR120" s="26"/>
      <c r="RYS120" s="26"/>
      <c r="RYT120" s="26"/>
      <c r="RYU120" s="26"/>
      <c r="RYV120" s="26"/>
      <c r="RYW120" s="26"/>
      <c r="RYX120" s="26"/>
      <c r="RYY120" s="26"/>
      <c r="RYZ120" s="26"/>
      <c r="RZA120" s="26"/>
      <c r="RZB120" s="26"/>
      <c r="RZC120" s="26"/>
      <c r="RZD120" s="26"/>
      <c r="RZE120" s="26"/>
      <c r="RZF120" s="26"/>
      <c r="RZG120" s="26"/>
      <c r="RZH120" s="26"/>
      <c r="RZI120" s="26"/>
      <c r="RZJ120" s="26"/>
      <c r="RZK120" s="26"/>
      <c r="RZL120" s="26"/>
      <c r="RZM120" s="26"/>
      <c r="RZN120" s="26"/>
      <c r="RZO120" s="26"/>
      <c r="RZP120" s="26"/>
      <c r="RZQ120" s="26"/>
      <c r="RZR120" s="26"/>
      <c r="RZS120" s="26"/>
      <c r="RZT120" s="26"/>
      <c r="RZU120" s="26"/>
      <c r="RZV120" s="26"/>
      <c r="RZW120" s="26"/>
      <c r="RZX120" s="26"/>
      <c r="RZY120" s="26"/>
      <c r="RZZ120" s="26"/>
      <c r="SAA120" s="26"/>
      <c r="SAB120" s="26"/>
      <c r="SAC120" s="26"/>
      <c r="SAD120" s="26"/>
      <c r="SAE120" s="26"/>
      <c r="SAF120" s="26"/>
      <c r="SAG120" s="26"/>
      <c r="SAH120" s="26"/>
      <c r="SAI120" s="26"/>
      <c r="SAJ120" s="26"/>
      <c r="SAK120" s="26"/>
      <c r="SAL120" s="26"/>
      <c r="SAM120" s="26"/>
      <c r="SAN120" s="26"/>
      <c r="SAO120" s="26"/>
      <c r="SAP120" s="26"/>
      <c r="SAQ120" s="26"/>
      <c r="SAR120" s="26"/>
      <c r="SAS120" s="26"/>
      <c r="SAT120" s="26"/>
      <c r="SAU120" s="26"/>
      <c r="SAV120" s="26"/>
      <c r="SAW120" s="26"/>
      <c r="SAX120" s="26"/>
      <c r="SAY120" s="26"/>
      <c r="SAZ120" s="26"/>
      <c r="SBA120" s="26"/>
      <c r="SBB120" s="26"/>
      <c r="SBC120" s="26"/>
      <c r="SBD120" s="26"/>
      <c r="SBE120" s="26"/>
      <c r="SBF120" s="26"/>
      <c r="SBG120" s="26"/>
      <c r="SBH120" s="26"/>
      <c r="SBI120" s="26"/>
      <c r="SBJ120" s="26"/>
      <c r="SBK120" s="26"/>
      <c r="SBL120" s="26"/>
      <c r="SBM120" s="26"/>
      <c r="SBN120" s="26"/>
      <c r="SBO120" s="26"/>
      <c r="SBP120" s="26"/>
      <c r="SBQ120" s="26"/>
      <c r="SBR120" s="26"/>
      <c r="SBS120" s="26"/>
      <c r="SBT120" s="26"/>
      <c r="SBU120" s="26"/>
      <c r="SBV120" s="26"/>
      <c r="SBW120" s="26"/>
      <c r="SBX120" s="26"/>
      <c r="SBY120" s="26"/>
      <c r="SBZ120" s="26"/>
      <c r="SCA120" s="26"/>
      <c r="SCB120" s="26"/>
      <c r="SCC120" s="26"/>
      <c r="SCD120" s="26"/>
      <c r="SCE120" s="26"/>
      <c r="SCF120" s="26"/>
      <c r="SCG120" s="26"/>
      <c r="SCH120" s="26"/>
      <c r="SCI120" s="26"/>
      <c r="SCJ120" s="26"/>
      <c r="SCK120" s="26"/>
      <c r="SCL120" s="26"/>
      <c r="SCM120" s="26"/>
      <c r="SCN120" s="26"/>
      <c r="SCO120" s="26"/>
      <c r="SCP120" s="26"/>
      <c r="SCQ120" s="26"/>
      <c r="SCR120" s="26"/>
      <c r="SCS120" s="26"/>
      <c r="SCT120" s="26"/>
      <c r="SCU120" s="26"/>
      <c r="SCV120" s="26"/>
      <c r="SCW120" s="26"/>
      <c r="SCX120" s="26"/>
      <c r="SCY120" s="26"/>
      <c r="SCZ120" s="26"/>
      <c r="SDA120" s="26"/>
      <c r="SDB120" s="26"/>
      <c r="SDC120" s="26"/>
      <c r="SDD120" s="26"/>
      <c r="SDE120" s="26"/>
      <c r="SDF120" s="26"/>
      <c r="SDG120" s="26"/>
      <c r="SDH120" s="26"/>
      <c r="SDI120" s="26"/>
      <c r="SDJ120" s="26"/>
      <c r="SDK120" s="26"/>
      <c r="SDL120" s="26"/>
      <c r="SDM120" s="26"/>
      <c r="SDN120" s="26"/>
      <c r="SDO120" s="26"/>
      <c r="SDP120" s="26"/>
      <c r="SDQ120" s="26"/>
      <c r="SDR120" s="26"/>
      <c r="SDS120" s="26"/>
      <c r="SDT120" s="26"/>
      <c r="SDU120" s="26"/>
      <c r="SDV120" s="26"/>
      <c r="SDW120" s="26"/>
      <c r="SDX120" s="26"/>
      <c r="SDY120" s="26"/>
      <c r="SDZ120" s="26"/>
      <c r="SEA120" s="26"/>
      <c r="SEB120" s="26"/>
      <c r="SEC120" s="26"/>
      <c r="SED120" s="26"/>
      <c r="SEE120" s="26"/>
      <c r="SEF120" s="26"/>
      <c r="SEG120" s="26"/>
      <c r="SEH120" s="26"/>
      <c r="SEI120" s="26"/>
      <c r="SEJ120" s="26"/>
      <c r="SEK120" s="26"/>
      <c r="SEL120" s="26"/>
      <c r="SEM120" s="26"/>
      <c r="SEN120" s="26"/>
      <c r="SEO120" s="26"/>
      <c r="SEP120" s="26"/>
      <c r="SEQ120" s="26"/>
      <c r="SER120" s="26"/>
      <c r="SES120" s="26"/>
      <c r="SET120" s="26"/>
      <c r="SEU120" s="26"/>
      <c r="SEV120" s="26"/>
      <c r="SEW120" s="26"/>
      <c r="SEX120" s="26"/>
      <c r="SEY120" s="26"/>
      <c r="SEZ120" s="26"/>
      <c r="SFA120" s="26"/>
      <c r="SFB120" s="26"/>
      <c r="SFC120" s="26"/>
      <c r="SFD120" s="26"/>
      <c r="SFE120" s="26"/>
      <c r="SFF120" s="26"/>
      <c r="SFG120" s="26"/>
      <c r="SFH120" s="26"/>
      <c r="SFI120" s="26"/>
      <c r="SFJ120" s="26"/>
      <c r="SFK120" s="26"/>
      <c r="SFL120" s="26"/>
      <c r="SFM120" s="26"/>
      <c r="SFN120" s="26"/>
      <c r="SFO120" s="26"/>
      <c r="SFP120" s="26"/>
      <c r="SFQ120" s="26"/>
      <c r="SFR120" s="26"/>
      <c r="SFS120" s="26"/>
      <c r="SFT120" s="26"/>
      <c r="SFU120" s="26"/>
      <c r="SFV120" s="26"/>
      <c r="SFW120" s="26"/>
      <c r="SFX120" s="26"/>
      <c r="SFY120" s="26"/>
      <c r="SFZ120" s="26"/>
      <c r="SGA120" s="26"/>
      <c r="SGB120" s="26"/>
      <c r="SGC120" s="26"/>
      <c r="SGD120" s="26"/>
      <c r="SGE120" s="26"/>
      <c r="SGF120" s="26"/>
      <c r="SGG120" s="26"/>
      <c r="SGH120" s="26"/>
      <c r="SGI120" s="26"/>
      <c r="SGJ120" s="26"/>
      <c r="SGK120" s="26"/>
      <c r="SGL120" s="26"/>
      <c r="SGM120" s="26"/>
      <c r="SGN120" s="26"/>
      <c r="SGO120" s="26"/>
      <c r="SGP120" s="26"/>
      <c r="SGQ120" s="26"/>
      <c r="SGR120" s="26"/>
      <c r="SGS120" s="26"/>
      <c r="SGT120" s="26"/>
      <c r="SGU120" s="26"/>
      <c r="SGV120" s="26"/>
      <c r="SGW120" s="26"/>
      <c r="SGX120" s="26"/>
      <c r="SGY120" s="26"/>
      <c r="SGZ120" s="26"/>
      <c r="SHA120" s="26"/>
      <c r="SHB120" s="26"/>
      <c r="SHC120" s="26"/>
      <c r="SHD120" s="26"/>
      <c r="SHE120" s="26"/>
      <c r="SHF120" s="26"/>
      <c r="SHG120" s="26"/>
      <c r="SHH120" s="26"/>
      <c r="SHI120" s="26"/>
      <c r="SHJ120" s="26"/>
      <c r="SHK120" s="26"/>
      <c r="SHL120" s="26"/>
      <c r="SHM120" s="26"/>
      <c r="SHN120" s="26"/>
      <c r="SHO120" s="26"/>
      <c r="SHP120" s="26"/>
      <c r="SHQ120" s="26"/>
      <c r="SHR120" s="26"/>
      <c r="SHS120" s="26"/>
      <c r="SHT120" s="26"/>
      <c r="SHU120" s="26"/>
      <c r="SHV120" s="26"/>
      <c r="SHW120" s="26"/>
      <c r="SHX120" s="26"/>
      <c r="SHY120" s="26"/>
      <c r="SHZ120" s="26"/>
      <c r="SIA120" s="26"/>
      <c r="SIB120" s="26"/>
      <c r="SIC120" s="26"/>
      <c r="SID120" s="26"/>
      <c r="SIE120" s="26"/>
      <c r="SIF120" s="26"/>
      <c r="SIG120" s="26"/>
      <c r="SIH120" s="26"/>
      <c r="SII120" s="26"/>
      <c r="SIJ120" s="26"/>
      <c r="SIK120" s="26"/>
      <c r="SIL120" s="26"/>
      <c r="SIM120" s="26"/>
      <c r="SIN120" s="26"/>
      <c r="SIO120" s="26"/>
      <c r="SIP120" s="26"/>
      <c r="SIQ120" s="26"/>
      <c r="SIR120" s="26"/>
      <c r="SIS120" s="26"/>
      <c r="SIT120" s="26"/>
      <c r="SIU120" s="26"/>
      <c r="SIV120" s="26"/>
      <c r="SIW120" s="26"/>
      <c r="SIX120" s="26"/>
      <c r="SIY120" s="26"/>
      <c r="SIZ120" s="26"/>
      <c r="SJA120" s="26"/>
      <c r="SJB120" s="26"/>
      <c r="SJC120" s="26"/>
      <c r="SJD120" s="26"/>
      <c r="SJE120" s="26"/>
      <c r="SJF120" s="26"/>
      <c r="SJG120" s="26"/>
      <c r="SJH120" s="26"/>
      <c r="SJI120" s="26"/>
      <c r="SJJ120" s="26"/>
      <c r="SJK120" s="26"/>
      <c r="SJL120" s="26"/>
      <c r="SJM120" s="26"/>
      <c r="SJN120" s="26"/>
      <c r="SJO120" s="26"/>
      <c r="SJP120" s="26"/>
      <c r="SJQ120" s="26"/>
      <c r="SJR120" s="26"/>
      <c r="SJS120" s="26"/>
      <c r="SJT120" s="26"/>
      <c r="SJU120" s="26"/>
      <c r="SJV120" s="26"/>
      <c r="SJW120" s="26"/>
      <c r="SJX120" s="26"/>
      <c r="SJY120" s="26"/>
      <c r="SJZ120" s="26"/>
      <c r="SKA120" s="26"/>
      <c r="SKB120" s="26"/>
      <c r="SKC120" s="26"/>
      <c r="SKD120" s="26"/>
      <c r="SKE120" s="26"/>
      <c r="SKF120" s="26"/>
      <c r="SKG120" s="26"/>
      <c r="SKH120" s="26"/>
      <c r="SKI120" s="26"/>
      <c r="SKJ120" s="26"/>
      <c r="SKK120" s="26"/>
      <c r="SKL120" s="26"/>
      <c r="SKM120" s="26"/>
      <c r="SKN120" s="26"/>
      <c r="SKO120" s="26"/>
      <c r="SKP120" s="26"/>
      <c r="SKQ120" s="26"/>
      <c r="SKR120" s="26"/>
      <c r="SKS120" s="26"/>
      <c r="SKT120" s="26"/>
      <c r="SKU120" s="26"/>
      <c r="SKV120" s="26"/>
      <c r="SKW120" s="26"/>
      <c r="SKX120" s="26"/>
      <c r="SKY120" s="26"/>
      <c r="SKZ120" s="26"/>
      <c r="SLA120" s="26"/>
      <c r="SLB120" s="26"/>
      <c r="SLC120" s="26"/>
      <c r="SLD120" s="26"/>
      <c r="SLE120" s="26"/>
      <c r="SLF120" s="26"/>
      <c r="SLG120" s="26"/>
      <c r="SLH120" s="26"/>
      <c r="SLI120" s="26"/>
      <c r="SLJ120" s="26"/>
      <c r="SLK120" s="26"/>
      <c r="SLL120" s="26"/>
      <c r="SLM120" s="26"/>
      <c r="SLN120" s="26"/>
      <c r="SLO120" s="26"/>
      <c r="SLP120" s="26"/>
      <c r="SLQ120" s="26"/>
      <c r="SLR120" s="26"/>
      <c r="SLS120" s="26"/>
      <c r="SLT120" s="26"/>
      <c r="SLU120" s="26"/>
      <c r="SLV120" s="26"/>
      <c r="SLW120" s="26"/>
      <c r="SLX120" s="26"/>
      <c r="SLY120" s="26"/>
      <c r="SLZ120" s="26"/>
      <c r="SMA120" s="26"/>
      <c r="SMB120" s="26"/>
      <c r="SMC120" s="26"/>
      <c r="SMD120" s="26"/>
      <c r="SME120" s="26"/>
      <c r="SMF120" s="26"/>
      <c r="SMG120" s="26"/>
      <c r="SMH120" s="26"/>
      <c r="SMI120" s="26"/>
      <c r="SMJ120" s="26"/>
      <c r="SMK120" s="26"/>
      <c r="SML120" s="26"/>
      <c r="SMM120" s="26"/>
      <c r="SMN120" s="26"/>
      <c r="SMO120" s="26"/>
      <c r="SMP120" s="26"/>
      <c r="SMQ120" s="26"/>
      <c r="SMR120" s="26"/>
      <c r="SMS120" s="26"/>
      <c r="SMT120" s="26"/>
      <c r="SMU120" s="26"/>
      <c r="SMV120" s="26"/>
      <c r="SMW120" s="26"/>
      <c r="SMX120" s="26"/>
      <c r="SMY120" s="26"/>
      <c r="SMZ120" s="26"/>
      <c r="SNA120" s="26"/>
      <c r="SNB120" s="26"/>
      <c r="SNC120" s="26"/>
      <c r="SND120" s="26"/>
      <c r="SNE120" s="26"/>
      <c r="SNF120" s="26"/>
      <c r="SNG120" s="26"/>
      <c r="SNH120" s="26"/>
      <c r="SNI120" s="26"/>
      <c r="SNJ120" s="26"/>
      <c r="SNK120" s="26"/>
      <c r="SNL120" s="26"/>
      <c r="SNM120" s="26"/>
      <c r="SNN120" s="26"/>
      <c r="SNO120" s="26"/>
      <c r="SNP120" s="26"/>
      <c r="SNQ120" s="26"/>
      <c r="SNR120" s="26"/>
      <c r="SNS120" s="26"/>
      <c r="SNT120" s="26"/>
      <c r="SNU120" s="26"/>
      <c r="SNV120" s="26"/>
      <c r="SNW120" s="26"/>
      <c r="SNX120" s="26"/>
      <c r="SNY120" s="26"/>
      <c r="SNZ120" s="26"/>
      <c r="SOA120" s="26"/>
      <c r="SOB120" s="26"/>
      <c r="SOC120" s="26"/>
      <c r="SOD120" s="26"/>
      <c r="SOE120" s="26"/>
      <c r="SOF120" s="26"/>
      <c r="SOG120" s="26"/>
      <c r="SOH120" s="26"/>
      <c r="SOI120" s="26"/>
      <c r="SOJ120" s="26"/>
      <c r="SOK120" s="26"/>
      <c r="SOL120" s="26"/>
      <c r="SOM120" s="26"/>
      <c r="SON120" s="26"/>
      <c r="SOO120" s="26"/>
      <c r="SOP120" s="26"/>
      <c r="SOQ120" s="26"/>
      <c r="SOR120" s="26"/>
      <c r="SOS120" s="26"/>
      <c r="SOT120" s="26"/>
      <c r="SOU120" s="26"/>
      <c r="SOV120" s="26"/>
      <c r="SOW120" s="26"/>
      <c r="SOX120" s="26"/>
      <c r="SOY120" s="26"/>
      <c r="SOZ120" s="26"/>
      <c r="SPA120" s="26"/>
      <c r="SPB120" s="26"/>
      <c r="SPC120" s="26"/>
      <c r="SPD120" s="26"/>
      <c r="SPE120" s="26"/>
      <c r="SPF120" s="26"/>
      <c r="SPG120" s="26"/>
      <c r="SPH120" s="26"/>
      <c r="SPI120" s="26"/>
      <c r="SPJ120" s="26"/>
      <c r="SPK120" s="26"/>
      <c r="SPL120" s="26"/>
      <c r="SPM120" s="26"/>
      <c r="SPN120" s="26"/>
      <c r="SPO120" s="26"/>
      <c r="SPP120" s="26"/>
      <c r="SPQ120" s="26"/>
      <c r="SPR120" s="26"/>
      <c r="SPS120" s="26"/>
      <c r="SPT120" s="26"/>
      <c r="SPU120" s="26"/>
      <c r="SPV120" s="26"/>
      <c r="SPW120" s="26"/>
      <c r="SPX120" s="26"/>
      <c r="SPY120" s="26"/>
      <c r="SPZ120" s="26"/>
      <c r="SQA120" s="26"/>
      <c r="SQB120" s="26"/>
      <c r="SQC120" s="26"/>
      <c r="SQD120" s="26"/>
      <c r="SQE120" s="26"/>
      <c r="SQF120" s="26"/>
      <c r="SQG120" s="26"/>
      <c r="SQH120" s="26"/>
      <c r="SQI120" s="26"/>
      <c r="SQJ120" s="26"/>
      <c r="SQK120" s="26"/>
      <c r="SQL120" s="26"/>
      <c r="SQM120" s="26"/>
      <c r="SQN120" s="26"/>
      <c r="SQO120" s="26"/>
      <c r="SQP120" s="26"/>
      <c r="SQQ120" s="26"/>
      <c r="SQR120" s="26"/>
      <c r="SQS120" s="26"/>
      <c r="SQT120" s="26"/>
      <c r="SQU120" s="26"/>
      <c r="SQV120" s="26"/>
      <c r="SQW120" s="26"/>
      <c r="SQX120" s="26"/>
      <c r="SQY120" s="26"/>
      <c r="SQZ120" s="26"/>
      <c r="SRA120" s="26"/>
      <c r="SRB120" s="26"/>
      <c r="SRC120" s="26"/>
      <c r="SRD120" s="26"/>
      <c r="SRE120" s="26"/>
      <c r="SRF120" s="26"/>
      <c r="SRG120" s="26"/>
      <c r="SRH120" s="26"/>
      <c r="SRI120" s="26"/>
      <c r="SRJ120" s="26"/>
      <c r="SRK120" s="26"/>
      <c r="SRL120" s="26"/>
      <c r="SRM120" s="26"/>
      <c r="SRN120" s="26"/>
      <c r="SRO120" s="26"/>
      <c r="SRP120" s="26"/>
      <c r="SRQ120" s="26"/>
      <c r="SRR120" s="26"/>
      <c r="SRS120" s="26"/>
      <c r="SRT120" s="26"/>
      <c r="SRU120" s="26"/>
      <c r="SRV120" s="26"/>
      <c r="SRW120" s="26"/>
      <c r="SRX120" s="26"/>
      <c r="SRY120" s="26"/>
      <c r="SRZ120" s="26"/>
      <c r="SSA120" s="26"/>
      <c r="SSB120" s="26"/>
      <c r="SSC120" s="26"/>
      <c r="SSD120" s="26"/>
      <c r="SSE120" s="26"/>
      <c r="SSF120" s="26"/>
      <c r="SSG120" s="26"/>
      <c r="SSH120" s="26"/>
      <c r="SSI120" s="26"/>
      <c r="SSJ120" s="26"/>
      <c r="SSK120" s="26"/>
      <c r="SSL120" s="26"/>
      <c r="SSM120" s="26"/>
      <c r="SSN120" s="26"/>
      <c r="SSO120" s="26"/>
      <c r="SSP120" s="26"/>
      <c r="SSQ120" s="26"/>
      <c r="SSR120" s="26"/>
      <c r="SSS120" s="26"/>
      <c r="SST120" s="26"/>
      <c r="SSU120" s="26"/>
      <c r="SSV120" s="26"/>
      <c r="SSW120" s="26"/>
      <c r="SSX120" s="26"/>
      <c r="SSY120" s="26"/>
      <c r="SSZ120" s="26"/>
      <c r="STA120" s="26"/>
      <c r="STB120" s="26"/>
      <c r="STC120" s="26"/>
      <c r="STD120" s="26"/>
      <c r="STE120" s="26"/>
      <c r="STF120" s="26"/>
      <c r="STG120" s="26"/>
      <c r="STH120" s="26"/>
      <c r="STI120" s="26"/>
      <c r="STJ120" s="26"/>
      <c r="STK120" s="26"/>
      <c r="STL120" s="26"/>
      <c r="STM120" s="26"/>
      <c r="STN120" s="26"/>
      <c r="STO120" s="26"/>
      <c r="STP120" s="26"/>
      <c r="STQ120" s="26"/>
      <c r="STR120" s="26"/>
      <c r="STS120" s="26"/>
      <c r="STT120" s="26"/>
      <c r="STU120" s="26"/>
      <c r="STV120" s="26"/>
      <c r="STW120" s="26"/>
      <c r="STX120" s="26"/>
      <c r="STY120" s="26"/>
      <c r="STZ120" s="26"/>
      <c r="SUA120" s="26"/>
      <c r="SUB120" s="26"/>
      <c r="SUC120" s="26"/>
      <c r="SUD120" s="26"/>
      <c r="SUE120" s="26"/>
      <c r="SUF120" s="26"/>
      <c r="SUG120" s="26"/>
      <c r="SUH120" s="26"/>
      <c r="SUI120" s="26"/>
      <c r="SUJ120" s="26"/>
      <c r="SUK120" s="26"/>
      <c r="SUL120" s="26"/>
      <c r="SUM120" s="26"/>
      <c r="SUN120" s="26"/>
      <c r="SUO120" s="26"/>
      <c r="SUP120" s="26"/>
      <c r="SUQ120" s="26"/>
      <c r="SUR120" s="26"/>
      <c r="SUS120" s="26"/>
      <c r="SUT120" s="26"/>
      <c r="SUU120" s="26"/>
      <c r="SUV120" s="26"/>
      <c r="SUW120" s="26"/>
      <c r="SUX120" s="26"/>
      <c r="SUY120" s="26"/>
      <c r="SUZ120" s="26"/>
      <c r="SVA120" s="26"/>
      <c r="SVB120" s="26"/>
      <c r="SVC120" s="26"/>
      <c r="SVD120" s="26"/>
      <c r="SVE120" s="26"/>
      <c r="SVF120" s="26"/>
      <c r="SVG120" s="26"/>
      <c r="SVH120" s="26"/>
      <c r="SVI120" s="26"/>
      <c r="SVJ120" s="26"/>
      <c r="SVK120" s="26"/>
      <c r="SVL120" s="26"/>
      <c r="SVM120" s="26"/>
      <c r="SVN120" s="26"/>
      <c r="SVO120" s="26"/>
      <c r="SVP120" s="26"/>
      <c r="SVQ120" s="26"/>
      <c r="SVR120" s="26"/>
      <c r="SVS120" s="26"/>
      <c r="SVT120" s="26"/>
      <c r="SVU120" s="26"/>
      <c r="SVV120" s="26"/>
      <c r="SVW120" s="26"/>
      <c r="SVX120" s="26"/>
      <c r="SVY120" s="26"/>
      <c r="SVZ120" s="26"/>
      <c r="SWA120" s="26"/>
      <c r="SWB120" s="26"/>
      <c r="SWC120" s="26"/>
      <c r="SWD120" s="26"/>
      <c r="SWE120" s="26"/>
      <c r="SWF120" s="26"/>
      <c r="SWG120" s="26"/>
      <c r="SWH120" s="26"/>
      <c r="SWI120" s="26"/>
      <c r="SWJ120" s="26"/>
      <c r="SWK120" s="26"/>
      <c r="SWL120" s="26"/>
      <c r="SWM120" s="26"/>
      <c r="SWN120" s="26"/>
      <c r="SWO120" s="26"/>
      <c r="SWP120" s="26"/>
      <c r="SWQ120" s="26"/>
      <c r="SWR120" s="26"/>
      <c r="SWS120" s="26"/>
      <c r="SWT120" s="26"/>
      <c r="SWU120" s="26"/>
      <c r="SWV120" s="26"/>
      <c r="SWW120" s="26"/>
      <c r="SWX120" s="26"/>
      <c r="SWY120" s="26"/>
      <c r="SWZ120" s="26"/>
      <c r="SXA120" s="26"/>
      <c r="SXB120" s="26"/>
      <c r="SXC120" s="26"/>
      <c r="SXD120" s="26"/>
      <c r="SXE120" s="26"/>
      <c r="SXF120" s="26"/>
      <c r="SXG120" s="26"/>
      <c r="SXH120" s="26"/>
      <c r="SXI120" s="26"/>
      <c r="SXJ120" s="26"/>
      <c r="SXK120" s="26"/>
      <c r="SXL120" s="26"/>
      <c r="SXM120" s="26"/>
      <c r="SXN120" s="26"/>
      <c r="SXO120" s="26"/>
      <c r="SXP120" s="26"/>
      <c r="SXQ120" s="26"/>
      <c r="SXR120" s="26"/>
      <c r="SXS120" s="26"/>
      <c r="SXT120" s="26"/>
      <c r="SXU120" s="26"/>
      <c r="SXV120" s="26"/>
      <c r="SXW120" s="26"/>
      <c r="SXX120" s="26"/>
      <c r="SXY120" s="26"/>
      <c r="SXZ120" s="26"/>
      <c r="SYA120" s="26"/>
      <c r="SYB120" s="26"/>
      <c r="SYC120" s="26"/>
      <c r="SYD120" s="26"/>
      <c r="SYE120" s="26"/>
      <c r="SYF120" s="26"/>
      <c r="SYG120" s="26"/>
      <c r="SYH120" s="26"/>
      <c r="SYI120" s="26"/>
      <c r="SYJ120" s="26"/>
      <c r="SYK120" s="26"/>
      <c r="SYL120" s="26"/>
      <c r="SYM120" s="26"/>
      <c r="SYN120" s="26"/>
      <c r="SYO120" s="26"/>
      <c r="SYP120" s="26"/>
      <c r="SYQ120" s="26"/>
      <c r="SYR120" s="26"/>
      <c r="SYS120" s="26"/>
      <c r="SYT120" s="26"/>
      <c r="SYU120" s="26"/>
      <c r="SYV120" s="26"/>
      <c r="SYW120" s="26"/>
      <c r="SYX120" s="26"/>
      <c r="SYY120" s="26"/>
      <c r="SYZ120" s="26"/>
      <c r="SZA120" s="26"/>
      <c r="SZB120" s="26"/>
      <c r="SZC120" s="26"/>
      <c r="SZD120" s="26"/>
      <c r="SZE120" s="26"/>
      <c r="SZF120" s="26"/>
      <c r="SZG120" s="26"/>
      <c r="SZH120" s="26"/>
      <c r="SZI120" s="26"/>
      <c r="SZJ120" s="26"/>
      <c r="SZK120" s="26"/>
      <c r="SZL120" s="26"/>
      <c r="SZM120" s="26"/>
      <c r="SZN120" s="26"/>
      <c r="SZO120" s="26"/>
      <c r="SZP120" s="26"/>
      <c r="SZQ120" s="26"/>
      <c r="SZR120" s="26"/>
      <c r="SZS120" s="26"/>
      <c r="SZT120" s="26"/>
      <c r="SZU120" s="26"/>
      <c r="SZV120" s="26"/>
      <c r="SZW120" s="26"/>
      <c r="SZX120" s="26"/>
      <c r="SZY120" s="26"/>
      <c r="SZZ120" s="26"/>
      <c r="TAA120" s="26"/>
      <c r="TAB120" s="26"/>
      <c r="TAC120" s="26"/>
      <c r="TAD120" s="26"/>
      <c r="TAE120" s="26"/>
      <c r="TAF120" s="26"/>
      <c r="TAG120" s="26"/>
      <c r="TAH120" s="26"/>
      <c r="TAI120" s="26"/>
      <c r="TAJ120" s="26"/>
      <c r="TAK120" s="26"/>
      <c r="TAL120" s="26"/>
      <c r="TAM120" s="26"/>
      <c r="TAN120" s="26"/>
      <c r="TAO120" s="26"/>
      <c r="TAP120" s="26"/>
      <c r="TAQ120" s="26"/>
      <c r="TAR120" s="26"/>
      <c r="TAS120" s="26"/>
      <c r="TAT120" s="26"/>
      <c r="TAU120" s="26"/>
      <c r="TAV120" s="26"/>
      <c r="TAW120" s="26"/>
      <c r="TAX120" s="26"/>
      <c r="TAY120" s="26"/>
      <c r="TAZ120" s="26"/>
      <c r="TBA120" s="26"/>
      <c r="TBB120" s="26"/>
      <c r="TBC120" s="26"/>
      <c r="TBD120" s="26"/>
      <c r="TBE120" s="26"/>
      <c r="TBF120" s="26"/>
      <c r="TBG120" s="26"/>
      <c r="TBH120" s="26"/>
      <c r="TBI120" s="26"/>
      <c r="TBJ120" s="26"/>
      <c r="TBK120" s="26"/>
      <c r="TBL120" s="26"/>
      <c r="TBM120" s="26"/>
      <c r="TBN120" s="26"/>
      <c r="TBO120" s="26"/>
      <c r="TBP120" s="26"/>
      <c r="TBQ120" s="26"/>
      <c r="TBR120" s="26"/>
      <c r="TBS120" s="26"/>
      <c r="TBT120" s="26"/>
      <c r="TBU120" s="26"/>
      <c r="TBV120" s="26"/>
      <c r="TBW120" s="26"/>
      <c r="TBX120" s="26"/>
      <c r="TBY120" s="26"/>
      <c r="TBZ120" s="26"/>
      <c r="TCA120" s="26"/>
      <c r="TCB120" s="26"/>
      <c r="TCC120" s="26"/>
      <c r="TCD120" s="26"/>
      <c r="TCE120" s="26"/>
      <c r="TCF120" s="26"/>
      <c r="TCG120" s="26"/>
      <c r="TCH120" s="26"/>
      <c r="TCI120" s="26"/>
      <c r="TCJ120" s="26"/>
      <c r="TCK120" s="26"/>
      <c r="TCL120" s="26"/>
      <c r="TCM120" s="26"/>
      <c r="TCN120" s="26"/>
      <c r="TCO120" s="26"/>
      <c r="TCP120" s="26"/>
      <c r="TCQ120" s="26"/>
      <c r="TCR120" s="26"/>
      <c r="TCS120" s="26"/>
      <c r="TCT120" s="26"/>
      <c r="TCU120" s="26"/>
      <c r="TCV120" s="26"/>
      <c r="TCW120" s="26"/>
      <c r="TCX120" s="26"/>
      <c r="TCY120" s="26"/>
      <c r="TCZ120" s="26"/>
      <c r="TDA120" s="26"/>
      <c r="TDB120" s="26"/>
      <c r="TDC120" s="26"/>
      <c r="TDD120" s="26"/>
      <c r="TDE120" s="26"/>
      <c r="TDF120" s="26"/>
      <c r="TDG120" s="26"/>
      <c r="TDH120" s="26"/>
      <c r="TDI120" s="26"/>
      <c r="TDJ120" s="26"/>
      <c r="TDK120" s="26"/>
      <c r="TDL120" s="26"/>
      <c r="TDM120" s="26"/>
      <c r="TDN120" s="26"/>
      <c r="TDO120" s="26"/>
      <c r="TDP120" s="26"/>
      <c r="TDQ120" s="26"/>
      <c r="TDR120" s="26"/>
      <c r="TDS120" s="26"/>
      <c r="TDT120" s="26"/>
      <c r="TDU120" s="26"/>
      <c r="TDV120" s="26"/>
      <c r="TDW120" s="26"/>
      <c r="TDX120" s="26"/>
      <c r="TDY120" s="26"/>
      <c r="TDZ120" s="26"/>
      <c r="TEA120" s="26"/>
      <c r="TEB120" s="26"/>
      <c r="TEC120" s="26"/>
      <c r="TED120" s="26"/>
      <c r="TEE120" s="26"/>
      <c r="TEF120" s="26"/>
      <c r="TEG120" s="26"/>
      <c r="TEH120" s="26"/>
      <c r="TEI120" s="26"/>
      <c r="TEJ120" s="26"/>
      <c r="TEK120" s="26"/>
      <c r="TEL120" s="26"/>
      <c r="TEM120" s="26"/>
      <c r="TEN120" s="26"/>
      <c r="TEO120" s="26"/>
      <c r="TEP120" s="26"/>
      <c r="TEQ120" s="26"/>
      <c r="TER120" s="26"/>
      <c r="TES120" s="26"/>
      <c r="TET120" s="26"/>
      <c r="TEU120" s="26"/>
      <c r="TEV120" s="26"/>
      <c r="TEW120" s="26"/>
      <c r="TEX120" s="26"/>
      <c r="TEY120" s="26"/>
      <c r="TEZ120" s="26"/>
      <c r="TFA120" s="26"/>
      <c r="TFB120" s="26"/>
      <c r="TFC120" s="26"/>
      <c r="TFD120" s="26"/>
      <c r="TFE120" s="26"/>
      <c r="TFF120" s="26"/>
      <c r="TFG120" s="26"/>
      <c r="TFH120" s="26"/>
      <c r="TFI120" s="26"/>
      <c r="TFJ120" s="26"/>
      <c r="TFK120" s="26"/>
      <c r="TFL120" s="26"/>
      <c r="TFM120" s="26"/>
      <c r="TFN120" s="26"/>
      <c r="TFO120" s="26"/>
      <c r="TFP120" s="26"/>
      <c r="TFQ120" s="26"/>
      <c r="TFR120" s="26"/>
      <c r="TFS120" s="26"/>
      <c r="TFT120" s="26"/>
      <c r="TFU120" s="26"/>
      <c r="TFV120" s="26"/>
      <c r="TFW120" s="26"/>
      <c r="TFX120" s="26"/>
      <c r="TFY120" s="26"/>
      <c r="TFZ120" s="26"/>
      <c r="TGA120" s="26"/>
      <c r="TGB120" s="26"/>
      <c r="TGC120" s="26"/>
      <c r="TGD120" s="26"/>
      <c r="TGE120" s="26"/>
      <c r="TGF120" s="26"/>
      <c r="TGG120" s="26"/>
      <c r="TGH120" s="26"/>
      <c r="TGI120" s="26"/>
      <c r="TGJ120" s="26"/>
      <c r="TGK120" s="26"/>
      <c r="TGL120" s="26"/>
      <c r="TGM120" s="26"/>
      <c r="TGN120" s="26"/>
      <c r="TGO120" s="26"/>
      <c r="TGP120" s="26"/>
      <c r="TGQ120" s="26"/>
      <c r="TGR120" s="26"/>
      <c r="TGS120" s="26"/>
      <c r="TGT120" s="26"/>
      <c r="TGU120" s="26"/>
      <c r="TGV120" s="26"/>
      <c r="TGW120" s="26"/>
      <c r="TGX120" s="26"/>
      <c r="TGY120" s="26"/>
      <c r="TGZ120" s="26"/>
      <c r="THA120" s="26"/>
      <c r="THB120" s="26"/>
      <c r="THC120" s="26"/>
      <c r="THD120" s="26"/>
      <c r="THE120" s="26"/>
      <c r="THF120" s="26"/>
      <c r="THG120" s="26"/>
      <c r="THH120" s="26"/>
      <c r="THI120" s="26"/>
      <c r="THJ120" s="26"/>
      <c r="THK120" s="26"/>
      <c r="THL120" s="26"/>
      <c r="THM120" s="26"/>
      <c r="THN120" s="26"/>
      <c r="THO120" s="26"/>
      <c r="THP120" s="26"/>
      <c r="THQ120" s="26"/>
      <c r="THR120" s="26"/>
      <c r="THS120" s="26"/>
      <c r="THT120" s="26"/>
      <c r="THU120" s="26"/>
      <c r="THV120" s="26"/>
      <c r="THW120" s="26"/>
      <c r="THX120" s="26"/>
      <c r="THY120" s="26"/>
      <c r="THZ120" s="26"/>
      <c r="TIA120" s="26"/>
      <c r="TIB120" s="26"/>
      <c r="TIC120" s="26"/>
      <c r="TID120" s="26"/>
      <c r="TIE120" s="26"/>
      <c r="TIF120" s="26"/>
      <c r="TIG120" s="26"/>
      <c r="TIH120" s="26"/>
      <c r="TII120" s="26"/>
      <c r="TIJ120" s="26"/>
      <c r="TIK120" s="26"/>
      <c r="TIL120" s="26"/>
      <c r="TIM120" s="26"/>
      <c r="TIN120" s="26"/>
      <c r="TIO120" s="26"/>
      <c r="TIP120" s="26"/>
      <c r="TIQ120" s="26"/>
      <c r="TIR120" s="26"/>
      <c r="TIS120" s="26"/>
      <c r="TIT120" s="26"/>
      <c r="TIU120" s="26"/>
      <c r="TIV120" s="26"/>
      <c r="TIW120" s="26"/>
      <c r="TIX120" s="26"/>
      <c r="TIY120" s="26"/>
      <c r="TIZ120" s="26"/>
      <c r="TJA120" s="26"/>
      <c r="TJB120" s="26"/>
      <c r="TJC120" s="26"/>
      <c r="TJD120" s="26"/>
      <c r="TJE120" s="26"/>
      <c r="TJF120" s="26"/>
      <c r="TJG120" s="26"/>
      <c r="TJH120" s="26"/>
      <c r="TJI120" s="26"/>
      <c r="TJJ120" s="26"/>
      <c r="TJK120" s="26"/>
      <c r="TJL120" s="26"/>
      <c r="TJM120" s="26"/>
      <c r="TJN120" s="26"/>
      <c r="TJO120" s="26"/>
      <c r="TJP120" s="26"/>
      <c r="TJQ120" s="26"/>
      <c r="TJR120" s="26"/>
      <c r="TJS120" s="26"/>
      <c r="TJT120" s="26"/>
      <c r="TJU120" s="26"/>
      <c r="TJV120" s="26"/>
      <c r="TJW120" s="26"/>
      <c r="TJX120" s="26"/>
      <c r="TJY120" s="26"/>
      <c r="TJZ120" s="26"/>
      <c r="TKA120" s="26"/>
      <c r="TKB120" s="26"/>
      <c r="TKC120" s="26"/>
      <c r="TKD120" s="26"/>
      <c r="TKE120" s="26"/>
      <c r="TKF120" s="26"/>
      <c r="TKG120" s="26"/>
      <c r="TKH120" s="26"/>
      <c r="TKI120" s="26"/>
      <c r="TKJ120" s="26"/>
      <c r="TKK120" s="26"/>
      <c r="TKL120" s="26"/>
      <c r="TKM120" s="26"/>
      <c r="TKN120" s="26"/>
      <c r="TKO120" s="26"/>
      <c r="TKP120" s="26"/>
      <c r="TKQ120" s="26"/>
      <c r="TKR120" s="26"/>
      <c r="TKS120" s="26"/>
      <c r="TKT120" s="26"/>
      <c r="TKU120" s="26"/>
      <c r="TKV120" s="26"/>
      <c r="TKW120" s="26"/>
      <c r="TKX120" s="26"/>
      <c r="TKY120" s="26"/>
      <c r="TKZ120" s="26"/>
      <c r="TLA120" s="26"/>
      <c r="TLB120" s="26"/>
      <c r="TLC120" s="26"/>
      <c r="TLD120" s="26"/>
      <c r="TLE120" s="26"/>
      <c r="TLF120" s="26"/>
      <c r="TLG120" s="26"/>
      <c r="TLH120" s="26"/>
      <c r="TLI120" s="26"/>
      <c r="TLJ120" s="26"/>
      <c r="TLK120" s="26"/>
      <c r="TLL120" s="26"/>
      <c r="TLM120" s="26"/>
      <c r="TLN120" s="26"/>
      <c r="TLO120" s="26"/>
      <c r="TLP120" s="26"/>
      <c r="TLQ120" s="26"/>
      <c r="TLR120" s="26"/>
      <c r="TLS120" s="26"/>
      <c r="TLT120" s="26"/>
      <c r="TLU120" s="26"/>
      <c r="TLV120" s="26"/>
      <c r="TLW120" s="26"/>
      <c r="TLX120" s="26"/>
      <c r="TLY120" s="26"/>
      <c r="TLZ120" s="26"/>
      <c r="TMA120" s="26"/>
      <c r="TMB120" s="26"/>
      <c r="TMC120" s="26"/>
      <c r="TMD120" s="26"/>
      <c r="TME120" s="26"/>
      <c r="TMF120" s="26"/>
      <c r="TMG120" s="26"/>
      <c r="TMH120" s="26"/>
      <c r="TMI120" s="26"/>
      <c r="TMJ120" s="26"/>
      <c r="TMK120" s="26"/>
      <c r="TML120" s="26"/>
      <c r="TMM120" s="26"/>
      <c r="TMN120" s="26"/>
      <c r="TMO120" s="26"/>
      <c r="TMP120" s="26"/>
      <c r="TMQ120" s="26"/>
      <c r="TMR120" s="26"/>
      <c r="TMS120" s="26"/>
      <c r="TMT120" s="26"/>
      <c r="TMU120" s="26"/>
      <c r="TMV120" s="26"/>
      <c r="TMW120" s="26"/>
      <c r="TMX120" s="26"/>
      <c r="TMY120" s="26"/>
      <c r="TMZ120" s="26"/>
      <c r="TNA120" s="26"/>
      <c r="TNB120" s="26"/>
      <c r="TNC120" s="26"/>
      <c r="TND120" s="26"/>
      <c r="TNE120" s="26"/>
      <c r="TNF120" s="26"/>
      <c r="TNG120" s="26"/>
      <c r="TNH120" s="26"/>
      <c r="TNI120" s="26"/>
      <c r="TNJ120" s="26"/>
      <c r="TNK120" s="26"/>
      <c r="TNL120" s="26"/>
      <c r="TNM120" s="26"/>
      <c r="TNN120" s="26"/>
      <c r="TNO120" s="26"/>
      <c r="TNP120" s="26"/>
      <c r="TNQ120" s="26"/>
      <c r="TNR120" s="26"/>
      <c r="TNS120" s="26"/>
      <c r="TNT120" s="26"/>
      <c r="TNU120" s="26"/>
      <c r="TNV120" s="26"/>
      <c r="TNW120" s="26"/>
      <c r="TNX120" s="26"/>
      <c r="TNY120" s="26"/>
      <c r="TNZ120" s="26"/>
      <c r="TOA120" s="26"/>
      <c r="TOB120" s="26"/>
      <c r="TOC120" s="26"/>
      <c r="TOD120" s="26"/>
      <c r="TOE120" s="26"/>
      <c r="TOF120" s="26"/>
      <c r="TOG120" s="26"/>
      <c r="TOH120" s="26"/>
      <c r="TOI120" s="26"/>
      <c r="TOJ120" s="26"/>
      <c r="TOK120" s="26"/>
      <c r="TOL120" s="26"/>
      <c r="TOM120" s="26"/>
      <c r="TON120" s="26"/>
      <c r="TOO120" s="26"/>
      <c r="TOP120" s="26"/>
      <c r="TOQ120" s="26"/>
      <c r="TOR120" s="26"/>
      <c r="TOS120" s="26"/>
      <c r="TOT120" s="26"/>
      <c r="TOU120" s="26"/>
      <c r="TOV120" s="26"/>
      <c r="TOW120" s="26"/>
      <c r="TOX120" s="26"/>
      <c r="TOY120" s="26"/>
      <c r="TOZ120" s="26"/>
      <c r="TPA120" s="26"/>
      <c r="TPB120" s="26"/>
      <c r="TPC120" s="26"/>
      <c r="TPD120" s="26"/>
      <c r="TPE120" s="26"/>
      <c r="TPF120" s="26"/>
      <c r="TPG120" s="26"/>
      <c r="TPH120" s="26"/>
      <c r="TPI120" s="26"/>
      <c r="TPJ120" s="26"/>
      <c r="TPK120" s="26"/>
      <c r="TPL120" s="26"/>
      <c r="TPM120" s="26"/>
      <c r="TPN120" s="26"/>
      <c r="TPO120" s="26"/>
      <c r="TPP120" s="26"/>
      <c r="TPQ120" s="26"/>
      <c r="TPR120" s="26"/>
      <c r="TPS120" s="26"/>
      <c r="TPT120" s="26"/>
      <c r="TPU120" s="26"/>
      <c r="TPV120" s="26"/>
      <c r="TPW120" s="26"/>
      <c r="TPX120" s="26"/>
      <c r="TPY120" s="26"/>
      <c r="TPZ120" s="26"/>
      <c r="TQA120" s="26"/>
      <c r="TQB120" s="26"/>
      <c r="TQC120" s="26"/>
      <c r="TQD120" s="26"/>
      <c r="TQE120" s="26"/>
      <c r="TQF120" s="26"/>
      <c r="TQG120" s="26"/>
      <c r="TQH120" s="26"/>
      <c r="TQI120" s="26"/>
      <c r="TQJ120" s="26"/>
      <c r="TQK120" s="26"/>
      <c r="TQL120" s="26"/>
      <c r="TQM120" s="26"/>
      <c r="TQN120" s="26"/>
      <c r="TQO120" s="26"/>
      <c r="TQP120" s="26"/>
      <c r="TQQ120" s="26"/>
      <c r="TQR120" s="26"/>
      <c r="TQS120" s="26"/>
      <c r="TQT120" s="26"/>
      <c r="TQU120" s="26"/>
      <c r="TQV120" s="26"/>
      <c r="TQW120" s="26"/>
      <c r="TQX120" s="26"/>
      <c r="TQY120" s="26"/>
      <c r="TQZ120" s="26"/>
      <c r="TRA120" s="26"/>
      <c r="TRB120" s="26"/>
      <c r="TRC120" s="26"/>
      <c r="TRD120" s="26"/>
      <c r="TRE120" s="26"/>
      <c r="TRF120" s="26"/>
      <c r="TRG120" s="26"/>
      <c r="TRH120" s="26"/>
      <c r="TRI120" s="26"/>
      <c r="TRJ120" s="26"/>
      <c r="TRK120" s="26"/>
      <c r="TRL120" s="26"/>
      <c r="TRM120" s="26"/>
      <c r="TRN120" s="26"/>
      <c r="TRO120" s="26"/>
      <c r="TRP120" s="26"/>
      <c r="TRQ120" s="26"/>
      <c r="TRR120" s="26"/>
      <c r="TRS120" s="26"/>
      <c r="TRT120" s="26"/>
      <c r="TRU120" s="26"/>
      <c r="TRV120" s="26"/>
      <c r="TRW120" s="26"/>
      <c r="TRX120" s="26"/>
      <c r="TRY120" s="26"/>
      <c r="TRZ120" s="26"/>
      <c r="TSA120" s="26"/>
      <c r="TSB120" s="26"/>
      <c r="TSC120" s="26"/>
      <c r="TSD120" s="26"/>
      <c r="TSE120" s="26"/>
      <c r="TSF120" s="26"/>
      <c r="TSG120" s="26"/>
      <c r="TSH120" s="26"/>
      <c r="TSI120" s="26"/>
      <c r="TSJ120" s="26"/>
      <c r="TSK120" s="26"/>
      <c r="TSL120" s="26"/>
      <c r="TSM120" s="26"/>
      <c r="TSN120" s="26"/>
      <c r="TSO120" s="26"/>
      <c r="TSP120" s="26"/>
      <c r="TSQ120" s="26"/>
      <c r="TSR120" s="26"/>
      <c r="TSS120" s="26"/>
      <c r="TST120" s="26"/>
      <c r="TSU120" s="26"/>
      <c r="TSV120" s="26"/>
      <c r="TSW120" s="26"/>
      <c r="TSX120" s="26"/>
      <c r="TSY120" s="26"/>
      <c r="TSZ120" s="26"/>
      <c r="TTA120" s="26"/>
      <c r="TTB120" s="26"/>
      <c r="TTC120" s="26"/>
      <c r="TTD120" s="26"/>
      <c r="TTE120" s="26"/>
      <c r="TTF120" s="26"/>
      <c r="TTG120" s="26"/>
      <c r="TTH120" s="26"/>
      <c r="TTI120" s="26"/>
      <c r="TTJ120" s="26"/>
      <c r="TTK120" s="26"/>
      <c r="TTL120" s="26"/>
      <c r="TTM120" s="26"/>
      <c r="TTN120" s="26"/>
      <c r="TTO120" s="26"/>
      <c r="TTP120" s="26"/>
      <c r="TTQ120" s="26"/>
      <c r="TTR120" s="26"/>
      <c r="TTS120" s="26"/>
      <c r="TTT120" s="26"/>
      <c r="TTU120" s="26"/>
      <c r="TTV120" s="26"/>
      <c r="TTW120" s="26"/>
      <c r="TTX120" s="26"/>
      <c r="TTY120" s="26"/>
      <c r="TTZ120" s="26"/>
      <c r="TUA120" s="26"/>
      <c r="TUB120" s="26"/>
      <c r="TUC120" s="26"/>
      <c r="TUD120" s="26"/>
      <c r="TUE120" s="26"/>
      <c r="TUF120" s="26"/>
      <c r="TUG120" s="26"/>
      <c r="TUH120" s="26"/>
      <c r="TUI120" s="26"/>
      <c r="TUJ120" s="26"/>
      <c r="TUK120" s="26"/>
      <c r="TUL120" s="26"/>
      <c r="TUM120" s="26"/>
      <c r="TUN120" s="26"/>
      <c r="TUO120" s="26"/>
      <c r="TUP120" s="26"/>
      <c r="TUQ120" s="26"/>
      <c r="TUR120" s="26"/>
      <c r="TUS120" s="26"/>
      <c r="TUT120" s="26"/>
      <c r="TUU120" s="26"/>
      <c r="TUV120" s="26"/>
      <c r="TUW120" s="26"/>
      <c r="TUX120" s="26"/>
      <c r="TUY120" s="26"/>
      <c r="TUZ120" s="26"/>
      <c r="TVA120" s="26"/>
      <c r="TVB120" s="26"/>
      <c r="TVC120" s="26"/>
      <c r="TVD120" s="26"/>
      <c r="TVE120" s="26"/>
      <c r="TVF120" s="26"/>
      <c r="TVG120" s="26"/>
      <c r="TVH120" s="26"/>
      <c r="TVI120" s="26"/>
      <c r="TVJ120" s="26"/>
      <c r="TVK120" s="26"/>
      <c r="TVL120" s="26"/>
      <c r="TVM120" s="26"/>
      <c r="TVN120" s="26"/>
      <c r="TVO120" s="26"/>
      <c r="TVP120" s="26"/>
      <c r="TVQ120" s="26"/>
      <c r="TVR120" s="26"/>
      <c r="TVS120" s="26"/>
      <c r="TVT120" s="26"/>
      <c r="TVU120" s="26"/>
      <c r="TVV120" s="26"/>
      <c r="TVW120" s="26"/>
      <c r="TVX120" s="26"/>
      <c r="TVY120" s="26"/>
      <c r="TVZ120" s="26"/>
      <c r="TWA120" s="26"/>
      <c r="TWB120" s="26"/>
      <c r="TWC120" s="26"/>
      <c r="TWD120" s="26"/>
      <c r="TWE120" s="26"/>
      <c r="TWF120" s="26"/>
      <c r="TWG120" s="26"/>
      <c r="TWH120" s="26"/>
      <c r="TWI120" s="26"/>
      <c r="TWJ120" s="26"/>
      <c r="TWK120" s="26"/>
      <c r="TWL120" s="26"/>
      <c r="TWM120" s="26"/>
      <c r="TWN120" s="26"/>
      <c r="TWO120" s="26"/>
      <c r="TWP120" s="26"/>
      <c r="TWQ120" s="26"/>
      <c r="TWR120" s="26"/>
      <c r="TWS120" s="26"/>
      <c r="TWT120" s="26"/>
      <c r="TWU120" s="26"/>
      <c r="TWV120" s="26"/>
      <c r="TWW120" s="26"/>
      <c r="TWX120" s="26"/>
      <c r="TWY120" s="26"/>
      <c r="TWZ120" s="26"/>
      <c r="TXA120" s="26"/>
      <c r="TXB120" s="26"/>
      <c r="TXC120" s="26"/>
      <c r="TXD120" s="26"/>
      <c r="TXE120" s="26"/>
      <c r="TXF120" s="26"/>
      <c r="TXG120" s="26"/>
      <c r="TXH120" s="26"/>
      <c r="TXI120" s="26"/>
      <c r="TXJ120" s="26"/>
      <c r="TXK120" s="26"/>
      <c r="TXL120" s="26"/>
      <c r="TXM120" s="26"/>
      <c r="TXN120" s="26"/>
      <c r="TXO120" s="26"/>
      <c r="TXP120" s="26"/>
      <c r="TXQ120" s="26"/>
      <c r="TXR120" s="26"/>
      <c r="TXS120" s="26"/>
      <c r="TXT120" s="26"/>
      <c r="TXU120" s="26"/>
      <c r="TXV120" s="26"/>
      <c r="TXW120" s="26"/>
      <c r="TXX120" s="26"/>
      <c r="TXY120" s="26"/>
      <c r="TXZ120" s="26"/>
      <c r="TYA120" s="26"/>
      <c r="TYB120" s="26"/>
      <c r="TYC120" s="26"/>
      <c r="TYD120" s="26"/>
      <c r="TYE120" s="26"/>
      <c r="TYF120" s="26"/>
      <c r="TYG120" s="26"/>
      <c r="TYH120" s="26"/>
      <c r="TYI120" s="26"/>
      <c r="TYJ120" s="26"/>
      <c r="TYK120" s="26"/>
      <c r="TYL120" s="26"/>
      <c r="TYM120" s="26"/>
      <c r="TYN120" s="26"/>
      <c r="TYO120" s="26"/>
      <c r="TYP120" s="26"/>
      <c r="TYQ120" s="26"/>
      <c r="TYR120" s="26"/>
      <c r="TYS120" s="26"/>
      <c r="TYT120" s="26"/>
      <c r="TYU120" s="26"/>
      <c r="TYV120" s="26"/>
      <c r="TYW120" s="26"/>
      <c r="TYX120" s="26"/>
      <c r="TYY120" s="26"/>
      <c r="TYZ120" s="26"/>
      <c r="TZA120" s="26"/>
      <c r="TZB120" s="26"/>
      <c r="TZC120" s="26"/>
      <c r="TZD120" s="26"/>
      <c r="TZE120" s="26"/>
      <c r="TZF120" s="26"/>
      <c r="TZG120" s="26"/>
      <c r="TZH120" s="26"/>
      <c r="TZI120" s="26"/>
      <c r="TZJ120" s="26"/>
      <c r="TZK120" s="26"/>
      <c r="TZL120" s="26"/>
      <c r="TZM120" s="26"/>
      <c r="TZN120" s="26"/>
      <c r="TZO120" s="26"/>
      <c r="TZP120" s="26"/>
      <c r="TZQ120" s="26"/>
      <c r="TZR120" s="26"/>
      <c r="TZS120" s="26"/>
      <c r="TZT120" s="26"/>
      <c r="TZU120" s="26"/>
      <c r="TZV120" s="26"/>
      <c r="TZW120" s="26"/>
      <c r="TZX120" s="26"/>
      <c r="TZY120" s="26"/>
      <c r="TZZ120" s="26"/>
      <c r="UAA120" s="26"/>
      <c r="UAB120" s="26"/>
      <c r="UAC120" s="26"/>
      <c r="UAD120" s="26"/>
      <c r="UAE120" s="26"/>
      <c r="UAF120" s="26"/>
      <c r="UAG120" s="26"/>
      <c r="UAH120" s="26"/>
      <c r="UAI120" s="26"/>
      <c r="UAJ120" s="26"/>
      <c r="UAK120" s="26"/>
      <c r="UAL120" s="26"/>
      <c r="UAM120" s="26"/>
      <c r="UAN120" s="26"/>
      <c r="UAO120" s="26"/>
      <c r="UAP120" s="26"/>
      <c r="UAQ120" s="26"/>
      <c r="UAR120" s="26"/>
      <c r="UAS120" s="26"/>
      <c r="UAT120" s="26"/>
      <c r="UAU120" s="26"/>
      <c r="UAV120" s="26"/>
      <c r="UAW120" s="26"/>
      <c r="UAX120" s="26"/>
      <c r="UAY120" s="26"/>
      <c r="UAZ120" s="26"/>
      <c r="UBA120" s="26"/>
      <c r="UBB120" s="26"/>
      <c r="UBC120" s="26"/>
      <c r="UBD120" s="26"/>
      <c r="UBE120" s="26"/>
      <c r="UBF120" s="26"/>
      <c r="UBG120" s="26"/>
      <c r="UBH120" s="26"/>
      <c r="UBI120" s="26"/>
      <c r="UBJ120" s="26"/>
      <c r="UBK120" s="26"/>
      <c r="UBL120" s="26"/>
      <c r="UBM120" s="26"/>
      <c r="UBN120" s="26"/>
      <c r="UBO120" s="26"/>
      <c r="UBP120" s="26"/>
      <c r="UBQ120" s="26"/>
      <c r="UBR120" s="26"/>
      <c r="UBS120" s="26"/>
      <c r="UBT120" s="26"/>
      <c r="UBU120" s="26"/>
      <c r="UBV120" s="26"/>
      <c r="UBW120" s="26"/>
      <c r="UBX120" s="26"/>
      <c r="UBY120" s="26"/>
      <c r="UBZ120" s="26"/>
      <c r="UCA120" s="26"/>
      <c r="UCB120" s="26"/>
      <c r="UCC120" s="26"/>
      <c r="UCD120" s="26"/>
      <c r="UCE120" s="26"/>
      <c r="UCF120" s="26"/>
      <c r="UCG120" s="26"/>
      <c r="UCH120" s="26"/>
      <c r="UCI120" s="26"/>
      <c r="UCJ120" s="26"/>
      <c r="UCK120" s="26"/>
      <c r="UCL120" s="26"/>
      <c r="UCM120" s="26"/>
      <c r="UCN120" s="26"/>
      <c r="UCO120" s="26"/>
      <c r="UCP120" s="26"/>
      <c r="UCQ120" s="26"/>
      <c r="UCR120" s="26"/>
      <c r="UCS120" s="26"/>
      <c r="UCT120" s="26"/>
      <c r="UCU120" s="26"/>
      <c r="UCV120" s="26"/>
      <c r="UCW120" s="26"/>
      <c r="UCX120" s="26"/>
      <c r="UCY120" s="26"/>
      <c r="UCZ120" s="26"/>
      <c r="UDA120" s="26"/>
      <c r="UDB120" s="26"/>
      <c r="UDC120" s="26"/>
      <c r="UDD120" s="26"/>
      <c r="UDE120" s="26"/>
      <c r="UDF120" s="26"/>
      <c r="UDG120" s="26"/>
      <c r="UDH120" s="26"/>
      <c r="UDI120" s="26"/>
      <c r="UDJ120" s="26"/>
      <c r="UDK120" s="26"/>
      <c r="UDL120" s="26"/>
      <c r="UDM120" s="26"/>
      <c r="UDN120" s="26"/>
      <c r="UDO120" s="26"/>
      <c r="UDP120" s="26"/>
      <c r="UDQ120" s="26"/>
      <c r="UDR120" s="26"/>
      <c r="UDS120" s="26"/>
      <c r="UDT120" s="26"/>
      <c r="UDU120" s="26"/>
      <c r="UDV120" s="26"/>
      <c r="UDW120" s="26"/>
      <c r="UDX120" s="26"/>
      <c r="UDY120" s="26"/>
      <c r="UDZ120" s="26"/>
      <c r="UEA120" s="26"/>
      <c r="UEB120" s="26"/>
      <c r="UEC120" s="26"/>
      <c r="UED120" s="26"/>
      <c r="UEE120" s="26"/>
      <c r="UEF120" s="26"/>
      <c r="UEG120" s="26"/>
      <c r="UEH120" s="26"/>
      <c r="UEI120" s="26"/>
      <c r="UEJ120" s="26"/>
      <c r="UEK120" s="26"/>
      <c r="UEL120" s="26"/>
      <c r="UEM120" s="26"/>
      <c r="UEN120" s="26"/>
      <c r="UEO120" s="26"/>
      <c r="UEP120" s="26"/>
      <c r="UEQ120" s="26"/>
      <c r="UER120" s="26"/>
      <c r="UES120" s="26"/>
      <c r="UET120" s="26"/>
      <c r="UEU120" s="26"/>
      <c r="UEV120" s="26"/>
      <c r="UEW120" s="26"/>
      <c r="UEX120" s="26"/>
      <c r="UEY120" s="26"/>
      <c r="UEZ120" s="26"/>
      <c r="UFA120" s="26"/>
      <c r="UFB120" s="26"/>
      <c r="UFC120" s="26"/>
      <c r="UFD120" s="26"/>
      <c r="UFE120" s="26"/>
      <c r="UFF120" s="26"/>
      <c r="UFG120" s="26"/>
      <c r="UFH120" s="26"/>
      <c r="UFI120" s="26"/>
      <c r="UFJ120" s="26"/>
      <c r="UFK120" s="26"/>
      <c r="UFL120" s="26"/>
      <c r="UFM120" s="26"/>
      <c r="UFN120" s="26"/>
      <c r="UFO120" s="26"/>
      <c r="UFP120" s="26"/>
      <c r="UFQ120" s="26"/>
      <c r="UFR120" s="26"/>
      <c r="UFS120" s="26"/>
      <c r="UFT120" s="26"/>
      <c r="UFU120" s="26"/>
      <c r="UFV120" s="26"/>
      <c r="UFW120" s="26"/>
      <c r="UFX120" s="26"/>
      <c r="UFY120" s="26"/>
      <c r="UFZ120" s="26"/>
      <c r="UGA120" s="26"/>
      <c r="UGB120" s="26"/>
      <c r="UGC120" s="26"/>
      <c r="UGD120" s="26"/>
      <c r="UGE120" s="26"/>
      <c r="UGF120" s="26"/>
      <c r="UGG120" s="26"/>
      <c r="UGH120" s="26"/>
      <c r="UGI120" s="26"/>
      <c r="UGJ120" s="26"/>
      <c r="UGK120" s="26"/>
      <c r="UGL120" s="26"/>
      <c r="UGM120" s="26"/>
      <c r="UGN120" s="26"/>
      <c r="UGO120" s="26"/>
      <c r="UGP120" s="26"/>
      <c r="UGQ120" s="26"/>
      <c r="UGR120" s="26"/>
      <c r="UGS120" s="26"/>
      <c r="UGT120" s="26"/>
      <c r="UGU120" s="26"/>
      <c r="UGV120" s="26"/>
      <c r="UGW120" s="26"/>
      <c r="UGX120" s="26"/>
      <c r="UGY120" s="26"/>
      <c r="UGZ120" s="26"/>
      <c r="UHA120" s="26"/>
      <c r="UHB120" s="26"/>
      <c r="UHC120" s="26"/>
      <c r="UHD120" s="26"/>
      <c r="UHE120" s="26"/>
      <c r="UHF120" s="26"/>
      <c r="UHG120" s="26"/>
      <c r="UHH120" s="26"/>
      <c r="UHI120" s="26"/>
      <c r="UHJ120" s="26"/>
      <c r="UHK120" s="26"/>
      <c r="UHL120" s="26"/>
      <c r="UHM120" s="26"/>
      <c r="UHN120" s="26"/>
      <c r="UHO120" s="26"/>
      <c r="UHP120" s="26"/>
      <c r="UHQ120" s="26"/>
      <c r="UHR120" s="26"/>
      <c r="UHS120" s="26"/>
      <c r="UHT120" s="26"/>
      <c r="UHU120" s="26"/>
      <c r="UHV120" s="26"/>
      <c r="UHW120" s="26"/>
      <c r="UHX120" s="26"/>
      <c r="UHY120" s="26"/>
      <c r="UHZ120" s="26"/>
      <c r="UIA120" s="26"/>
      <c r="UIB120" s="26"/>
      <c r="UIC120" s="26"/>
      <c r="UID120" s="26"/>
      <c r="UIE120" s="26"/>
      <c r="UIF120" s="26"/>
      <c r="UIG120" s="26"/>
      <c r="UIH120" s="26"/>
      <c r="UII120" s="26"/>
      <c r="UIJ120" s="26"/>
      <c r="UIK120" s="26"/>
      <c r="UIL120" s="26"/>
      <c r="UIM120" s="26"/>
      <c r="UIN120" s="26"/>
      <c r="UIO120" s="26"/>
      <c r="UIP120" s="26"/>
      <c r="UIQ120" s="26"/>
      <c r="UIR120" s="26"/>
      <c r="UIS120" s="26"/>
      <c r="UIT120" s="26"/>
      <c r="UIU120" s="26"/>
      <c r="UIV120" s="26"/>
      <c r="UIW120" s="26"/>
      <c r="UIX120" s="26"/>
      <c r="UIY120" s="26"/>
      <c r="UIZ120" s="26"/>
      <c r="UJA120" s="26"/>
      <c r="UJB120" s="26"/>
      <c r="UJC120" s="26"/>
      <c r="UJD120" s="26"/>
      <c r="UJE120" s="26"/>
      <c r="UJF120" s="26"/>
      <c r="UJG120" s="26"/>
      <c r="UJH120" s="26"/>
      <c r="UJI120" s="26"/>
      <c r="UJJ120" s="26"/>
      <c r="UJK120" s="26"/>
      <c r="UJL120" s="26"/>
      <c r="UJM120" s="26"/>
      <c r="UJN120" s="26"/>
      <c r="UJO120" s="26"/>
      <c r="UJP120" s="26"/>
      <c r="UJQ120" s="26"/>
      <c r="UJR120" s="26"/>
      <c r="UJS120" s="26"/>
      <c r="UJT120" s="26"/>
      <c r="UJU120" s="26"/>
      <c r="UJV120" s="26"/>
      <c r="UJW120" s="26"/>
      <c r="UJX120" s="26"/>
      <c r="UJY120" s="26"/>
      <c r="UJZ120" s="26"/>
      <c r="UKA120" s="26"/>
      <c r="UKB120" s="26"/>
      <c r="UKC120" s="26"/>
      <c r="UKD120" s="26"/>
      <c r="UKE120" s="26"/>
      <c r="UKF120" s="26"/>
      <c r="UKG120" s="26"/>
      <c r="UKH120" s="26"/>
      <c r="UKI120" s="26"/>
      <c r="UKJ120" s="26"/>
      <c r="UKK120" s="26"/>
      <c r="UKL120" s="26"/>
      <c r="UKM120" s="26"/>
      <c r="UKN120" s="26"/>
      <c r="UKO120" s="26"/>
      <c r="UKP120" s="26"/>
      <c r="UKQ120" s="26"/>
      <c r="UKR120" s="26"/>
      <c r="UKS120" s="26"/>
      <c r="UKT120" s="26"/>
      <c r="UKU120" s="26"/>
      <c r="UKV120" s="26"/>
      <c r="UKW120" s="26"/>
      <c r="UKX120" s="26"/>
      <c r="UKY120" s="26"/>
      <c r="UKZ120" s="26"/>
      <c r="ULA120" s="26"/>
      <c r="ULB120" s="26"/>
      <c r="ULC120" s="26"/>
      <c r="ULD120" s="26"/>
      <c r="ULE120" s="26"/>
      <c r="ULF120" s="26"/>
      <c r="ULG120" s="26"/>
      <c r="ULH120" s="26"/>
      <c r="ULI120" s="26"/>
      <c r="ULJ120" s="26"/>
      <c r="ULK120" s="26"/>
      <c r="ULL120" s="26"/>
      <c r="ULM120" s="26"/>
      <c r="ULN120" s="26"/>
      <c r="ULO120" s="26"/>
      <c r="ULP120" s="26"/>
      <c r="ULQ120" s="26"/>
      <c r="ULR120" s="26"/>
      <c r="ULS120" s="26"/>
      <c r="ULT120" s="26"/>
      <c r="ULU120" s="26"/>
      <c r="ULV120" s="26"/>
      <c r="ULW120" s="26"/>
      <c r="ULX120" s="26"/>
      <c r="ULY120" s="26"/>
      <c r="ULZ120" s="26"/>
      <c r="UMA120" s="26"/>
      <c r="UMB120" s="26"/>
      <c r="UMC120" s="26"/>
      <c r="UMD120" s="26"/>
      <c r="UME120" s="26"/>
      <c r="UMF120" s="26"/>
      <c r="UMG120" s="26"/>
      <c r="UMH120" s="26"/>
      <c r="UMI120" s="26"/>
      <c r="UMJ120" s="26"/>
      <c r="UMK120" s="26"/>
      <c r="UML120" s="26"/>
      <c r="UMM120" s="26"/>
      <c r="UMN120" s="26"/>
      <c r="UMO120" s="26"/>
      <c r="UMP120" s="26"/>
      <c r="UMQ120" s="26"/>
      <c r="UMR120" s="26"/>
      <c r="UMS120" s="26"/>
      <c r="UMT120" s="26"/>
      <c r="UMU120" s="26"/>
      <c r="UMV120" s="26"/>
      <c r="UMW120" s="26"/>
      <c r="UMX120" s="26"/>
      <c r="UMY120" s="26"/>
      <c r="UMZ120" s="26"/>
      <c r="UNA120" s="26"/>
      <c r="UNB120" s="26"/>
      <c r="UNC120" s="26"/>
      <c r="UND120" s="26"/>
      <c r="UNE120" s="26"/>
      <c r="UNF120" s="26"/>
      <c r="UNG120" s="26"/>
      <c r="UNH120" s="26"/>
      <c r="UNI120" s="26"/>
      <c r="UNJ120" s="26"/>
      <c r="UNK120" s="26"/>
      <c r="UNL120" s="26"/>
      <c r="UNM120" s="26"/>
      <c r="UNN120" s="26"/>
      <c r="UNO120" s="26"/>
      <c r="UNP120" s="26"/>
      <c r="UNQ120" s="26"/>
      <c r="UNR120" s="26"/>
      <c r="UNS120" s="26"/>
      <c r="UNT120" s="26"/>
      <c r="UNU120" s="26"/>
      <c r="UNV120" s="26"/>
      <c r="UNW120" s="26"/>
      <c r="UNX120" s="26"/>
      <c r="UNY120" s="26"/>
      <c r="UNZ120" s="26"/>
      <c r="UOA120" s="26"/>
      <c r="UOB120" s="26"/>
      <c r="UOC120" s="26"/>
      <c r="UOD120" s="26"/>
      <c r="UOE120" s="26"/>
      <c r="UOF120" s="26"/>
      <c r="UOG120" s="26"/>
      <c r="UOH120" s="26"/>
      <c r="UOI120" s="26"/>
      <c r="UOJ120" s="26"/>
      <c r="UOK120" s="26"/>
      <c r="UOL120" s="26"/>
      <c r="UOM120" s="26"/>
      <c r="UON120" s="26"/>
      <c r="UOO120" s="26"/>
      <c r="UOP120" s="26"/>
      <c r="UOQ120" s="26"/>
      <c r="UOR120" s="26"/>
      <c r="UOS120" s="26"/>
      <c r="UOT120" s="26"/>
      <c r="UOU120" s="26"/>
      <c r="UOV120" s="26"/>
      <c r="UOW120" s="26"/>
      <c r="UOX120" s="26"/>
      <c r="UOY120" s="26"/>
      <c r="UOZ120" s="26"/>
      <c r="UPA120" s="26"/>
      <c r="UPB120" s="26"/>
      <c r="UPC120" s="26"/>
      <c r="UPD120" s="26"/>
      <c r="UPE120" s="26"/>
      <c r="UPF120" s="26"/>
      <c r="UPG120" s="26"/>
      <c r="UPH120" s="26"/>
      <c r="UPI120" s="26"/>
      <c r="UPJ120" s="26"/>
      <c r="UPK120" s="26"/>
      <c r="UPL120" s="26"/>
      <c r="UPM120" s="26"/>
      <c r="UPN120" s="26"/>
      <c r="UPO120" s="26"/>
      <c r="UPP120" s="26"/>
      <c r="UPQ120" s="26"/>
      <c r="UPR120" s="26"/>
      <c r="UPS120" s="26"/>
      <c r="UPT120" s="26"/>
      <c r="UPU120" s="26"/>
      <c r="UPV120" s="26"/>
      <c r="UPW120" s="26"/>
      <c r="UPX120" s="26"/>
      <c r="UPY120" s="26"/>
      <c r="UPZ120" s="26"/>
      <c r="UQA120" s="26"/>
      <c r="UQB120" s="26"/>
      <c r="UQC120" s="26"/>
      <c r="UQD120" s="26"/>
      <c r="UQE120" s="26"/>
      <c r="UQF120" s="26"/>
      <c r="UQG120" s="26"/>
      <c r="UQH120" s="26"/>
      <c r="UQI120" s="26"/>
      <c r="UQJ120" s="26"/>
      <c r="UQK120" s="26"/>
      <c r="UQL120" s="26"/>
      <c r="UQM120" s="26"/>
      <c r="UQN120" s="26"/>
      <c r="UQO120" s="26"/>
      <c r="UQP120" s="26"/>
      <c r="UQQ120" s="26"/>
      <c r="UQR120" s="26"/>
      <c r="UQS120" s="26"/>
      <c r="UQT120" s="26"/>
      <c r="UQU120" s="26"/>
      <c r="UQV120" s="26"/>
      <c r="UQW120" s="26"/>
      <c r="UQX120" s="26"/>
      <c r="UQY120" s="26"/>
      <c r="UQZ120" s="26"/>
      <c r="URA120" s="26"/>
      <c r="URB120" s="26"/>
      <c r="URC120" s="26"/>
      <c r="URD120" s="26"/>
      <c r="URE120" s="26"/>
      <c r="URF120" s="26"/>
      <c r="URG120" s="26"/>
      <c r="URH120" s="26"/>
      <c r="URI120" s="26"/>
      <c r="URJ120" s="26"/>
      <c r="URK120" s="26"/>
      <c r="URL120" s="26"/>
      <c r="URM120" s="26"/>
      <c r="URN120" s="26"/>
      <c r="URO120" s="26"/>
      <c r="URP120" s="26"/>
      <c r="URQ120" s="26"/>
      <c r="URR120" s="26"/>
      <c r="URS120" s="26"/>
      <c r="URT120" s="26"/>
      <c r="URU120" s="26"/>
      <c r="URV120" s="26"/>
      <c r="URW120" s="26"/>
      <c r="URX120" s="26"/>
      <c r="URY120" s="26"/>
      <c r="URZ120" s="26"/>
      <c r="USA120" s="26"/>
      <c r="USB120" s="26"/>
      <c r="USC120" s="26"/>
      <c r="USD120" s="26"/>
      <c r="USE120" s="26"/>
      <c r="USF120" s="26"/>
      <c r="USG120" s="26"/>
      <c r="USH120" s="26"/>
      <c r="USI120" s="26"/>
      <c r="USJ120" s="26"/>
      <c r="USK120" s="26"/>
      <c r="USL120" s="26"/>
      <c r="USM120" s="26"/>
      <c r="USN120" s="26"/>
      <c r="USO120" s="26"/>
      <c r="USP120" s="26"/>
      <c r="USQ120" s="26"/>
      <c r="USR120" s="26"/>
      <c r="USS120" s="26"/>
      <c r="UST120" s="26"/>
      <c r="USU120" s="26"/>
      <c r="USV120" s="26"/>
      <c r="USW120" s="26"/>
      <c r="USX120" s="26"/>
      <c r="USY120" s="26"/>
      <c r="USZ120" s="26"/>
      <c r="UTA120" s="26"/>
      <c r="UTB120" s="26"/>
      <c r="UTC120" s="26"/>
      <c r="UTD120" s="26"/>
      <c r="UTE120" s="26"/>
      <c r="UTF120" s="26"/>
      <c r="UTG120" s="26"/>
      <c r="UTH120" s="26"/>
      <c r="UTI120" s="26"/>
      <c r="UTJ120" s="26"/>
      <c r="UTK120" s="26"/>
      <c r="UTL120" s="26"/>
      <c r="UTM120" s="26"/>
      <c r="UTN120" s="26"/>
      <c r="UTO120" s="26"/>
      <c r="UTP120" s="26"/>
      <c r="UTQ120" s="26"/>
      <c r="UTR120" s="26"/>
      <c r="UTS120" s="26"/>
      <c r="UTT120" s="26"/>
      <c r="UTU120" s="26"/>
      <c r="UTV120" s="26"/>
      <c r="UTW120" s="26"/>
      <c r="UTX120" s="26"/>
      <c r="UTY120" s="26"/>
      <c r="UTZ120" s="26"/>
      <c r="UUA120" s="26"/>
      <c r="UUB120" s="26"/>
      <c r="UUC120" s="26"/>
      <c r="UUD120" s="26"/>
      <c r="UUE120" s="26"/>
      <c r="UUF120" s="26"/>
      <c r="UUG120" s="26"/>
      <c r="UUH120" s="26"/>
      <c r="UUI120" s="26"/>
      <c r="UUJ120" s="26"/>
      <c r="UUK120" s="26"/>
      <c r="UUL120" s="26"/>
      <c r="UUM120" s="26"/>
      <c r="UUN120" s="26"/>
      <c r="UUO120" s="26"/>
      <c r="UUP120" s="26"/>
      <c r="UUQ120" s="26"/>
      <c r="UUR120" s="26"/>
      <c r="UUS120" s="26"/>
      <c r="UUT120" s="26"/>
      <c r="UUU120" s="26"/>
      <c r="UUV120" s="26"/>
      <c r="UUW120" s="26"/>
      <c r="UUX120" s="26"/>
      <c r="UUY120" s="26"/>
      <c r="UUZ120" s="26"/>
      <c r="UVA120" s="26"/>
      <c r="UVB120" s="26"/>
      <c r="UVC120" s="26"/>
      <c r="UVD120" s="26"/>
      <c r="UVE120" s="26"/>
      <c r="UVF120" s="26"/>
      <c r="UVG120" s="26"/>
      <c r="UVH120" s="26"/>
      <c r="UVI120" s="26"/>
      <c r="UVJ120" s="26"/>
      <c r="UVK120" s="26"/>
      <c r="UVL120" s="26"/>
      <c r="UVM120" s="26"/>
      <c r="UVN120" s="26"/>
      <c r="UVO120" s="26"/>
      <c r="UVP120" s="26"/>
      <c r="UVQ120" s="26"/>
      <c r="UVR120" s="26"/>
      <c r="UVS120" s="26"/>
      <c r="UVT120" s="26"/>
      <c r="UVU120" s="26"/>
      <c r="UVV120" s="26"/>
      <c r="UVW120" s="26"/>
      <c r="UVX120" s="26"/>
      <c r="UVY120" s="26"/>
      <c r="UVZ120" s="26"/>
      <c r="UWA120" s="26"/>
      <c r="UWB120" s="26"/>
      <c r="UWC120" s="26"/>
      <c r="UWD120" s="26"/>
      <c r="UWE120" s="26"/>
      <c r="UWF120" s="26"/>
      <c r="UWG120" s="26"/>
      <c r="UWH120" s="26"/>
      <c r="UWI120" s="26"/>
      <c r="UWJ120" s="26"/>
      <c r="UWK120" s="26"/>
      <c r="UWL120" s="26"/>
      <c r="UWM120" s="26"/>
      <c r="UWN120" s="26"/>
      <c r="UWO120" s="26"/>
      <c r="UWP120" s="26"/>
      <c r="UWQ120" s="26"/>
      <c r="UWR120" s="26"/>
      <c r="UWS120" s="26"/>
      <c r="UWT120" s="26"/>
      <c r="UWU120" s="26"/>
      <c r="UWV120" s="26"/>
      <c r="UWW120" s="26"/>
      <c r="UWX120" s="26"/>
      <c r="UWY120" s="26"/>
      <c r="UWZ120" s="26"/>
      <c r="UXA120" s="26"/>
      <c r="UXB120" s="26"/>
      <c r="UXC120" s="26"/>
      <c r="UXD120" s="26"/>
      <c r="UXE120" s="26"/>
      <c r="UXF120" s="26"/>
      <c r="UXG120" s="26"/>
      <c r="UXH120" s="26"/>
      <c r="UXI120" s="26"/>
      <c r="UXJ120" s="26"/>
      <c r="UXK120" s="26"/>
      <c r="UXL120" s="26"/>
      <c r="UXM120" s="26"/>
      <c r="UXN120" s="26"/>
      <c r="UXO120" s="26"/>
      <c r="UXP120" s="26"/>
      <c r="UXQ120" s="26"/>
      <c r="UXR120" s="26"/>
      <c r="UXS120" s="26"/>
      <c r="UXT120" s="26"/>
      <c r="UXU120" s="26"/>
      <c r="UXV120" s="26"/>
      <c r="UXW120" s="26"/>
      <c r="UXX120" s="26"/>
      <c r="UXY120" s="26"/>
      <c r="UXZ120" s="26"/>
      <c r="UYA120" s="26"/>
      <c r="UYB120" s="26"/>
      <c r="UYC120" s="26"/>
      <c r="UYD120" s="26"/>
      <c r="UYE120" s="26"/>
      <c r="UYF120" s="26"/>
      <c r="UYG120" s="26"/>
      <c r="UYH120" s="26"/>
      <c r="UYI120" s="26"/>
      <c r="UYJ120" s="26"/>
      <c r="UYK120" s="26"/>
      <c r="UYL120" s="26"/>
      <c r="UYM120" s="26"/>
      <c r="UYN120" s="26"/>
      <c r="UYO120" s="26"/>
      <c r="UYP120" s="26"/>
      <c r="UYQ120" s="26"/>
      <c r="UYR120" s="26"/>
      <c r="UYS120" s="26"/>
      <c r="UYT120" s="26"/>
      <c r="UYU120" s="26"/>
      <c r="UYV120" s="26"/>
      <c r="UYW120" s="26"/>
      <c r="UYX120" s="26"/>
      <c r="UYY120" s="26"/>
      <c r="UYZ120" s="26"/>
      <c r="UZA120" s="26"/>
      <c r="UZB120" s="26"/>
      <c r="UZC120" s="26"/>
      <c r="UZD120" s="26"/>
      <c r="UZE120" s="26"/>
      <c r="UZF120" s="26"/>
      <c r="UZG120" s="26"/>
      <c r="UZH120" s="26"/>
      <c r="UZI120" s="26"/>
      <c r="UZJ120" s="26"/>
      <c r="UZK120" s="26"/>
      <c r="UZL120" s="26"/>
      <c r="UZM120" s="26"/>
      <c r="UZN120" s="26"/>
      <c r="UZO120" s="26"/>
      <c r="UZP120" s="26"/>
      <c r="UZQ120" s="26"/>
      <c r="UZR120" s="26"/>
      <c r="UZS120" s="26"/>
      <c r="UZT120" s="26"/>
      <c r="UZU120" s="26"/>
      <c r="UZV120" s="26"/>
      <c r="UZW120" s="26"/>
      <c r="UZX120" s="26"/>
      <c r="UZY120" s="26"/>
      <c r="UZZ120" s="26"/>
      <c r="VAA120" s="26"/>
      <c r="VAB120" s="26"/>
      <c r="VAC120" s="26"/>
      <c r="VAD120" s="26"/>
      <c r="VAE120" s="26"/>
      <c r="VAF120" s="26"/>
      <c r="VAG120" s="26"/>
      <c r="VAH120" s="26"/>
      <c r="VAI120" s="26"/>
      <c r="VAJ120" s="26"/>
      <c r="VAK120" s="26"/>
      <c r="VAL120" s="26"/>
      <c r="VAM120" s="26"/>
      <c r="VAN120" s="26"/>
      <c r="VAO120" s="26"/>
      <c r="VAP120" s="26"/>
      <c r="VAQ120" s="26"/>
      <c r="VAR120" s="26"/>
      <c r="VAS120" s="26"/>
      <c r="VAT120" s="26"/>
      <c r="VAU120" s="26"/>
      <c r="VAV120" s="26"/>
      <c r="VAW120" s="26"/>
      <c r="VAX120" s="26"/>
      <c r="VAY120" s="26"/>
      <c r="VAZ120" s="26"/>
      <c r="VBA120" s="26"/>
      <c r="VBB120" s="26"/>
      <c r="VBC120" s="26"/>
      <c r="VBD120" s="26"/>
      <c r="VBE120" s="26"/>
      <c r="VBF120" s="26"/>
      <c r="VBG120" s="26"/>
      <c r="VBH120" s="26"/>
      <c r="VBI120" s="26"/>
      <c r="VBJ120" s="26"/>
      <c r="VBK120" s="26"/>
      <c r="VBL120" s="26"/>
      <c r="VBM120" s="26"/>
      <c r="VBN120" s="26"/>
      <c r="VBO120" s="26"/>
      <c r="VBP120" s="26"/>
      <c r="VBQ120" s="26"/>
      <c r="VBR120" s="26"/>
      <c r="VBS120" s="26"/>
      <c r="VBT120" s="26"/>
      <c r="VBU120" s="26"/>
      <c r="VBV120" s="26"/>
      <c r="VBW120" s="26"/>
      <c r="VBX120" s="26"/>
      <c r="VBY120" s="26"/>
      <c r="VBZ120" s="26"/>
      <c r="VCA120" s="26"/>
      <c r="VCB120" s="26"/>
      <c r="VCC120" s="26"/>
      <c r="VCD120" s="26"/>
      <c r="VCE120" s="26"/>
      <c r="VCF120" s="26"/>
      <c r="VCG120" s="26"/>
      <c r="VCH120" s="26"/>
      <c r="VCI120" s="26"/>
      <c r="VCJ120" s="26"/>
      <c r="VCK120" s="26"/>
      <c r="VCL120" s="26"/>
      <c r="VCM120" s="26"/>
      <c r="VCN120" s="26"/>
      <c r="VCO120" s="26"/>
      <c r="VCP120" s="26"/>
      <c r="VCQ120" s="26"/>
      <c r="VCR120" s="26"/>
      <c r="VCS120" s="26"/>
      <c r="VCT120" s="26"/>
      <c r="VCU120" s="26"/>
      <c r="VCV120" s="26"/>
      <c r="VCW120" s="26"/>
      <c r="VCX120" s="26"/>
      <c r="VCY120" s="26"/>
      <c r="VCZ120" s="26"/>
      <c r="VDA120" s="26"/>
      <c r="VDB120" s="26"/>
      <c r="VDC120" s="26"/>
      <c r="VDD120" s="26"/>
      <c r="VDE120" s="26"/>
      <c r="VDF120" s="26"/>
      <c r="VDG120" s="26"/>
      <c r="VDH120" s="26"/>
      <c r="VDI120" s="26"/>
      <c r="VDJ120" s="26"/>
      <c r="VDK120" s="26"/>
      <c r="VDL120" s="26"/>
      <c r="VDM120" s="26"/>
      <c r="VDN120" s="26"/>
      <c r="VDO120" s="26"/>
      <c r="VDP120" s="26"/>
      <c r="VDQ120" s="26"/>
      <c r="VDR120" s="26"/>
      <c r="VDS120" s="26"/>
      <c r="VDT120" s="26"/>
      <c r="VDU120" s="26"/>
      <c r="VDV120" s="26"/>
      <c r="VDW120" s="26"/>
      <c r="VDX120" s="26"/>
      <c r="VDY120" s="26"/>
      <c r="VDZ120" s="26"/>
      <c r="VEA120" s="26"/>
      <c r="VEB120" s="26"/>
      <c r="VEC120" s="26"/>
      <c r="VED120" s="26"/>
      <c r="VEE120" s="26"/>
      <c r="VEF120" s="26"/>
      <c r="VEG120" s="26"/>
      <c r="VEH120" s="26"/>
      <c r="VEI120" s="26"/>
      <c r="VEJ120" s="26"/>
      <c r="VEK120" s="26"/>
      <c r="VEL120" s="26"/>
      <c r="VEM120" s="26"/>
      <c r="VEN120" s="26"/>
      <c r="VEO120" s="26"/>
      <c r="VEP120" s="26"/>
      <c r="VEQ120" s="26"/>
      <c r="VER120" s="26"/>
      <c r="VES120" s="26"/>
      <c r="VET120" s="26"/>
      <c r="VEU120" s="26"/>
      <c r="VEV120" s="26"/>
      <c r="VEW120" s="26"/>
      <c r="VEX120" s="26"/>
      <c r="VEY120" s="26"/>
      <c r="VEZ120" s="26"/>
      <c r="VFA120" s="26"/>
      <c r="VFB120" s="26"/>
      <c r="VFC120" s="26"/>
      <c r="VFD120" s="26"/>
      <c r="VFE120" s="26"/>
      <c r="VFF120" s="26"/>
      <c r="VFG120" s="26"/>
      <c r="VFH120" s="26"/>
      <c r="VFI120" s="26"/>
      <c r="VFJ120" s="26"/>
      <c r="VFK120" s="26"/>
      <c r="VFL120" s="26"/>
      <c r="VFM120" s="26"/>
      <c r="VFN120" s="26"/>
      <c r="VFO120" s="26"/>
      <c r="VFP120" s="26"/>
      <c r="VFQ120" s="26"/>
      <c r="VFR120" s="26"/>
      <c r="VFS120" s="26"/>
      <c r="VFT120" s="26"/>
      <c r="VFU120" s="26"/>
      <c r="VFV120" s="26"/>
      <c r="VFW120" s="26"/>
      <c r="VFX120" s="26"/>
      <c r="VFY120" s="26"/>
      <c r="VFZ120" s="26"/>
      <c r="VGA120" s="26"/>
      <c r="VGB120" s="26"/>
      <c r="VGC120" s="26"/>
      <c r="VGD120" s="26"/>
      <c r="VGE120" s="26"/>
      <c r="VGF120" s="26"/>
      <c r="VGG120" s="26"/>
      <c r="VGH120" s="26"/>
      <c r="VGI120" s="26"/>
      <c r="VGJ120" s="26"/>
      <c r="VGK120" s="26"/>
      <c r="VGL120" s="26"/>
      <c r="VGM120" s="26"/>
      <c r="VGN120" s="26"/>
      <c r="VGO120" s="26"/>
      <c r="VGP120" s="26"/>
      <c r="VGQ120" s="26"/>
      <c r="VGR120" s="26"/>
      <c r="VGS120" s="26"/>
      <c r="VGT120" s="26"/>
      <c r="VGU120" s="26"/>
      <c r="VGV120" s="26"/>
      <c r="VGW120" s="26"/>
      <c r="VGX120" s="26"/>
      <c r="VGY120" s="26"/>
      <c r="VGZ120" s="26"/>
      <c r="VHA120" s="26"/>
      <c r="VHB120" s="26"/>
      <c r="VHC120" s="26"/>
      <c r="VHD120" s="26"/>
      <c r="VHE120" s="26"/>
      <c r="VHF120" s="26"/>
      <c r="VHG120" s="26"/>
      <c r="VHH120" s="26"/>
      <c r="VHI120" s="26"/>
      <c r="VHJ120" s="26"/>
      <c r="VHK120" s="26"/>
      <c r="VHL120" s="26"/>
      <c r="VHM120" s="26"/>
      <c r="VHN120" s="26"/>
      <c r="VHO120" s="26"/>
      <c r="VHP120" s="26"/>
      <c r="VHQ120" s="26"/>
      <c r="VHR120" s="26"/>
      <c r="VHS120" s="26"/>
      <c r="VHT120" s="26"/>
      <c r="VHU120" s="26"/>
      <c r="VHV120" s="26"/>
      <c r="VHW120" s="26"/>
      <c r="VHX120" s="26"/>
      <c r="VHY120" s="26"/>
      <c r="VHZ120" s="26"/>
      <c r="VIA120" s="26"/>
      <c r="VIB120" s="26"/>
      <c r="VIC120" s="26"/>
      <c r="VID120" s="26"/>
      <c r="VIE120" s="26"/>
      <c r="VIF120" s="26"/>
      <c r="VIG120" s="26"/>
      <c r="VIH120" s="26"/>
      <c r="VII120" s="26"/>
      <c r="VIJ120" s="26"/>
      <c r="VIK120" s="26"/>
      <c r="VIL120" s="26"/>
      <c r="VIM120" s="26"/>
      <c r="VIN120" s="26"/>
      <c r="VIO120" s="26"/>
      <c r="VIP120" s="26"/>
      <c r="VIQ120" s="26"/>
      <c r="VIR120" s="26"/>
      <c r="VIS120" s="26"/>
      <c r="VIT120" s="26"/>
      <c r="VIU120" s="26"/>
      <c r="VIV120" s="26"/>
      <c r="VIW120" s="26"/>
      <c r="VIX120" s="26"/>
      <c r="VIY120" s="26"/>
      <c r="VIZ120" s="26"/>
      <c r="VJA120" s="26"/>
      <c r="VJB120" s="26"/>
      <c r="VJC120" s="26"/>
      <c r="VJD120" s="26"/>
      <c r="VJE120" s="26"/>
      <c r="VJF120" s="26"/>
      <c r="VJG120" s="26"/>
      <c r="VJH120" s="26"/>
      <c r="VJI120" s="26"/>
      <c r="VJJ120" s="26"/>
      <c r="VJK120" s="26"/>
      <c r="VJL120" s="26"/>
      <c r="VJM120" s="26"/>
      <c r="VJN120" s="26"/>
      <c r="VJO120" s="26"/>
      <c r="VJP120" s="26"/>
      <c r="VJQ120" s="26"/>
      <c r="VJR120" s="26"/>
      <c r="VJS120" s="26"/>
      <c r="VJT120" s="26"/>
      <c r="VJU120" s="26"/>
      <c r="VJV120" s="26"/>
      <c r="VJW120" s="26"/>
      <c r="VJX120" s="26"/>
      <c r="VJY120" s="26"/>
      <c r="VJZ120" s="26"/>
      <c r="VKA120" s="26"/>
      <c r="VKB120" s="26"/>
      <c r="VKC120" s="26"/>
      <c r="VKD120" s="26"/>
      <c r="VKE120" s="26"/>
      <c r="VKF120" s="26"/>
      <c r="VKG120" s="26"/>
      <c r="VKH120" s="26"/>
      <c r="VKI120" s="26"/>
      <c r="VKJ120" s="26"/>
      <c r="VKK120" s="26"/>
      <c r="VKL120" s="26"/>
      <c r="VKM120" s="26"/>
      <c r="VKN120" s="26"/>
      <c r="VKO120" s="26"/>
      <c r="VKP120" s="26"/>
      <c r="VKQ120" s="26"/>
      <c r="VKR120" s="26"/>
      <c r="VKS120" s="26"/>
      <c r="VKT120" s="26"/>
      <c r="VKU120" s="26"/>
      <c r="VKV120" s="26"/>
      <c r="VKW120" s="26"/>
      <c r="VKX120" s="26"/>
      <c r="VKY120" s="26"/>
      <c r="VKZ120" s="26"/>
      <c r="VLA120" s="26"/>
      <c r="VLB120" s="26"/>
      <c r="VLC120" s="26"/>
      <c r="VLD120" s="26"/>
      <c r="VLE120" s="26"/>
      <c r="VLF120" s="26"/>
      <c r="VLG120" s="26"/>
      <c r="VLH120" s="26"/>
      <c r="VLI120" s="26"/>
      <c r="VLJ120" s="26"/>
      <c r="VLK120" s="26"/>
      <c r="VLL120" s="26"/>
      <c r="VLM120" s="26"/>
      <c r="VLN120" s="26"/>
      <c r="VLO120" s="26"/>
      <c r="VLP120" s="26"/>
      <c r="VLQ120" s="26"/>
      <c r="VLR120" s="26"/>
      <c r="VLS120" s="26"/>
      <c r="VLT120" s="26"/>
      <c r="VLU120" s="26"/>
      <c r="VLV120" s="26"/>
      <c r="VLW120" s="26"/>
      <c r="VLX120" s="26"/>
      <c r="VLY120" s="26"/>
      <c r="VLZ120" s="26"/>
      <c r="VMA120" s="26"/>
      <c r="VMB120" s="26"/>
      <c r="VMC120" s="26"/>
      <c r="VMD120" s="26"/>
      <c r="VME120" s="26"/>
      <c r="VMF120" s="26"/>
      <c r="VMG120" s="26"/>
      <c r="VMH120" s="26"/>
      <c r="VMI120" s="26"/>
      <c r="VMJ120" s="26"/>
      <c r="VMK120" s="26"/>
      <c r="VML120" s="26"/>
      <c r="VMM120" s="26"/>
      <c r="VMN120" s="26"/>
      <c r="VMO120" s="26"/>
      <c r="VMP120" s="26"/>
      <c r="VMQ120" s="26"/>
      <c r="VMR120" s="26"/>
      <c r="VMS120" s="26"/>
      <c r="VMT120" s="26"/>
      <c r="VMU120" s="26"/>
      <c r="VMV120" s="26"/>
      <c r="VMW120" s="26"/>
      <c r="VMX120" s="26"/>
      <c r="VMY120" s="26"/>
      <c r="VMZ120" s="26"/>
      <c r="VNA120" s="26"/>
      <c r="VNB120" s="26"/>
      <c r="VNC120" s="26"/>
      <c r="VND120" s="26"/>
      <c r="VNE120" s="26"/>
      <c r="VNF120" s="26"/>
      <c r="VNG120" s="26"/>
      <c r="VNH120" s="26"/>
      <c r="VNI120" s="26"/>
      <c r="VNJ120" s="26"/>
      <c r="VNK120" s="26"/>
      <c r="VNL120" s="26"/>
      <c r="VNM120" s="26"/>
      <c r="VNN120" s="26"/>
      <c r="VNO120" s="26"/>
      <c r="VNP120" s="26"/>
      <c r="VNQ120" s="26"/>
      <c r="VNR120" s="26"/>
      <c r="VNS120" s="26"/>
      <c r="VNT120" s="26"/>
      <c r="VNU120" s="26"/>
      <c r="VNV120" s="26"/>
      <c r="VNW120" s="26"/>
      <c r="VNX120" s="26"/>
      <c r="VNY120" s="26"/>
      <c r="VNZ120" s="26"/>
      <c r="VOA120" s="26"/>
      <c r="VOB120" s="26"/>
      <c r="VOC120" s="26"/>
      <c r="VOD120" s="26"/>
      <c r="VOE120" s="26"/>
      <c r="VOF120" s="26"/>
      <c r="VOG120" s="26"/>
      <c r="VOH120" s="26"/>
      <c r="VOI120" s="26"/>
      <c r="VOJ120" s="26"/>
      <c r="VOK120" s="26"/>
      <c r="VOL120" s="26"/>
      <c r="VOM120" s="26"/>
      <c r="VON120" s="26"/>
      <c r="VOO120" s="26"/>
      <c r="VOP120" s="26"/>
      <c r="VOQ120" s="26"/>
      <c r="VOR120" s="26"/>
      <c r="VOS120" s="26"/>
      <c r="VOT120" s="26"/>
      <c r="VOU120" s="26"/>
      <c r="VOV120" s="26"/>
      <c r="VOW120" s="26"/>
      <c r="VOX120" s="26"/>
      <c r="VOY120" s="26"/>
      <c r="VOZ120" s="26"/>
      <c r="VPA120" s="26"/>
      <c r="VPB120" s="26"/>
      <c r="VPC120" s="26"/>
      <c r="VPD120" s="26"/>
      <c r="VPE120" s="26"/>
      <c r="VPF120" s="26"/>
      <c r="VPG120" s="26"/>
      <c r="VPH120" s="26"/>
      <c r="VPI120" s="26"/>
      <c r="VPJ120" s="26"/>
      <c r="VPK120" s="26"/>
      <c r="VPL120" s="26"/>
      <c r="VPM120" s="26"/>
      <c r="VPN120" s="26"/>
      <c r="VPO120" s="26"/>
      <c r="VPP120" s="26"/>
      <c r="VPQ120" s="26"/>
      <c r="VPR120" s="26"/>
      <c r="VPS120" s="26"/>
      <c r="VPT120" s="26"/>
      <c r="VPU120" s="26"/>
      <c r="VPV120" s="26"/>
      <c r="VPW120" s="26"/>
      <c r="VPX120" s="26"/>
      <c r="VPY120" s="26"/>
      <c r="VPZ120" s="26"/>
      <c r="VQA120" s="26"/>
      <c r="VQB120" s="26"/>
      <c r="VQC120" s="26"/>
      <c r="VQD120" s="26"/>
      <c r="VQE120" s="26"/>
      <c r="VQF120" s="26"/>
      <c r="VQG120" s="26"/>
      <c r="VQH120" s="26"/>
      <c r="VQI120" s="26"/>
      <c r="VQJ120" s="26"/>
      <c r="VQK120" s="26"/>
      <c r="VQL120" s="26"/>
      <c r="VQM120" s="26"/>
      <c r="VQN120" s="26"/>
      <c r="VQO120" s="26"/>
      <c r="VQP120" s="26"/>
      <c r="VQQ120" s="26"/>
      <c r="VQR120" s="26"/>
      <c r="VQS120" s="26"/>
      <c r="VQT120" s="26"/>
      <c r="VQU120" s="26"/>
      <c r="VQV120" s="26"/>
      <c r="VQW120" s="26"/>
      <c r="VQX120" s="26"/>
      <c r="VQY120" s="26"/>
      <c r="VQZ120" s="26"/>
      <c r="VRA120" s="26"/>
      <c r="VRB120" s="26"/>
      <c r="VRC120" s="26"/>
      <c r="VRD120" s="26"/>
      <c r="VRE120" s="26"/>
      <c r="VRF120" s="26"/>
      <c r="VRG120" s="26"/>
      <c r="VRH120" s="26"/>
      <c r="VRI120" s="26"/>
      <c r="VRJ120" s="26"/>
      <c r="VRK120" s="26"/>
      <c r="VRL120" s="26"/>
      <c r="VRM120" s="26"/>
      <c r="VRN120" s="26"/>
      <c r="VRO120" s="26"/>
      <c r="VRP120" s="26"/>
      <c r="VRQ120" s="26"/>
      <c r="VRR120" s="26"/>
      <c r="VRS120" s="26"/>
      <c r="VRT120" s="26"/>
      <c r="VRU120" s="26"/>
      <c r="VRV120" s="26"/>
      <c r="VRW120" s="26"/>
      <c r="VRX120" s="26"/>
      <c r="VRY120" s="26"/>
      <c r="VRZ120" s="26"/>
      <c r="VSA120" s="26"/>
      <c r="VSB120" s="26"/>
      <c r="VSC120" s="26"/>
      <c r="VSD120" s="26"/>
      <c r="VSE120" s="26"/>
      <c r="VSF120" s="26"/>
      <c r="VSG120" s="26"/>
      <c r="VSH120" s="26"/>
      <c r="VSI120" s="26"/>
      <c r="VSJ120" s="26"/>
      <c r="VSK120" s="26"/>
      <c r="VSL120" s="26"/>
      <c r="VSM120" s="26"/>
      <c r="VSN120" s="26"/>
      <c r="VSO120" s="26"/>
      <c r="VSP120" s="26"/>
      <c r="VSQ120" s="26"/>
      <c r="VSR120" s="26"/>
      <c r="VSS120" s="26"/>
      <c r="VST120" s="26"/>
      <c r="VSU120" s="26"/>
      <c r="VSV120" s="26"/>
      <c r="VSW120" s="26"/>
      <c r="VSX120" s="26"/>
      <c r="VSY120" s="26"/>
      <c r="VSZ120" s="26"/>
      <c r="VTA120" s="26"/>
      <c r="VTB120" s="26"/>
      <c r="VTC120" s="26"/>
      <c r="VTD120" s="26"/>
      <c r="VTE120" s="26"/>
      <c r="VTF120" s="26"/>
      <c r="VTG120" s="26"/>
      <c r="VTH120" s="26"/>
      <c r="VTI120" s="26"/>
      <c r="VTJ120" s="26"/>
      <c r="VTK120" s="26"/>
      <c r="VTL120" s="26"/>
      <c r="VTM120" s="26"/>
      <c r="VTN120" s="26"/>
      <c r="VTO120" s="26"/>
      <c r="VTP120" s="26"/>
      <c r="VTQ120" s="26"/>
      <c r="VTR120" s="26"/>
      <c r="VTS120" s="26"/>
      <c r="VTT120" s="26"/>
      <c r="VTU120" s="26"/>
      <c r="VTV120" s="26"/>
      <c r="VTW120" s="26"/>
      <c r="VTX120" s="26"/>
      <c r="VTY120" s="26"/>
      <c r="VTZ120" s="26"/>
      <c r="VUA120" s="26"/>
      <c r="VUB120" s="26"/>
      <c r="VUC120" s="26"/>
      <c r="VUD120" s="26"/>
      <c r="VUE120" s="26"/>
      <c r="VUF120" s="26"/>
      <c r="VUG120" s="26"/>
      <c r="VUH120" s="26"/>
      <c r="VUI120" s="26"/>
      <c r="VUJ120" s="26"/>
      <c r="VUK120" s="26"/>
      <c r="VUL120" s="26"/>
      <c r="VUM120" s="26"/>
      <c r="VUN120" s="26"/>
      <c r="VUO120" s="26"/>
      <c r="VUP120" s="26"/>
      <c r="VUQ120" s="26"/>
      <c r="VUR120" s="26"/>
      <c r="VUS120" s="26"/>
      <c r="VUT120" s="26"/>
      <c r="VUU120" s="26"/>
      <c r="VUV120" s="26"/>
      <c r="VUW120" s="26"/>
      <c r="VUX120" s="26"/>
      <c r="VUY120" s="26"/>
      <c r="VUZ120" s="26"/>
      <c r="VVA120" s="26"/>
      <c r="VVB120" s="26"/>
      <c r="VVC120" s="26"/>
      <c r="VVD120" s="26"/>
      <c r="VVE120" s="26"/>
      <c r="VVF120" s="26"/>
      <c r="VVG120" s="26"/>
      <c r="VVH120" s="26"/>
      <c r="VVI120" s="26"/>
      <c r="VVJ120" s="26"/>
      <c r="VVK120" s="26"/>
      <c r="VVL120" s="26"/>
      <c r="VVM120" s="26"/>
      <c r="VVN120" s="26"/>
      <c r="VVO120" s="26"/>
      <c r="VVP120" s="26"/>
      <c r="VVQ120" s="26"/>
      <c r="VVR120" s="26"/>
      <c r="VVS120" s="26"/>
      <c r="VVT120" s="26"/>
      <c r="VVU120" s="26"/>
      <c r="VVV120" s="26"/>
      <c r="VVW120" s="26"/>
      <c r="VVX120" s="26"/>
      <c r="VVY120" s="26"/>
      <c r="VVZ120" s="26"/>
      <c r="VWA120" s="26"/>
      <c r="VWB120" s="26"/>
      <c r="VWC120" s="26"/>
      <c r="VWD120" s="26"/>
      <c r="VWE120" s="26"/>
      <c r="VWF120" s="26"/>
      <c r="VWG120" s="26"/>
      <c r="VWH120" s="26"/>
      <c r="VWI120" s="26"/>
      <c r="VWJ120" s="26"/>
      <c r="VWK120" s="26"/>
      <c r="VWL120" s="26"/>
      <c r="VWM120" s="26"/>
      <c r="VWN120" s="26"/>
      <c r="VWO120" s="26"/>
      <c r="VWP120" s="26"/>
      <c r="VWQ120" s="26"/>
      <c r="VWR120" s="26"/>
      <c r="VWS120" s="26"/>
      <c r="VWT120" s="26"/>
      <c r="VWU120" s="26"/>
      <c r="VWV120" s="26"/>
      <c r="VWW120" s="26"/>
      <c r="VWX120" s="26"/>
      <c r="VWY120" s="26"/>
      <c r="VWZ120" s="26"/>
      <c r="VXA120" s="26"/>
      <c r="VXB120" s="26"/>
      <c r="VXC120" s="26"/>
      <c r="VXD120" s="26"/>
      <c r="VXE120" s="26"/>
      <c r="VXF120" s="26"/>
      <c r="VXG120" s="26"/>
      <c r="VXH120" s="26"/>
      <c r="VXI120" s="26"/>
      <c r="VXJ120" s="26"/>
      <c r="VXK120" s="26"/>
      <c r="VXL120" s="26"/>
      <c r="VXM120" s="26"/>
      <c r="VXN120" s="26"/>
      <c r="VXO120" s="26"/>
      <c r="VXP120" s="26"/>
      <c r="VXQ120" s="26"/>
      <c r="VXR120" s="26"/>
      <c r="VXS120" s="26"/>
      <c r="VXT120" s="26"/>
      <c r="VXU120" s="26"/>
      <c r="VXV120" s="26"/>
      <c r="VXW120" s="26"/>
      <c r="VXX120" s="26"/>
      <c r="VXY120" s="26"/>
      <c r="VXZ120" s="26"/>
      <c r="VYA120" s="26"/>
      <c r="VYB120" s="26"/>
      <c r="VYC120" s="26"/>
      <c r="VYD120" s="26"/>
      <c r="VYE120" s="26"/>
      <c r="VYF120" s="26"/>
      <c r="VYG120" s="26"/>
      <c r="VYH120" s="26"/>
      <c r="VYI120" s="26"/>
      <c r="VYJ120" s="26"/>
      <c r="VYK120" s="26"/>
      <c r="VYL120" s="26"/>
      <c r="VYM120" s="26"/>
      <c r="VYN120" s="26"/>
      <c r="VYO120" s="26"/>
      <c r="VYP120" s="26"/>
      <c r="VYQ120" s="26"/>
      <c r="VYR120" s="26"/>
      <c r="VYS120" s="26"/>
      <c r="VYT120" s="26"/>
      <c r="VYU120" s="26"/>
      <c r="VYV120" s="26"/>
      <c r="VYW120" s="26"/>
      <c r="VYX120" s="26"/>
      <c r="VYY120" s="26"/>
      <c r="VYZ120" s="26"/>
      <c r="VZA120" s="26"/>
      <c r="VZB120" s="26"/>
      <c r="VZC120" s="26"/>
      <c r="VZD120" s="26"/>
      <c r="VZE120" s="26"/>
      <c r="VZF120" s="26"/>
      <c r="VZG120" s="26"/>
      <c r="VZH120" s="26"/>
      <c r="VZI120" s="26"/>
      <c r="VZJ120" s="26"/>
      <c r="VZK120" s="26"/>
      <c r="VZL120" s="26"/>
      <c r="VZM120" s="26"/>
      <c r="VZN120" s="26"/>
      <c r="VZO120" s="26"/>
      <c r="VZP120" s="26"/>
      <c r="VZQ120" s="26"/>
      <c r="VZR120" s="26"/>
      <c r="VZS120" s="26"/>
      <c r="VZT120" s="26"/>
      <c r="VZU120" s="26"/>
      <c r="VZV120" s="26"/>
      <c r="VZW120" s="26"/>
      <c r="VZX120" s="26"/>
      <c r="VZY120" s="26"/>
      <c r="VZZ120" s="26"/>
      <c r="WAA120" s="26"/>
      <c r="WAB120" s="26"/>
      <c r="WAC120" s="26"/>
      <c r="WAD120" s="26"/>
      <c r="WAE120" s="26"/>
      <c r="WAF120" s="26"/>
      <c r="WAG120" s="26"/>
      <c r="WAH120" s="26"/>
      <c r="WAI120" s="26"/>
      <c r="WAJ120" s="26"/>
      <c r="WAK120" s="26"/>
      <c r="WAL120" s="26"/>
      <c r="WAM120" s="26"/>
      <c r="WAN120" s="26"/>
      <c r="WAO120" s="26"/>
      <c r="WAP120" s="26"/>
      <c r="WAQ120" s="26"/>
      <c r="WAR120" s="26"/>
      <c r="WAS120" s="26"/>
      <c r="WAT120" s="26"/>
      <c r="WAU120" s="26"/>
      <c r="WAV120" s="26"/>
      <c r="WAW120" s="26"/>
      <c r="WAX120" s="26"/>
      <c r="WAY120" s="26"/>
      <c r="WAZ120" s="26"/>
      <c r="WBA120" s="26"/>
      <c r="WBB120" s="26"/>
      <c r="WBC120" s="26"/>
      <c r="WBD120" s="26"/>
      <c r="WBE120" s="26"/>
      <c r="WBF120" s="26"/>
      <c r="WBG120" s="26"/>
      <c r="WBH120" s="26"/>
      <c r="WBI120" s="26"/>
      <c r="WBJ120" s="26"/>
      <c r="WBK120" s="26"/>
      <c r="WBL120" s="26"/>
      <c r="WBM120" s="26"/>
      <c r="WBN120" s="26"/>
      <c r="WBO120" s="26"/>
      <c r="WBP120" s="26"/>
      <c r="WBQ120" s="26"/>
      <c r="WBR120" s="26"/>
      <c r="WBS120" s="26"/>
      <c r="WBT120" s="26"/>
      <c r="WBU120" s="26"/>
      <c r="WBV120" s="26"/>
      <c r="WBW120" s="26"/>
      <c r="WBX120" s="26"/>
      <c r="WBY120" s="26"/>
      <c r="WBZ120" s="26"/>
      <c r="WCA120" s="26"/>
      <c r="WCB120" s="26"/>
      <c r="WCC120" s="26"/>
      <c r="WCD120" s="26"/>
      <c r="WCE120" s="26"/>
      <c r="WCF120" s="26"/>
      <c r="WCG120" s="26"/>
      <c r="WCH120" s="26"/>
      <c r="WCI120" s="26"/>
      <c r="WCJ120" s="26"/>
      <c r="WCK120" s="26"/>
      <c r="WCL120" s="26"/>
      <c r="WCM120" s="26"/>
      <c r="WCN120" s="26"/>
      <c r="WCO120" s="26"/>
      <c r="WCP120" s="26"/>
      <c r="WCQ120" s="26"/>
      <c r="WCR120" s="26"/>
      <c r="WCS120" s="26"/>
      <c r="WCT120" s="26"/>
      <c r="WCU120" s="26"/>
      <c r="WCV120" s="26"/>
      <c r="WCW120" s="26"/>
      <c r="WCX120" s="26"/>
      <c r="WCY120" s="26"/>
      <c r="WCZ120" s="26"/>
      <c r="WDA120" s="26"/>
      <c r="WDB120" s="26"/>
      <c r="WDC120" s="26"/>
      <c r="WDD120" s="26"/>
      <c r="WDE120" s="26"/>
      <c r="WDF120" s="26"/>
      <c r="WDG120" s="26"/>
      <c r="WDH120" s="26"/>
      <c r="WDI120" s="26"/>
      <c r="WDJ120" s="26"/>
      <c r="WDK120" s="26"/>
      <c r="WDL120" s="26"/>
      <c r="WDM120" s="26"/>
      <c r="WDN120" s="26"/>
      <c r="WDO120" s="26"/>
      <c r="WDP120" s="26"/>
      <c r="WDQ120" s="26"/>
      <c r="WDR120" s="26"/>
      <c r="WDS120" s="26"/>
      <c r="WDT120" s="26"/>
      <c r="WDU120" s="26"/>
      <c r="WDV120" s="26"/>
      <c r="WDW120" s="26"/>
      <c r="WDX120" s="26"/>
      <c r="WDY120" s="26"/>
      <c r="WDZ120" s="26"/>
      <c r="WEA120" s="26"/>
      <c r="WEB120" s="26"/>
      <c r="WEC120" s="26"/>
      <c r="WED120" s="26"/>
      <c r="WEE120" s="26"/>
      <c r="WEF120" s="26"/>
      <c r="WEG120" s="26"/>
      <c r="WEH120" s="26"/>
      <c r="WEI120" s="26"/>
      <c r="WEJ120" s="26"/>
      <c r="WEK120" s="26"/>
      <c r="WEL120" s="26"/>
      <c r="WEM120" s="26"/>
      <c r="WEN120" s="26"/>
      <c r="WEO120" s="26"/>
      <c r="WEP120" s="26"/>
      <c r="WEQ120" s="26"/>
      <c r="WER120" s="26"/>
      <c r="WES120" s="26"/>
      <c r="WET120" s="26"/>
      <c r="WEU120" s="26"/>
      <c r="WEV120" s="26"/>
      <c r="WEW120" s="26"/>
      <c r="WEX120" s="26"/>
      <c r="WEY120" s="26"/>
      <c r="WEZ120" s="26"/>
      <c r="WFA120" s="26"/>
      <c r="WFB120" s="26"/>
      <c r="WFC120" s="26"/>
      <c r="WFD120" s="26"/>
      <c r="WFE120" s="26"/>
      <c r="WFF120" s="26"/>
      <c r="WFG120" s="26"/>
      <c r="WFH120" s="26"/>
      <c r="WFI120" s="26"/>
      <c r="WFJ120" s="26"/>
      <c r="WFK120" s="26"/>
      <c r="WFL120" s="26"/>
      <c r="WFM120" s="26"/>
      <c r="WFN120" s="26"/>
      <c r="WFO120" s="26"/>
      <c r="WFP120" s="26"/>
      <c r="WFQ120" s="26"/>
      <c r="WFR120" s="26"/>
      <c r="WFS120" s="26"/>
      <c r="WFT120" s="26"/>
      <c r="WFU120" s="26"/>
      <c r="WFV120" s="26"/>
      <c r="WFW120" s="26"/>
      <c r="WFX120" s="26"/>
      <c r="WFY120" s="26"/>
      <c r="WFZ120" s="26"/>
      <c r="WGA120" s="26"/>
      <c r="WGB120" s="26"/>
      <c r="WGC120" s="26"/>
      <c r="WGD120" s="26"/>
      <c r="WGE120" s="26"/>
      <c r="WGF120" s="26"/>
      <c r="WGG120" s="26"/>
      <c r="WGH120" s="26"/>
      <c r="WGI120" s="26"/>
      <c r="WGJ120" s="26"/>
      <c r="WGK120" s="26"/>
      <c r="WGL120" s="26"/>
      <c r="WGM120" s="26"/>
      <c r="WGN120" s="26"/>
      <c r="WGO120" s="26"/>
      <c r="WGP120" s="26"/>
      <c r="WGQ120" s="26"/>
      <c r="WGR120" s="26"/>
      <c r="WGS120" s="26"/>
      <c r="WGT120" s="26"/>
      <c r="WGU120" s="26"/>
      <c r="WGV120" s="26"/>
      <c r="WGW120" s="26"/>
      <c r="WGX120" s="26"/>
      <c r="WGY120" s="26"/>
      <c r="WGZ120" s="26"/>
      <c r="WHA120" s="26"/>
      <c r="WHB120" s="26"/>
      <c r="WHC120" s="26"/>
      <c r="WHD120" s="26"/>
      <c r="WHE120" s="26"/>
      <c r="WHF120" s="26"/>
      <c r="WHG120" s="26"/>
      <c r="WHH120" s="26"/>
      <c r="WHI120" s="26"/>
      <c r="WHJ120" s="26"/>
      <c r="WHK120" s="26"/>
      <c r="WHL120" s="26"/>
      <c r="WHM120" s="26"/>
      <c r="WHN120" s="26"/>
      <c r="WHO120" s="26"/>
      <c r="WHP120" s="26"/>
      <c r="WHQ120" s="26"/>
      <c r="WHR120" s="26"/>
      <c r="WHS120" s="26"/>
      <c r="WHT120" s="26"/>
      <c r="WHU120" s="26"/>
      <c r="WHV120" s="26"/>
      <c r="WHW120" s="26"/>
      <c r="WHX120" s="26"/>
      <c r="WHY120" s="26"/>
      <c r="WHZ120" s="26"/>
      <c r="WIA120" s="26"/>
      <c r="WIB120" s="26"/>
      <c r="WIC120" s="26"/>
      <c r="WID120" s="26"/>
      <c r="WIE120" s="26"/>
      <c r="WIF120" s="26"/>
      <c r="WIG120" s="26"/>
      <c r="WIH120" s="26"/>
      <c r="WII120" s="26"/>
      <c r="WIJ120" s="26"/>
      <c r="WIK120" s="26"/>
      <c r="WIL120" s="26"/>
      <c r="WIM120" s="26"/>
      <c r="WIN120" s="26"/>
      <c r="WIO120" s="26"/>
      <c r="WIP120" s="26"/>
      <c r="WIQ120" s="26"/>
      <c r="WIR120" s="26"/>
      <c r="WIS120" s="26"/>
      <c r="WIT120" s="26"/>
      <c r="WIU120" s="26"/>
      <c r="WIV120" s="26"/>
      <c r="WIW120" s="26"/>
      <c r="WIX120" s="26"/>
      <c r="WIY120" s="26"/>
      <c r="WIZ120" s="26"/>
      <c r="WJA120" s="26"/>
      <c r="WJB120" s="26"/>
      <c r="WJC120" s="26"/>
      <c r="WJD120" s="26"/>
      <c r="WJE120" s="26"/>
      <c r="WJF120" s="26"/>
      <c r="WJG120" s="26"/>
      <c r="WJH120" s="26"/>
      <c r="WJI120" s="26"/>
      <c r="WJJ120" s="26"/>
      <c r="WJK120" s="26"/>
      <c r="WJL120" s="26"/>
      <c r="WJM120" s="26"/>
      <c r="WJN120" s="26"/>
      <c r="WJO120" s="26"/>
      <c r="WJP120" s="26"/>
      <c r="WJQ120" s="26"/>
      <c r="WJR120" s="26"/>
      <c r="WJS120" s="26"/>
      <c r="WJT120" s="26"/>
      <c r="WJU120" s="26"/>
      <c r="WJV120" s="26"/>
      <c r="WJW120" s="26"/>
      <c r="WJX120" s="26"/>
      <c r="WJY120" s="26"/>
      <c r="WJZ120" s="26"/>
      <c r="WKA120" s="26"/>
      <c r="WKB120" s="26"/>
      <c r="WKC120" s="26"/>
      <c r="WKD120" s="26"/>
      <c r="WKE120" s="26"/>
      <c r="WKF120" s="26"/>
      <c r="WKG120" s="26"/>
      <c r="WKH120" s="26"/>
      <c r="WKI120" s="26"/>
      <c r="WKJ120" s="26"/>
      <c r="WKK120" s="26"/>
      <c r="WKL120" s="26"/>
      <c r="WKM120" s="26"/>
      <c r="WKN120" s="26"/>
      <c r="WKO120" s="26"/>
      <c r="WKP120" s="26"/>
      <c r="WKQ120" s="26"/>
      <c r="WKR120" s="26"/>
      <c r="WKS120" s="26"/>
      <c r="WKT120" s="26"/>
      <c r="WKU120" s="26"/>
      <c r="WKV120" s="26"/>
      <c r="WKW120" s="26"/>
      <c r="WKX120" s="26"/>
      <c r="WKY120" s="26"/>
      <c r="WKZ120" s="26"/>
      <c r="WLA120" s="26"/>
      <c r="WLB120" s="26"/>
      <c r="WLC120" s="26"/>
      <c r="WLD120" s="26"/>
      <c r="WLE120" s="26"/>
      <c r="WLF120" s="26"/>
      <c r="WLG120" s="26"/>
      <c r="WLH120" s="26"/>
      <c r="WLI120" s="26"/>
      <c r="WLJ120" s="26"/>
      <c r="WLK120" s="26"/>
      <c r="WLL120" s="26"/>
      <c r="WLM120" s="26"/>
      <c r="WLN120" s="26"/>
      <c r="WLO120" s="26"/>
      <c r="WLP120" s="26"/>
      <c r="WLQ120" s="26"/>
      <c r="WLR120" s="26"/>
      <c r="WLS120" s="26"/>
      <c r="WLT120" s="26"/>
      <c r="WLU120" s="26"/>
      <c r="WLV120" s="26"/>
      <c r="WLW120" s="26"/>
      <c r="WLX120" s="26"/>
      <c r="WLY120" s="26"/>
      <c r="WLZ120" s="26"/>
      <c r="WMA120" s="26"/>
      <c r="WMB120" s="26"/>
      <c r="WMC120" s="26"/>
      <c r="WMD120" s="26"/>
      <c r="WME120" s="26"/>
      <c r="WMF120" s="26"/>
      <c r="WMG120" s="26"/>
      <c r="WMH120" s="26"/>
      <c r="WMI120" s="26"/>
      <c r="WMJ120" s="26"/>
      <c r="WMK120" s="26"/>
      <c r="WML120" s="26"/>
      <c r="WMM120" s="26"/>
      <c r="WMN120" s="26"/>
      <c r="WMO120" s="26"/>
      <c r="WMP120" s="26"/>
      <c r="WMQ120" s="26"/>
      <c r="WMR120" s="26"/>
      <c r="WMS120" s="26"/>
      <c r="WMT120" s="26"/>
      <c r="WMU120" s="26"/>
      <c r="WMV120" s="26"/>
      <c r="WMW120" s="26"/>
      <c r="WMX120" s="26"/>
      <c r="WMY120" s="26"/>
      <c r="WMZ120" s="26"/>
      <c r="WNA120" s="26"/>
      <c r="WNB120" s="26"/>
      <c r="WNC120" s="26"/>
      <c r="WND120" s="26"/>
      <c r="WNE120" s="26"/>
      <c r="WNF120" s="26"/>
      <c r="WNG120" s="26"/>
      <c r="WNH120" s="26"/>
      <c r="WNI120" s="26"/>
      <c r="WNJ120" s="26"/>
      <c r="WNK120" s="26"/>
      <c r="WNL120" s="26"/>
      <c r="WNM120" s="26"/>
      <c r="WNN120" s="26"/>
      <c r="WNO120" s="26"/>
      <c r="WNP120" s="26"/>
      <c r="WNQ120" s="26"/>
      <c r="WNR120" s="26"/>
      <c r="WNS120" s="26"/>
      <c r="WNT120" s="26"/>
      <c r="WNU120" s="26"/>
      <c r="WNV120" s="26"/>
      <c r="WNW120" s="26"/>
      <c r="WNX120" s="26"/>
      <c r="WNY120" s="26"/>
      <c r="WNZ120" s="26"/>
      <c r="WOA120" s="26"/>
      <c r="WOB120" s="26"/>
      <c r="WOC120" s="26"/>
      <c r="WOD120" s="26"/>
      <c r="WOE120" s="26"/>
      <c r="WOF120" s="26"/>
      <c r="WOG120" s="26"/>
      <c r="WOH120" s="26"/>
      <c r="WOI120" s="26"/>
      <c r="WOJ120" s="26"/>
      <c r="WOK120" s="26"/>
      <c r="WOL120" s="26"/>
      <c r="WOM120" s="26"/>
      <c r="WON120" s="26"/>
      <c r="WOO120" s="26"/>
      <c r="WOP120" s="26"/>
      <c r="WOQ120" s="26"/>
      <c r="WOR120" s="26"/>
      <c r="WOS120" s="26"/>
      <c r="WOT120" s="26"/>
      <c r="WOU120" s="26"/>
      <c r="WOV120" s="26"/>
      <c r="WOW120" s="26"/>
      <c r="WOX120" s="26"/>
      <c r="WOY120" s="26"/>
      <c r="WOZ120" s="26"/>
      <c r="WPA120" s="26"/>
      <c r="WPB120" s="26"/>
      <c r="WPC120" s="26"/>
      <c r="WPD120" s="26"/>
      <c r="WPE120" s="26"/>
      <c r="WPF120" s="26"/>
      <c r="WPG120" s="26"/>
      <c r="WPH120" s="26"/>
      <c r="WPI120" s="26"/>
      <c r="WPJ120" s="26"/>
      <c r="WPK120" s="26"/>
      <c r="WPL120" s="26"/>
      <c r="WPM120" s="26"/>
      <c r="WPN120" s="26"/>
      <c r="WPO120" s="26"/>
      <c r="WPP120" s="26"/>
      <c r="WPQ120" s="26"/>
      <c r="WPR120" s="26"/>
      <c r="WPS120" s="26"/>
      <c r="WPT120" s="26"/>
      <c r="WPU120" s="26"/>
      <c r="WPV120" s="26"/>
      <c r="WPW120" s="26"/>
      <c r="WPX120" s="26"/>
      <c r="WPY120" s="26"/>
      <c r="WPZ120" s="26"/>
      <c r="WQA120" s="26"/>
      <c r="WQB120" s="26"/>
      <c r="WQC120" s="26"/>
      <c r="WQD120" s="26"/>
      <c r="WQE120" s="26"/>
      <c r="WQF120" s="26"/>
      <c r="WQG120" s="26"/>
      <c r="WQH120" s="26"/>
      <c r="WQI120" s="26"/>
      <c r="WQJ120" s="26"/>
      <c r="WQK120" s="26"/>
      <c r="WQL120" s="26"/>
      <c r="WQM120" s="26"/>
      <c r="WQN120" s="26"/>
      <c r="WQO120" s="26"/>
      <c r="WQP120" s="26"/>
      <c r="WQQ120" s="26"/>
      <c r="WQR120" s="26"/>
      <c r="WQS120" s="26"/>
      <c r="WQT120" s="26"/>
      <c r="WQU120" s="26"/>
      <c r="WQV120" s="26"/>
      <c r="WQW120" s="26"/>
      <c r="WQX120" s="26"/>
      <c r="WQY120" s="26"/>
      <c r="WQZ120" s="26"/>
      <c r="WRA120" s="26"/>
      <c r="WRB120" s="26"/>
      <c r="WRC120" s="26"/>
      <c r="WRD120" s="26"/>
      <c r="WRE120" s="26"/>
      <c r="WRF120" s="26"/>
      <c r="WRG120" s="26"/>
      <c r="WRH120" s="26"/>
      <c r="WRI120" s="26"/>
      <c r="WRJ120" s="26"/>
      <c r="WRK120" s="26"/>
      <c r="WRL120" s="26"/>
      <c r="WRM120" s="26"/>
      <c r="WRN120" s="26"/>
      <c r="WRO120" s="26"/>
      <c r="WRP120" s="26"/>
      <c r="WRQ120" s="26"/>
      <c r="WRR120" s="26"/>
      <c r="WRS120" s="26"/>
      <c r="WRT120" s="26"/>
      <c r="WRU120" s="26"/>
      <c r="WRV120" s="26"/>
      <c r="WRW120" s="26"/>
      <c r="WRX120" s="26"/>
      <c r="WRY120" s="26"/>
      <c r="WRZ120" s="26"/>
      <c r="WSA120" s="26"/>
      <c r="WSB120" s="26"/>
      <c r="WSC120" s="26"/>
      <c r="WSD120" s="26"/>
      <c r="WSE120" s="26"/>
      <c r="WSF120" s="26"/>
      <c r="WSG120" s="26"/>
      <c r="WSH120" s="26"/>
      <c r="WSI120" s="26"/>
      <c r="WSJ120" s="26"/>
      <c r="WSK120" s="26"/>
      <c r="WSL120" s="26"/>
      <c r="WSM120" s="26"/>
      <c r="WSN120" s="26"/>
      <c r="WSO120" s="26"/>
      <c r="WSP120" s="26"/>
      <c r="WSQ120" s="26"/>
      <c r="WSR120" s="26"/>
      <c r="WSS120" s="26"/>
      <c r="WST120" s="26"/>
      <c r="WSU120" s="26"/>
      <c r="WSV120" s="26"/>
      <c r="WSW120" s="26"/>
      <c r="WSX120" s="26"/>
      <c r="WSY120" s="26"/>
      <c r="WSZ120" s="26"/>
      <c r="WTA120" s="26"/>
      <c r="WTB120" s="26"/>
      <c r="WTC120" s="26"/>
      <c r="WTD120" s="26"/>
      <c r="WTE120" s="26"/>
      <c r="WTF120" s="26"/>
      <c r="WTG120" s="26"/>
      <c r="WTH120" s="26"/>
      <c r="WTI120" s="26"/>
      <c r="WTJ120" s="26"/>
      <c r="WTK120" s="26"/>
      <c r="WTL120" s="26"/>
      <c r="WTM120" s="26"/>
      <c r="WTN120" s="26"/>
      <c r="WTO120" s="26"/>
      <c r="WTP120" s="26"/>
      <c r="WTQ120" s="26"/>
      <c r="WTR120" s="26"/>
      <c r="WTS120" s="26"/>
      <c r="WTT120" s="26"/>
      <c r="WTU120" s="26"/>
      <c r="WTV120" s="26"/>
      <c r="WTW120" s="26"/>
      <c r="WTX120" s="26"/>
      <c r="WTY120" s="26"/>
      <c r="WTZ120" s="26"/>
      <c r="WUA120" s="26"/>
      <c r="WUB120" s="26"/>
      <c r="WUC120" s="26"/>
      <c r="WUD120" s="26"/>
      <c r="WUE120" s="26"/>
      <c r="WUF120" s="26"/>
      <c r="WUG120" s="26"/>
      <c r="WUH120" s="26"/>
      <c r="WUI120" s="26"/>
      <c r="WUJ120" s="26"/>
      <c r="WUK120" s="26"/>
      <c r="WUL120" s="26"/>
      <c r="WUM120" s="26"/>
      <c r="WUN120" s="26"/>
      <c r="WUO120" s="26"/>
      <c r="WUP120" s="26"/>
      <c r="WUQ120" s="26"/>
      <c r="WUR120" s="26"/>
      <c r="WUS120" s="26"/>
      <c r="WUT120" s="26"/>
      <c r="WUU120" s="26"/>
      <c r="WUV120" s="26"/>
      <c r="WUW120" s="26"/>
      <c r="WUX120" s="26"/>
      <c r="WUY120" s="26"/>
      <c r="WUZ120" s="26"/>
      <c r="WVA120" s="26"/>
      <c r="WVB120" s="26"/>
      <c r="WVC120" s="26"/>
      <c r="WVD120" s="26"/>
      <c r="WVE120" s="26"/>
      <c r="WVF120" s="26"/>
      <c r="WVG120" s="26"/>
      <c r="WVH120" s="26"/>
      <c r="WVI120" s="26"/>
      <c r="WVJ120" s="26"/>
      <c r="WVK120" s="26"/>
      <c r="WVL120" s="26"/>
      <c r="WVM120" s="26"/>
      <c r="WVN120" s="26"/>
      <c r="WVO120" s="26"/>
      <c r="WVP120" s="26"/>
      <c r="WVQ120" s="26"/>
      <c r="WVR120" s="26"/>
      <c r="WVS120" s="26"/>
      <c r="WVT120" s="26"/>
      <c r="WVU120" s="26"/>
      <c r="WVV120" s="26"/>
      <c r="WVW120" s="26"/>
      <c r="WVX120" s="26"/>
      <c r="WVY120" s="26"/>
      <c r="WVZ120" s="26"/>
      <c r="WWA120" s="26"/>
      <c r="WWB120" s="26"/>
      <c r="WWC120" s="26"/>
      <c r="WWD120" s="26"/>
      <c r="WWE120" s="26"/>
      <c r="WWF120" s="26"/>
      <c r="WWG120" s="26"/>
      <c r="WWH120" s="26"/>
      <c r="WWI120" s="26"/>
      <c r="WWJ120" s="26"/>
      <c r="WWK120" s="26"/>
      <c r="WWL120" s="26"/>
      <c r="WWM120" s="26"/>
      <c r="WWN120" s="26"/>
      <c r="WWO120" s="26"/>
      <c r="WWP120" s="26"/>
      <c r="WWQ120" s="26"/>
      <c r="WWR120" s="26"/>
      <c r="WWS120" s="26"/>
      <c r="WWT120" s="26"/>
      <c r="WWU120" s="26"/>
      <c r="WWV120" s="26"/>
      <c r="WWW120" s="26"/>
      <c r="WWX120" s="26"/>
      <c r="WWY120" s="26"/>
      <c r="WWZ120" s="26"/>
      <c r="WXA120" s="26"/>
      <c r="WXB120" s="26"/>
      <c r="WXC120" s="26"/>
      <c r="WXD120" s="26"/>
      <c r="WXE120" s="26"/>
      <c r="WXF120" s="26"/>
      <c r="WXG120" s="26"/>
      <c r="WXH120" s="26"/>
      <c r="WXI120" s="26"/>
      <c r="WXJ120" s="26"/>
      <c r="WXK120" s="26"/>
      <c r="WXL120" s="26"/>
      <c r="WXM120" s="26"/>
      <c r="WXN120" s="26"/>
      <c r="WXO120" s="26"/>
      <c r="WXP120" s="26"/>
      <c r="WXQ120" s="26"/>
      <c r="WXR120" s="26"/>
      <c r="WXS120" s="26"/>
      <c r="WXT120" s="26"/>
      <c r="WXU120" s="26"/>
      <c r="WXV120" s="26"/>
      <c r="WXW120" s="26"/>
      <c r="WXX120" s="26"/>
      <c r="WXY120" s="26"/>
      <c r="WXZ120" s="26"/>
      <c r="WYA120" s="26"/>
      <c r="WYB120" s="26"/>
      <c r="WYC120" s="26"/>
      <c r="WYD120" s="26"/>
      <c r="WYE120" s="26"/>
      <c r="WYF120" s="26"/>
      <c r="WYG120" s="26"/>
      <c r="WYH120" s="26"/>
      <c r="WYI120" s="26"/>
      <c r="WYJ120" s="26"/>
      <c r="WYK120" s="26"/>
      <c r="WYL120" s="26"/>
      <c r="WYM120" s="26"/>
      <c r="WYN120" s="26"/>
      <c r="WYO120" s="26"/>
      <c r="WYP120" s="26"/>
      <c r="WYQ120" s="26"/>
      <c r="WYR120" s="26"/>
      <c r="WYS120" s="26"/>
      <c r="WYT120" s="26"/>
      <c r="WYU120" s="26"/>
      <c r="WYV120" s="26"/>
      <c r="WYW120" s="26"/>
      <c r="WYX120" s="26"/>
      <c r="WYY120" s="26"/>
      <c r="WYZ120" s="26"/>
      <c r="WZA120" s="26"/>
      <c r="WZB120" s="26"/>
      <c r="WZC120" s="26"/>
      <c r="WZD120" s="26"/>
      <c r="WZE120" s="26"/>
      <c r="WZF120" s="26"/>
      <c r="WZG120" s="26"/>
      <c r="WZH120" s="26"/>
      <c r="WZI120" s="26"/>
      <c r="WZJ120" s="26"/>
      <c r="WZK120" s="26"/>
      <c r="WZL120" s="26"/>
      <c r="WZM120" s="26"/>
      <c r="WZN120" s="26"/>
      <c r="WZO120" s="26"/>
      <c r="WZP120" s="26"/>
      <c r="WZQ120" s="26"/>
      <c r="WZR120" s="26"/>
      <c r="WZS120" s="26"/>
      <c r="WZT120" s="26"/>
      <c r="WZU120" s="26"/>
      <c r="WZV120" s="26"/>
      <c r="WZW120" s="26"/>
      <c r="WZX120" s="26"/>
      <c r="WZY120" s="26"/>
      <c r="WZZ120" s="26"/>
      <c r="XAA120" s="26"/>
      <c r="XAB120" s="26"/>
      <c r="XAC120" s="26"/>
      <c r="XAD120" s="26"/>
      <c r="XAE120" s="26"/>
      <c r="XAF120" s="26"/>
      <c r="XAG120" s="26"/>
      <c r="XAH120" s="26"/>
      <c r="XAI120" s="26"/>
      <c r="XAJ120" s="26"/>
      <c r="XAK120" s="26"/>
      <c r="XAL120" s="26"/>
      <c r="XAM120" s="26"/>
      <c r="XAN120" s="26"/>
      <c r="XAO120" s="26"/>
      <c r="XAP120" s="26"/>
      <c r="XAQ120" s="26"/>
      <c r="XAR120" s="26"/>
      <c r="XAS120" s="26"/>
      <c r="XAT120" s="26"/>
      <c r="XAU120" s="26"/>
      <c r="XAV120" s="26"/>
      <c r="XAW120" s="26"/>
      <c r="XAX120" s="26"/>
      <c r="XAY120" s="26"/>
      <c r="XAZ120" s="26"/>
      <c r="XBA120" s="26"/>
      <c r="XBB120" s="26"/>
      <c r="XBC120" s="26"/>
      <c r="XBD120" s="26"/>
      <c r="XBE120" s="26"/>
      <c r="XBF120" s="26"/>
      <c r="XBG120" s="26"/>
      <c r="XBH120" s="26"/>
      <c r="XBI120" s="26"/>
      <c r="XBJ120" s="26"/>
      <c r="XBK120" s="26"/>
      <c r="XBL120" s="26"/>
      <c r="XBM120" s="26"/>
      <c r="XBN120" s="26"/>
      <c r="XBO120" s="26"/>
      <c r="XBP120" s="26"/>
      <c r="XBQ120" s="26"/>
      <c r="XBR120" s="26"/>
      <c r="XBS120" s="26"/>
      <c r="XBT120" s="26"/>
      <c r="XBU120" s="26"/>
      <c r="XBV120" s="26"/>
      <c r="XBW120" s="26"/>
      <c r="XBX120" s="26"/>
      <c r="XBY120" s="26"/>
      <c r="XBZ120" s="26"/>
      <c r="XCA120" s="26"/>
      <c r="XCB120" s="26"/>
      <c r="XCC120" s="26"/>
      <c r="XCD120" s="26"/>
      <c r="XCE120" s="26"/>
      <c r="XCF120" s="26"/>
      <c r="XCG120" s="26"/>
      <c r="XCH120" s="26"/>
      <c r="XCI120" s="26"/>
      <c r="XCJ120" s="26"/>
      <c r="XCK120" s="26"/>
      <c r="XCL120" s="26"/>
      <c r="XCM120" s="26"/>
      <c r="XCN120" s="26"/>
      <c r="XCO120" s="26"/>
      <c r="XCP120" s="26"/>
      <c r="XCQ120" s="26"/>
      <c r="XCR120" s="26"/>
      <c r="XCS120" s="26"/>
      <c r="XCT120" s="26"/>
      <c r="XCU120" s="26"/>
      <c r="XCV120" s="26"/>
      <c r="XCW120" s="26"/>
      <c r="XCX120" s="26"/>
      <c r="XCY120" s="26"/>
      <c r="XCZ120" s="26"/>
      <c r="XDA120" s="26"/>
      <c r="XDB120" s="26"/>
      <c r="XDC120" s="26"/>
      <c r="XDD120" s="26"/>
      <c r="XDE120" s="26"/>
      <c r="XDF120" s="26"/>
      <c r="XDG120" s="26"/>
      <c r="XDH120" s="26"/>
      <c r="XDI120" s="26"/>
      <c r="XDJ120" s="26"/>
      <c r="XDK120" s="26"/>
      <c r="XDL120" s="26"/>
      <c r="XDM120" s="26"/>
      <c r="XDN120" s="26"/>
      <c r="XDO120" s="26"/>
      <c r="XDP120" s="26"/>
      <c r="XDQ120" s="26"/>
      <c r="XDR120" s="26"/>
      <c r="XDS120" s="26"/>
      <c r="XDT120" s="26"/>
      <c r="XDU120" s="26"/>
      <c r="XDV120" s="26"/>
      <c r="XDW120" s="26"/>
      <c r="XDX120" s="26"/>
      <c r="XDY120" s="26"/>
      <c r="XDZ120" s="26"/>
      <c r="XEA120" s="26"/>
      <c r="XEB120" s="26"/>
      <c r="XEC120" s="26"/>
      <c r="XED120" s="26"/>
      <c r="XEE120" s="26"/>
      <c r="XEF120" s="26"/>
      <c r="XEG120" s="26"/>
      <c r="XEH120" s="26"/>
      <c r="XEI120" s="26"/>
      <c r="XEJ120" s="26"/>
      <c r="XEK120" s="26"/>
      <c r="XEL120" s="26"/>
      <c r="XEM120" s="26"/>
      <c r="XEN120" s="26"/>
      <c r="XEO120" s="26"/>
      <c r="XEP120" s="26"/>
      <c r="XEQ120" s="26"/>
    </row>
    <row r="121" spans="1:16371" s="27" customFormat="1" ht="32.4" x14ac:dyDescent="0.2">
      <c r="A121" s="8" t="s">
        <v>341</v>
      </c>
      <c r="B121" s="8" t="s">
        <v>346</v>
      </c>
      <c r="C121" s="8" t="s">
        <v>1469</v>
      </c>
      <c r="D121" s="8" t="s">
        <v>347</v>
      </c>
      <c r="E121" s="8"/>
      <c r="F121" s="26"/>
      <c r="G121" s="26"/>
      <c r="H121" s="26"/>
      <c r="I121" s="26"/>
      <c r="J121" s="26"/>
      <c r="K121" s="26"/>
      <c r="L121" s="26"/>
      <c r="M121" s="26"/>
      <c r="N121" s="26"/>
      <c r="O121" s="26"/>
      <c r="P121" s="26"/>
      <c r="Q121" s="26"/>
      <c r="R121" s="26"/>
      <c r="S121" s="26"/>
      <c r="T121" s="26"/>
      <c r="U121" s="26"/>
      <c r="V121" s="26"/>
      <c r="W121" s="26"/>
      <c r="X121" s="26"/>
      <c r="Y121" s="26"/>
      <c r="Z121" s="26"/>
      <c r="AA121" s="26"/>
      <c r="AB121" s="26"/>
      <c r="AC121" s="26"/>
      <c r="AD121" s="26"/>
      <c r="AE121" s="26"/>
      <c r="AF121" s="26"/>
      <c r="AG121" s="26"/>
      <c r="AH121" s="26"/>
      <c r="AI121" s="26"/>
      <c r="AJ121" s="26"/>
      <c r="AK121" s="26"/>
      <c r="AL121" s="26"/>
      <c r="AM121" s="26"/>
      <c r="AN121" s="26"/>
      <c r="AO121" s="26"/>
      <c r="AP121" s="26"/>
      <c r="AQ121" s="26"/>
      <c r="AR121" s="26"/>
      <c r="AS121" s="26"/>
      <c r="AT121" s="26"/>
      <c r="AU121" s="26"/>
      <c r="AV121" s="26"/>
      <c r="AW121" s="26"/>
      <c r="AX121" s="26"/>
      <c r="AY121" s="26"/>
      <c r="AZ121" s="26"/>
      <c r="BA121" s="26"/>
      <c r="BB121" s="26"/>
      <c r="BC121" s="26"/>
      <c r="BD121" s="26"/>
      <c r="BE121" s="26"/>
      <c r="BF121" s="26"/>
      <c r="BG121" s="26"/>
      <c r="BH121" s="26"/>
      <c r="BI121" s="26"/>
      <c r="BJ121" s="26"/>
      <c r="BK121" s="26"/>
      <c r="BL121" s="26"/>
      <c r="BM121" s="26"/>
      <c r="BN121" s="26"/>
      <c r="BO121" s="26"/>
      <c r="BP121" s="26"/>
      <c r="BQ121" s="26"/>
      <c r="BR121" s="26"/>
      <c r="BS121" s="26"/>
      <c r="BT121" s="26"/>
      <c r="BU121" s="26"/>
      <c r="BV121" s="26"/>
      <c r="BW121" s="26"/>
      <c r="BX121" s="26"/>
      <c r="BY121" s="26"/>
      <c r="BZ121" s="26"/>
      <c r="CA121" s="26"/>
      <c r="CB121" s="26"/>
      <c r="CC121" s="26"/>
      <c r="CD121" s="26"/>
      <c r="CE121" s="26"/>
      <c r="CF121" s="26"/>
      <c r="CG121" s="26"/>
      <c r="CH121" s="26"/>
      <c r="CI121" s="26"/>
      <c r="CJ121" s="26"/>
      <c r="CK121" s="26"/>
      <c r="CL121" s="26"/>
      <c r="CM121" s="26"/>
      <c r="CN121" s="26"/>
      <c r="CO121" s="26"/>
      <c r="CP121" s="26"/>
      <c r="CQ121" s="26"/>
      <c r="CR121" s="26"/>
      <c r="CS121" s="26"/>
      <c r="CT121" s="26"/>
      <c r="CU121" s="26"/>
      <c r="CV121" s="26"/>
      <c r="CW121" s="26"/>
      <c r="CX121" s="26"/>
      <c r="CY121" s="26"/>
      <c r="CZ121" s="26"/>
      <c r="DA121" s="26"/>
      <c r="DB121" s="26"/>
      <c r="DC121" s="26"/>
      <c r="DD121" s="26"/>
      <c r="DE121" s="26"/>
      <c r="DF121" s="26"/>
      <c r="DG121" s="26"/>
      <c r="DH121" s="26"/>
      <c r="DI121" s="26"/>
      <c r="DJ121" s="26"/>
      <c r="DK121" s="26"/>
      <c r="DL121" s="26"/>
      <c r="DM121" s="26"/>
      <c r="DN121" s="26"/>
      <c r="DO121" s="26"/>
      <c r="DP121" s="26"/>
      <c r="DQ121" s="26"/>
      <c r="DR121" s="26"/>
      <c r="DS121" s="26"/>
      <c r="DT121" s="26"/>
      <c r="DU121" s="26"/>
      <c r="DV121" s="26"/>
      <c r="DW121" s="26"/>
      <c r="DX121" s="26"/>
      <c r="DY121" s="26"/>
      <c r="DZ121" s="26"/>
      <c r="EA121" s="26"/>
      <c r="EB121" s="26"/>
      <c r="EC121" s="26"/>
      <c r="ED121" s="26"/>
      <c r="EE121" s="26"/>
      <c r="EF121" s="26"/>
      <c r="EG121" s="26"/>
      <c r="EH121" s="26"/>
      <c r="EI121" s="26"/>
      <c r="EJ121" s="26"/>
      <c r="EK121" s="26"/>
      <c r="EL121" s="26"/>
      <c r="EM121" s="26"/>
      <c r="EN121" s="26"/>
      <c r="EO121" s="26"/>
      <c r="EP121" s="26"/>
      <c r="EQ121" s="26"/>
      <c r="ER121" s="26"/>
      <c r="ES121" s="26"/>
      <c r="ET121" s="26"/>
      <c r="EU121" s="26"/>
      <c r="EV121" s="26"/>
      <c r="EW121" s="26"/>
      <c r="EX121" s="26"/>
      <c r="EY121" s="26"/>
      <c r="EZ121" s="26"/>
      <c r="FA121" s="26"/>
      <c r="FB121" s="26"/>
      <c r="FC121" s="26"/>
      <c r="FD121" s="26"/>
      <c r="FE121" s="26"/>
      <c r="FF121" s="26"/>
      <c r="FG121" s="26"/>
      <c r="FH121" s="26"/>
      <c r="FI121" s="26"/>
      <c r="FJ121" s="26"/>
      <c r="FK121" s="26"/>
      <c r="FL121" s="26"/>
      <c r="FM121" s="26"/>
      <c r="FN121" s="26"/>
      <c r="FO121" s="26"/>
      <c r="FP121" s="26"/>
      <c r="FQ121" s="26"/>
      <c r="FR121" s="26"/>
      <c r="FS121" s="26"/>
      <c r="FT121" s="26"/>
      <c r="FU121" s="26"/>
      <c r="FV121" s="26"/>
      <c r="FW121" s="26"/>
      <c r="FX121" s="26"/>
      <c r="FY121" s="26"/>
      <c r="FZ121" s="26"/>
      <c r="GA121" s="26"/>
      <c r="GB121" s="26"/>
      <c r="GC121" s="26"/>
      <c r="GD121" s="26"/>
      <c r="GE121" s="26"/>
      <c r="GF121" s="26"/>
      <c r="GG121" s="26"/>
      <c r="GH121" s="26"/>
      <c r="GI121" s="26"/>
      <c r="GJ121" s="26"/>
      <c r="GK121" s="26"/>
      <c r="GL121" s="26"/>
      <c r="GM121" s="26"/>
      <c r="GN121" s="26"/>
      <c r="GO121" s="26"/>
      <c r="GP121" s="26"/>
      <c r="GQ121" s="26"/>
      <c r="GR121" s="26"/>
      <c r="GS121" s="26"/>
      <c r="GT121" s="26"/>
      <c r="GU121" s="26"/>
      <c r="GV121" s="26"/>
      <c r="GW121" s="26"/>
      <c r="GX121" s="26"/>
      <c r="GY121" s="26"/>
      <c r="GZ121" s="26"/>
      <c r="HA121" s="26"/>
      <c r="HB121" s="26"/>
      <c r="HC121" s="26"/>
      <c r="HD121" s="26"/>
      <c r="HE121" s="26"/>
      <c r="HF121" s="26"/>
      <c r="HG121" s="26"/>
      <c r="HH121" s="26"/>
      <c r="HI121" s="26"/>
      <c r="HJ121" s="26"/>
      <c r="HK121" s="26"/>
      <c r="HL121" s="26"/>
      <c r="HM121" s="26"/>
      <c r="HN121" s="26"/>
      <c r="HO121" s="26"/>
      <c r="HP121" s="26"/>
      <c r="HQ121" s="26"/>
      <c r="HR121" s="26"/>
      <c r="HS121" s="26"/>
      <c r="HT121" s="26"/>
      <c r="HU121" s="26"/>
      <c r="HV121" s="26"/>
      <c r="HW121" s="26"/>
      <c r="HX121" s="26"/>
      <c r="HY121" s="26"/>
      <c r="HZ121" s="26"/>
      <c r="IA121" s="26"/>
      <c r="IB121" s="26"/>
      <c r="IC121" s="26"/>
      <c r="ID121" s="26"/>
      <c r="IE121" s="26"/>
      <c r="IF121" s="26"/>
      <c r="IG121" s="26"/>
      <c r="IH121" s="26"/>
      <c r="II121" s="26"/>
      <c r="IJ121" s="26"/>
      <c r="IK121" s="26"/>
      <c r="IL121" s="26"/>
      <c r="IM121" s="26"/>
      <c r="IN121" s="26"/>
      <c r="IO121" s="26"/>
      <c r="IP121" s="26"/>
      <c r="IQ121" s="26"/>
      <c r="IR121" s="26"/>
      <c r="IS121" s="26"/>
      <c r="IT121" s="26"/>
      <c r="IU121" s="26"/>
      <c r="IV121" s="26"/>
      <c r="IW121" s="26"/>
      <c r="IX121" s="26"/>
      <c r="IY121" s="26"/>
      <c r="IZ121" s="26"/>
      <c r="JA121" s="26"/>
      <c r="JB121" s="26"/>
      <c r="JC121" s="26"/>
      <c r="JD121" s="26"/>
      <c r="JE121" s="26"/>
      <c r="JF121" s="26"/>
      <c r="JG121" s="26"/>
      <c r="JH121" s="26"/>
      <c r="JI121" s="26"/>
      <c r="JJ121" s="26"/>
      <c r="JK121" s="26"/>
      <c r="JL121" s="26"/>
      <c r="JM121" s="26"/>
      <c r="JN121" s="26"/>
      <c r="JO121" s="26"/>
      <c r="JP121" s="26"/>
      <c r="JQ121" s="26"/>
      <c r="JR121" s="26"/>
      <c r="JS121" s="26"/>
      <c r="JT121" s="26"/>
      <c r="JU121" s="26"/>
      <c r="JV121" s="26"/>
      <c r="JW121" s="26"/>
      <c r="JX121" s="26"/>
      <c r="JY121" s="26"/>
      <c r="JZ121" s="26"/>
      <c r="KA121" s="26"/>
      <c r="KB121" s="26"/>
      <c r="KC121" s="26"/>
      <c r="KD121" s="26"/>
      <c r="KE121" s="26"/>
      <c r="KF121" s="26"/>
      <c r="KG121" s="26"/>
      <c r="KH121" s="26"/>
      <c r="KI121" s="26"/>
      <c r="KJ121" s="26"/>
      <c r="KK121" s="26"/>
      <c r="KL121" s="26"/>
      <c r="KM121" s="26"/>
      <c r="KN121" s="26"/>
      <c r="KO121" s="26"/>
      <c r="KP121" s="26"/>
      <c r="KQ121" s="26"/>
      <c r="KR121" s="26"/>
      <c r="KS121" s="26"/>
      <c r="KT121" s="26"/>
      <c r="KU121" s="26"/>
      <c r="KV121" s="26"/>
      <c r="KW121" s="26"/>
      <c r="KX121" s="26"/>
      <c r="KY121" s="26"/>
      <c r="KZ121" s="26"/>
      <c r="LA121" s="26"/>
      <c r="LB121" s="26"/>
      <c r="LC121" s="26"/>
      <c r="LD121" s="26"/>
      <c r="LE121" s="26"/>
      <c r="LF121" s="26"/>
      <c r="LG121" s="26"/>
      <c r="LH121" s="26"/>
      <c r="LI121" s="26"/>
      <c r="LJ121" s="26"/>
      <c r="LK121" s="26"/>
      <c r="LL121" s="26"/>
      <c r="LM121" s="26"/>
      <c r="LN121" s="26"/>
      <c r="LO121" s="26"/>
      <c r="LP121" s="26"/>
      <c r="LQ121" s="26"/>
      <c r="LR121" s="26"/>
      <c r="LS121" s="26"/>
      <c r="LT121" s="26"/>
      <c r="LU121" s="26"/>
      <c r="LV121" s="26"/>
      <c r="LW121" s="26"/>
      <c r="LX121" s="26"/>
      <c r="LY121" s="26"/>
      <c r="LZ121" s="26"/>
      <c r="MA121" s="26"/>
      <c r="MB121" s="26"/>
      <c r="MC121" s="26"/>
      <c r="MD121" s="26"/>
      <c r="ME121" s="26"/>
      <c r="MF121" s="26"/>
      <c r="MG121" s="26"/>
      <c r="MH121" s="26"/>
      <c r="MI121" s="26"/>
      <c r="MJ121" s="26"/>
      <c r="MK121" s="26"/>
      <c r="ML121" s="26"/>
      <c r="MM121" s="26"/>
      <c r="MN121" s="26"/>
      <c r="MO121" s="26"/>
      <c r="MP121" s="26"/>
      <c r="MQ121" s="26"/>
      <c r="MR121" s="26"/>
      <c r="MS121" s="26"/>
      <c r="MT121" s="26"/>
      <c r="MU121" s="26"/>
      <c r="MV121" s="26"/>
      <c r="MW121" s="26"/>
      <c r="MX121" s="26"/>
      <c r="MY121" s="26"/>
      <c r="MZ121" s="26"/>
      <c r="NA121" s="26"/>
      <c r="NB121" s="26"/>
      <c r="NC121" s="26"/>
      <c r="ND121" s="26"/>
      <c r="NE121" s="26"/>
      <c r="NF121" s="26"/>
      <c r="NG121" s="26"/>
      <c r="NH121" s="26"/>
      <c r="NI121" s="26"/>
      <c r="NJ121" s="26"/>
      <c r="NK121" s="26"/>
      <c r="NL121" s="26"/>
      <c r="NM121" s="26"/>
      <c r="NN121" s="26"/>
      <c r="NO121" s="26"/>
      <c r="NP121" s="26"/>
      <c r="NQ121" s="26"/>
      <c r="NR121" s="26"/>
      <c r="NS121" s="26"/>
      <c r="NT121" s="26"/>
      <c r="NU121" s="26"/>
      <c r="NV121" s="26"/>
      <c r="NW121" s="26"/>
      <c r="NX121" s="26"/>
      <c r="NY121" s="26"/>
      <c r="NZ121" s="26"/>
      <c r="OA121" s="26"/>
      <c r="OB121" s="26"/>
      <c r="OC121" s="26"/>
      <c r="OD121" s="26"/>
      <c r="OE121" s="26"/>
      <c r="OF121" s="26"/>
      <c r="OG121" s="26"/>
      <c r="OH121" s="26"/>
      <c r="OI121" s="26"/>
      <c r="OJ121" s="26"/>
      <c r="OK121" s="26"/>
      <c r="OL121" s="26"/>
      <c r="OM121" s="26"/>
      <c r="ON121" s="26"/>
      <c r="OO121" s="26"/>
      <c r="OP121" s="26"/>
      <c r="OQ121" s="26"/>
      <c r="OR121" s="26"/>
      <c r="OS121" s="26"/>
      <c r="OT121" s="26"/>
      <c r="OU121" s="26"/>
      <c r="OV121" s="26"/>
      <c r="OW121" s="26"/>
      <c r="OX121" s="26"/>
      <c r="OY121" s="26"/>
      <c r="OZ121" s="26"/>
      <c r="PA121" s="26"/>
      <c r="PB121" s="26"/>
      <c r="PC121" s="26"/>
      <c r="PD121" s="26"/>
      <c r="PE121" s="26"/>
      <c r="PF121" s="26"/>
      <c r="PG121" s="26"/>
      <c r="PH121" s="26"/>
      <c r="PI121" s="26"/>
      <c r="PJ121" s="26"/>
      <c r="PK121" s="26"/>
      <c r="PL121" s="26"/>
      <c r="PM121" s="26"/>
      <c r="PN121" s="26"/>
      <c r="PO121" s="26"/>
      <c r="PP121" s="26"/>
      <c r="PQ121" s="26"/>
      <c r="PR121" s="26"/>
      <c r="PS121" s="26"/>
      <c r="PT121" s="26"/>
      <c r="PU121" s="26"/>
      <c r="PV121" s="26"/>
      <c r="PW121" s="26"/>
      <c r="PX121" s="26"/>
      <c r="PY121" s="26"/>
      <c r="PZ121" s="26"/>
      <c r="QA121" s="26"/>
      <c r="QB121" s="26"/>
      <c r="QC121" s="26"/>
      <c r="QD121" s="26"/>
      <c r="QE121" s="26"/>
      <c r="QF121" s="26"/>
      <c r="QG121" s="26"/>
      <c r="QH121" s="26"/>
      <c r="QI121" s="26"/>
      <c r="QJ121" s="26"/>
      <c r="QK121" s="26"/>
      <c r="QL121" s="26"/>
      <c r="QM121" s="26"/>
      <c r="QN121" s="26"/>
      <c r="QO121" s="26"/>
      <c r="QP121" s="26"/>
      <c r="QQ121" s="26"/>
      <c r="QR121" s="26"/>
      <c r="QS121" s="26"/>
      <c r="QT121" s="26"/>
      <c r="QU121" s="26"/>
      <c r="QV121" s="26"/>
      <c r="QW121" s="26"/>
      <c r="QX121" s="26"/>
      <c r="QY121" s="26"/>
      <c r="QZ121" s="26"/>
      <c r="RA121" s="26"/>
      <c r="RB121" s="26"/>
      <c r="RC121" s="26"/>
      <c r="RD121" s="26"/>
      <c r="RE121" s="26"/>
      <c r="RF121" s="26"/>
      <c r="RG121" s="26"/>
      <c r="RH121" s="26"/>
      <c r="RI121" s="26"/>
      <c r="RJ121" s="26"/>
      <c r="RK121" s="26"/>
      <c r="RL121" s="26"/>
      <c r="RM121" s="26"/>
      <c r="RN121" s="26"/>
      <c r="RO121" s="26"/>
      <c r="RP121" s="26"/>
      <c r="RQ121" s="26"/>
      <c r="RR121" s="26"/>
      <c r="RS121" s="26"/>
      <c r="RT121" s="26"/>
      <c r="RU121" s="26"/>
      <c r="RV121" s="26"/>
      <c r="RW121" s="26"/>
      <c r="RX121" s="26"/>
      <c r="RY121" s="26"/>
      <c r="RZ121" s="26"/>
      <c r="SA121" s="26"/>
      <c r="SB121" s="26"/>
      <c r="SC121" s="26"/>
      <c r="SD121" s="26"/>
      <c r="SE121" s="26"/>
      <c r="SF121" s="26"/>
      <c r="SG121" s="26"/>
      <c r="SH121" s="26"/>
      <c r="SI121" s="26"/>
      <c r="SJ121" s="26"/>
      <c r="SK121" s="26"/>
      <c r="SL121" s="26"/>
      <c r="SM121" s="26"/>
      <c r="SN121" s="26"/>
      <c r="SO121" s="26"/>
      <c r="SP121" s="26"/>
      <c r="SQ121" s="26"/>
      <c r="SR121" s="26"/>
      <c r="SS121" s="26"/>
      <c r="ST121" s="26"/>
      <c r="SU121" s="26"/>
      <c r="SV121" s="26"/>
      <c r="SW121" s="26"/>
      <c r="SX121" s="26"/>
      <c r="SY121" s="26"/>
      <c r="SZ121" s="26"/>
      <c r="TA121" s="26"/>
      <c r="TB121" s="26"/>
      <c r="TC121" s="26"/>
      <c r="TD121" s="26"/>
      <c r="TE121" s="26"/>
      <c r="TF121" s="26"/>
      <c r="TG121" s="26"/>
      <c r="TH121" s="26"/>
      <c r="TI121" s="26"/>
      <c r="TJ121" s="26"/>
      <c r="TK121" s="26"/>
      <c r="TL121" s="26"/>
      <c r="TM121" s="26"/>
      <c r="TN121" s="26"/>
      <c r="TO121" s="26"/>
      <c r="TP121" s="26"/>
      <c r="TQ121" s="26"/>
      <c r="TR121" s="26"/>
      <c r="TS121" s="26"/>
      <c r="TT121" s="26"/>
      <c r="TU121" s="26"/>
      <c r="TV121" s="26"/>
      <c r="TW121" s="26"/>
      <c r="TX121" s="26"/>
      <c r="TY121" s="26"/>
      <c r="TZ121" s="26"/>
      <c r="UA121" s="26"/>
      <c r="UB121" s="26"/>
      <c r="UC121" s="26"/>
      <c r="UD121" s="26"/>
      <c r="UE121" s="26"/>
      <c r="UF121" s="26"/>
      <c r="UG121" s="26"/>
      <c r="UH121" s="26"/>
      <c r="UI121" s="26"/>
      <c r="UJ121" s="26"/>
      <c r="UK121" s="26"/>
      <c r="UL121" s="26"/>
      <c r="UM121" s="26"/>
      <c r="UN121" s="26"/>
      <c r="UO121" s="26"/>
      <c r="UP121" s="26"/>
      <c r="UQ121" s="26"/>
      <c r="UR121" s="26"/>
      <c r="US121" s="26"/>
      <c r="UT121" s="26"/>
      <c r="UU121" s="26"/>
      <c r="UV121" s="26"/>
      <c r="UW121" s="26"/>
      <c r="UX121" s="26"/>
      <c r="UY121" s="26"/>
      <c r="UZ121" s="26"/>
      <c r="VA121" s="26"/>
      <c r="VB121" s="26"/>
      <c r="VC121" s="26"/>
      <c r="VD121" s="26"/>
      <c r="VE121" s="26"/>
      <c r="VF121" s="26"/>
      <c r="VG121" s="26"/>
      <c r="VH121" s="26"/>
      <c r="VI121" s="26"/>
      <c r="VJ121" s="26"/>
      <c r="VK121" s="26"/>
      <c r="VL121" s="26"/>
      <c r="VM121" s="26"/>
      <c r="VN121" s="26"/>
      <c r="VO121" s="26"/>
      <c r="VP121" s="26"/>
      <c r="VQ121" s="26"/>
      <c r="VR121" s="26"/>
      <c r="VS121" s="26"/>
      <c r="VT121" s="26"/>
      <c r="VU121" s="26"/>
      <c r="VV121" s="26"/>
      <c r="VW121" s="26"/>
      <c r="VX121" s="26"/>
      <c r="VY121" s="26"/>
      <c r="VZ121" s="26"/>
      <c r="WA121" s="26"/>
      <c r="WB121" s="26"/>
      <c r="WC121" s="26"/>
      <c r="WD121" s="26"/>
      <c r="WE121" s="26"/>
      <c r="WF121" s="26"/>
      <c r="WG121" s="26"/>
      <c r="WH121" s="26"/>
      <c r="WI121" s="26"/>
      <c r="WJ121" s="26"/>
      <c r="WK121" s="26"/>
      <c r="WL121" s="26"/>
      <c r="WM121" s="26"/>
      <c r="WN121" s="26"/>
      <c r="WO121" s="26"/>
      <c r="WP121" s="26"/>
      <c r="WQ121" s="26"/>
      <c r="WR121" s="26"/>
      <c r="WS121" s="26"/>
      <c r="WT121" s="26"/>
      <c r="WU121" s="26"/>
      <c r="WV121" s="26"/>
      <c r="WW121" s="26"/>
      <c r="WX121" s="26"/>
      <c r="WY121" s="26"/>
      <c r="WZ121" s="26"/>
      <c r="XA121" s="26"/>
      <c r="XB121" s="26"/>
      <c r="XC121" s="26"/>
      <c r="XD121" s="26"/>
      <c r="XE121" s="26"/>
      <c r="XF121" s="26"/>
      <c r="XG121" s="26"/>
      <c r="XH121" s="26"/>
      <c r="XI121" s="26"/>
      <c r="XJ121" s="26"/>
      <c r="XK121" s="26"/>
      <c r="XL121" s="26"/>
      <c r="XM121" s="26"/>
      <c r="XN121" s="26"/>
      <c r="XO121" s="26"/>
      <c r="XP121" s="26"/>
      <c r="XQ121" s="26"/>
      <c r="XR121" s="26"/>
      <c r="XS121" s="26"/>
      <c r="XT121" s="26"/>
      <c r="XU121" s="26"/>
      <c r="XV121" s="26"/>
      <c r="XW121" s="26"/>
      <c r="XX121" s="26"/>
      <c r="XY121" s="26"/>
      <c r="XZ121" s="26"/>
      <c r="YA121" s="26"/>
      <c r="YB121" s="26"/>
      <c r="YC121" s="26"/>
      <c r="YD121" s="26"/>
      <c r="YE121" s="26"/>
      <c r="YF121" s="26"/>
      <c r="YG121" s="26"/>
      <c r="YH121" s="26"/>
      <c r="YI121" s="26"/>
      <c r="YJ121" s="26"/>
      <c r="YK121" s="26"/>
      <c r="YL121" s="26"/>
      <c r="YM121" s="26"/>
      <c r="YN121" s="26"/>
      <c r="YO121" s="26"/>
      <c r="YP121" s="26"/>
      <c r="YQ121" s="26"/>
      <c r="YR121" s="26"/>
      <c r="YS121" s="26"/>
      <c r="YT121" s="26"/>
      <c r="YU121" s="26"/>
      <c r="YV121" s="26"/>
      <c r="YW121" s="26"/>
      <c r="YX121" s="26"/>
      <c r="YY121" s="26"/>
      <c r="YZ121" s="26"/>
      <c r="ZA121" s="26"/>
      <c r="ZB121" s="26"/>
      <c r="ZC121" s="26"/>
      <c r="ZD121" s="26"/>
      <c r="ZE121" s="26"/>
      <c r="ZF121" s="26"/>
      <c r="ZG121" s="26"/>
      <c r="ZH121" s="26"/>
      <c r="ZI121" s="26"/>
      <c r="ZJ121" s="26"/>
      <c r="ZK121" s="26"/>
      <c r="ZL121" s="26"/>
      <c r="ZM121" s="26"/>
      <c r="ZN121" s="26"/>
      <c r="ZO121" s="26"/>
      <c r="ZP121" s="26"/>
      <c r="ZQ121" s="26"/>
      <c r="ZR121" s="26"/>
      <c r="ZS121" s="26"/>
      <c r="ZT121" s="26"/>
      <c r="ZU121" s="26"/>
      <c r="ZV121" s="26"/>
      <c r="ZW121" s="26"/>
      <c r="ZX121" s="26"/>
      <c r="ZY121" s="26"/>
      <c r="ZZ121" s="26"/>
      <c r="AAA121" s="26"/>
      <c r="AAB121" s="26"/>
      <c r="AAC121" s="26"/>
      <c r="AAD121" s="26"/>
      <c r="AAE121" s="26"/>
      <c r="AAF121" s="26"/>
      <c r="AAG121" s="26"/>
      <c r="AAH121" s="26"/>
      <c r="AAI121" s="26"/>
      <c r="AAJ121" s="26"/>
      <c r="AAK121" s="26"/>
      <c r="AAL121" s="26"/>
      <c r="AAM121" s="26"/>
      <c r="AAN121" s="26"/>
      <c r="AAO121" s="26"/>
      <c r="AAP121" s="26"/>
      <c r="AAQ121" s="26"/>
      <c r="AAR121" s="26"/>
      <c r="AAS121" s="26"/>
      <c r="AAT121" s="26"/>
      <c r="AAU121" s="26"/>
      <c r="AAV121" s="26"/>
      <c r="AAW121" s="26"/>
      <c r="AAX121" s="26"/>
      <c r="AAY121" s="26"/>
      <c r="AAZ121" s="26"/>
      <c r="ABA121" s="26"/>
      <c r="ABB121" s="26"/>
      <c r="ABC121" s="26"/>
      <c r="ABD121" s="26"/>
      <c r="ABE121" s="26"/>
      <c r="ABF121" s="26"/>
      <c r="ABG121" s="26"/>
      <c r="ABH121" s="26"/>
      <c r="ABI121" s="26"/>
      <c r="ABJ121" s="26"/>
      <c r="ABK121" s="26"/>
      <c r="ABL121" s="26"/>
      <c r="ABM121" s="26"/>
      <c r="ABN121" s="26"/>
      <c r="ABO121" s="26"/>
      <c r="ABP121" s="26"/>
      <c r="ABQ121" s="26"/>
      <c r="ABR121" s="26"/>
      <c r="ABS121" s="26"/>
      <c r="ABT121" s="26"/>
      <c r="ABU121" s="26"/>
      <c r="ABV121" s="26"/>
      <c r="ABW121" s="26"/>
      <c r="ABX121" s="26"/>
      <c r="ABY121" s="26"/>
      <c r="ABZ121" s="26"/>
      <c r="ACA121" s="26"/>
      <c r="ACB121" s="26"/>
      <c r="ACC121" s="26"/>
      <c r="ACD121" s="26"/>
      <c r="ACE121" s="26"/>
      <c r="ACF121" s="26"/>
      <c r="ACG121" s="26"/>
      <c r="ACH121" s="26"/>
      <c r="ACI121" s="26"/>
      <c r="ACJ121" s="26"/>
      <c r="ACK121" s="26"/>
      <c r="ACL121" s="26"/>
      <c r="ACM121" s="26"/>
      <c r="ACN121" s="26"/>
      <c r="ACO121" s="26"/>
      <c r="ACP121" s="26"/>
      <c r="ACQ121" s="26"/>
      <c r="ACR121" s="26"/>
      <c r="ACS121" s="26"/>
      <c r="ACT121" s="26"/>
      <c r="ACU121" s="26"/>
      <c r="ACV121" s="26"/>
      <c r="ACW121" s="26"/>
      <c r="ACX121" s="26"/>
      <c r="ACY121" s="26"/>
      <c r="ACZ121" s="26"/>
      <c r="ADA121" s="26"/>
      <c r="ADB121" s="26"/>
      <c r="ADC121" s="26"/>
      <c r="ADD121" s="26"/>
      <c r="ADE121" s="26"/>
      <c r="ADF121" s="26"/>
      <c r="ADG121" s="26"/>
      <c r="ADH121" s="26"/>
      <c r="ADI121" s="26"/>
      <c r="ADJ121" s="26"/>
      <c r="ADK121" s="26"/>
      <c r="ADL121" s="26"/>
      <c r="ADM121" s="26"/>
      <c r="ADN121" s="26"/>
      <c r="ADO121" s="26"/>
      <c r="ADP121" s="26"/>
      <c r="ADQ121" s="26"/>
      <c r="ADR121" s="26"/>
      <c r="ADS121" s="26"/>
      <c r="ADT121" s="26"/>
      <c r="ADU121" s="26"/>
      <c r="ADV121" s="26"/>
      <c r="ADW121" s="26"/>
      <c r="ADX121" s="26"/>
      <c r="ADY121" s="26"/>
      <c r="ADZ121" s="26"/>
      <c r="AEA121" s="26"/>
      <c r="AEB121" s="26"/>
      <c r="AEC121" s="26"/>
      <c r="AED121" s="26"/>
      <c r="AEE121" s="26"/>
      <c r="AEF121" s="26"/>
      <c r="AEG121" s="26"/>
      <c r="AEH121" s="26"/>
      <c r="AEI121" s="26"/>
      <c r="AEJ121" s="26"/>
      <c r="AEK121" s="26"/>
      <c r="AEL121" s="26"/>
      <c r="AEM121" s="26"/>
      <c r="AEN121" s="26"/>
      <c r="AEO121" s="26"/>
      <c r="AEP121" s="26"/>
      <c r="AEQ121" s="26"/>
      <c r="AER121" s="26"/>
      <c r="AES121" s="26"/>
      <c r="AET121" s="26"/>
      <c r="AEU121" s="26"/>
      <c r="AEV121" s="26"/>
      <c r="AEW121" s="26"/>
      <c r="AEX121" s="26"/>
      <c r="AEY121" s="26"/>
      <c r="AEZ121" s="26"/>
      <c r="AFA121" s="26"/>
      <c r="AFB121" s="26"/>
      <c r="AFC121" s="26"/>
      <c r="AFD121" s="26"/>
      <c r="AFE121" s="26"/>
      <c r="AFF121" s="26"/>
      <c r="AFG121" s="26"/>
      <c r="AFH121" s="26"/>
      <c r="AFI121" s="26"/>
      <c r="AFJ121" s="26"/>
      <c r="AFK121" s="26"/>
      <c r="AFL121" s="26"/>
      <c r="AFM121" s="26"/>
      <c r="AFN121" s="26"/>
      <c r="AFO121" s="26"/>
      <c r="AFP121" s="26"/>
      <c r="AFQ121" s="26"/>
      <c r="AFR121" s="26"/>
      <c r="AFS121" s="26"/>
      <c r="AFT121" s="26"/>
      <c r="AFU121" s="26"/>
      <c r="AFV121" s="26"/>
      <c r="AFW121" s="26"/>
      <c r="AFX121" s="26"/>
      <c r="AFY121" s="26"/>
      <c r="AFZ121" s="26"/>
      <c r="AGA121" s="26"/>
      <c r="AGB121" s="26"/>
      <c r="AGC121" s="26"/>
      <c r="AGD121" s="26"/>
      <c r="AGE121" s="26"/>
      <c r="AGF121" s="26"/>
      <c r="AGG121" s="26"/>
      <c r="AGH121" s="26"/>
      <c r="AGI121" s="26"/>
      <c r="AGJ121" s="26"/>
      <c r="AGK121" s="26"/>
      <c r="AGL121" s="26"/>
      <c r="AGM121" s="26"/>
      <c r="AGN121" s="26"/>
      <c r="AGO121" s="26"/>
      <c r="AGP121" s="26"/>
      <c r="AGQ121" s="26"/>
      <c r="AGR121" s="26"/>
      <c r="AGS121" s="26"/>
      <c r="AGT121" s="26"/>
      <c r="AGU121" s="26"/>
      <c r="AGV121" s="26"/>
      <c r="AGW121" s="26"/>
      <c r="AGX121" s="26"/>
      <c r="AGY121" s="26"/>
      <c r="AGZ121" s="26"/>
      <c r="AHA121" s="26"/>
      <c r="AHB121" s="26"/>
      <c r="AHC121" s="26"/>
      <c r="AHD121" s="26"/>
      <c r="AHE121" s="26"/>
      <c r="AHF121" s="26"/>
      <c r="AHG121" s="26"/>
      <c r="AHH121" s="26"/>
      <c r="AHI121" s="26"/>
      <c r="AHJ121" s="26"/>
      <c r="AHK121" s="26"/>
      <c r="AHL121" s="26"/>
      <c r="AHM121" s="26"/>
      <c r="AHN121" s="26"/>
      <c r="AHO121" s="26"/>
      <c r="AHP121" s="26"/>
      <c r="AHQ121" s="26"/>
      <c r="AHR121" s="26"/>
      <c r="AHS121" s="26"/>
      <c r="AHT121" s="26"/>
      <c r="AHU121" s="26"/>
      <c r="AHV121" s="26"/>
      <c r="AHW121" s="26"/>
      <c r="AHX121" s="26"/>
      <c r="AHY121" s="26"/>
      <c r="AHZ121" s="26"/>
      <c r="AIA121" s="26"/>
      <c r="AIB121" s="26"/>
      <c r="AIC121" s="26"/>
      <c r="AID121" s="26"/>
      <c r="AIE121" s="26"/>
      <c r="AIF121" s="26"/>
      <c r="AIG121" s="26"/>
      <c r="AIH121" s="26"/>
      <c r="AII121" s="26"/>
      <c r="AIJ121" s="26"/>
      <c r="AIK121" s="26"/>
      <c r="AIL121" s="26"/>
      <c r="AIM121" s="26"/>
      <c r="AIN121" s="26"/>
      <c r="AIO121" s="26"/>
      <c r="AIP121" s="26"/>
      <c r="AIQ121" s="26"/>
      <c r="AIR121" s="26"/>
      <c r="AIS121" s="26"/>
      <c r="AIT121" s="26"/>
      <c r="AIU121" s="26"/>
      <c r="AIV121" s="26"/>
      <c r="AIW121" s="26"/>
      <c r="AIX121" s="26"/>
      <c r="AIY121" s="26"/>
      <c r="AIZ121" s="26"/>
      <c r="AJA121" s="26"/>
      <c r="AJB121" s="26"/>
      <c r="AJC121" s="26"/>
      <c r="AJD121" s="26"/>
      <c r="AJE121" s="26"/>
      <c r="AJF121" s="26"/>
      <c r="AJG121" s="26"/>
      <c r="AJH121" s="26"/>
      <c r="AJI121" s="26"/>
      <c r="AJJ121" s="26"/>
      <c r="AJK121" s="26"/>
      <c r="AJL121" s="26"/>
      <c r="AJM121" s="26"/>
      <c r="AJN121" s="26"/>
      <c r="AJO121" s="26"/>
      <c r="AJP121" s="26"/>
      <c r="AJQ121" s="26"/>
      <c r="AJR121" s="26"/>
      <c r="AJS121" s="26"/>
      <c r="AJT121" s="26"/>
      <c r="AJU121" s="26"/>
      <c r="AJV121" s="26"/>
      <c r="AJW121" s="26"/>
      <c r="AJX121" s="26"/>
      <c r="AJY121" s="26"/>
      <c r="AJZ121" s="26"/>
      <c r="AKA121" s="26"/>
      <c r="AKB121" s="26"/>
      <c r="AKC121" s="26"/>
      <c r="AKD121" s="26"/>
      <c r="AKE121" s="26"/>
      <c r="AKF121" s="26"/>
      <c r="AKG121" s="26"/>
      <c r="AKH121" s="26"/>
      <c r="AKI121" s="26"/>
      <c r="AKJ121" s="26"/>
      <c r="AKK121" s="26"/>
      <c r="AKL121" s="26"/>
      <c r="AKM121" s="26"/>
      <c r="AKN121" s="26"/>
      <c r="AKO121" s="26"/>
      <c r="AKP121" s="26"/>
      <c r="AKQ121" s="26"/>
      <c r="AKR121" s="26"/>
      <c r="AKS121" s="26"/>
      <c r="AKT121" s="26"/>
      <c r="AKU121" s="26"/>
      <c r="AKV121" s="26"/>
      <c r="AKW121" s="26"/>
      <c r="AKX121" s="26"/>
      <c r="AKY121" s="26"/>
      <c r="AKZ121" s="26"/>
      <c r="ALA121" s="26"/>
      <c r="ALB121" s="26"/>
      <c r="ALC121" s="26"/>
      <c r="ALD121" s="26"/>
      <c r="ALE121" s="26"/>
      <c r="ALF121" s="26"/>
      <c r="ALG121" s="26"/>
      <c r="ALH121" s="26"/>
      <c r="ALI121" s="26"/>
      <c r="ALJ121" s="26"/>
      <c r="ALK121" s="26"/>
      <c r="ALL121" s="26"/>
      <c r="ALM121" s="26"/>
      <c r="ALN121" s="26"/>
      <c r="ALO121" s="26"/>
      <c r="ALP121" s="26"/>
      <c r="ALQ121" s="26"/>
      <c r="ALR121" s="26"/>
      <c r="ALS121" s="26"/>
      <c r="ALT121" s="26"/>
      <c r="ALU121" s="26"/>
      <c r="ALV121" s="26"/>
      <c r="ALW121" s="26"/>
      <c r="ALX121" s="26"/>
      <c r="ALY121" s="26"/>
      <c r="ALZ121" s="26"/>
      <c r="AMA121" s="26"/>
      <c r="AMB121" s="26"/>
      <c r="AMC121" s="26"/>
      <c r="AMD121" s="26"/>
      <c r="AME121" s="26"/>
      <c r="AMF121" s="26"/>
      <c r="AMG121" s="26"/>
      <c r="AMH121" s="26"/>
      <c r="AMI121" s="26"/>
      <c r="AMJ121" s="26"/>
      <c r="AMK121" s="26"/>
      <c r="AML121" s="26"/>
      <c r="AMM121" s="26"/>
      <c r="AMN121" s="26"/>
      <c r="AMO121" s="26"/>
      <c r="AMP121" s="26"/>
      <c r="AMQ121" s="26"/>
      <c r="AMR121" s="26"/>
      <c r="AMS121" s="26"/>
      <c r="AMT121" s="26"/>
      <c r="AMU121" s="26"/>
      <c r="AMV121" s="26"/>
      <c r="AMW121" s="26"/>
      <c r="AMX121" s="26"/>
      <c r="AMY121" s="26"/>
      <c r="AMZ121" s="26"/>
      <c r="ANA121" s="26"/>
      <c r="ANB121" s="26"/>
      <c r="ANC121" s="26"/>
      <c r="AND121" s="26"/>
      <c r="ANE121" s="26"/>
      <c r="ANF121" s="26"/>
      <c r="ANG121" s="26"/>
      <c r="ANH121" s="26"/>
      <c r="ANI121" s="26"/>
      <c r="ANJ121" s="26"/>
      <c r="ANK121" s="26"/>
      <c r="ANL121" s="26"/>
      <c r="ANM121" s="26"/>
      <c r="ANN121" s="26"/>
      <c r="ANO121" s="26"/>
      <c r="ANP121" s="26"/>
      <c r="ANQ121" s="26"/>
      <c r="ANR121" s="26"/>
      <c r="ANS121" s="26"/>
      <c r="ANT121" s="26"/>
      <c r="ANU121" s="26"/>
      <c r="ANV121" s="26"/>
      <c r="ANW121" s="26"/>
      <c r="ANX121" s="26"/>
      <c r="ANY121" s="26"/>
      <c r="ANZ121" s="26"/>
      <c r="AOA121" s="26"/>
      <c r="AOB121" s="26"/>
      <c r="AOC121" s="26"/>
      <c r="AOD121" s="26"/>
      <c r="AOE121" s="26"/>
      <c r="AOF121" s="26"/>
      <c r="AOG121" s="26"/>
      <c r="AOH121" s="26"/>
      <c r="AOI121" s="26"/>
      <c r="AOJ121" s="26"/>
      <c r="AOK121" s="26"/>
      <c r="AOL121" s="26"/>
      <c r="AOM121" s="26"/>
      <c r="AON121" s="26"/>
      <c r="AOO121" s="26"/>
      <c r="AOP121" s="26"/>
      <c r="AOQ121" s="26"/>
      <c r="AOR121" s="26"/>
      <c r="AOS121" s="26"/>
      <c r="AOT121" s="26"/>
      <c r="AOU121" s="26"/>
      <c r="AOV121" s="26"/>
      <c r="AOW121" s="26"/>
      <c r="AOX121" s="26"/>
      <c r="AOY121" s="26"/>
      <c r="AOZ121" s="26"/>
      <c r="APA121" s="26"/>
      <c r="APB121" s="26"/>
      <c r="APC121" s="26"/>
      <c r="APD121" s="26"/>
      <c r="APE121" s="26"/>
      <c r="APF121" s="26"/>
      <c r="APG121" s="26"/>
      <c r="APH121" s="26"/>
      <c r="API121" s="26"/>
      <c r="APJ121" s="26"/>
      <c r="APK121" s="26"/>
      <c r="APL121" s="26"/>
      <c r="APM121" s="26"/>
      <c r="APN121" s="26"/>
      <c r="APO121" s="26"/>
      <c r="APP121" s="26"/>
      <c r="APQ121" s="26"/>
      <c r="APR121" s="26"/>
      <c r="APS121" s="26"/>
      <c r="APT121" s="26"/>
      <c r="APU121" s="26"/>
      <c r="APV121" s="26"/>
      <c r="APW121" s="26"/>
      <c r="APX121" s="26"/>
      <c r="APY121" s="26"/>
      <c r="APZ121" s="26"/>
      <c r="AQA121" s="26"/>
      <c r="AQB121" s="26"/>
      <c r="AQC121" s="26"/>
      <c r="AQD121" s="26"/>
      <c r="AQE121" s="26"/>
      <c r="AQF121" s="26"/>
      <c r="AQG121" s="26"/>
      <c r="AQH121" s="26"/>
      <c r="AQI121" s="26"/>
      <c r="AQJ121" s="26"/>
      <c r="AQK121" s="26"/>
      <c r="AQL121" s="26"/>
      <c r="AQM121" s="26"/>
      <c r="AQN121" s="26"/>
      <c r="AQO121" s="26"/>
      <c r="AQP121" s="26"/>
      <c r="AQQ121" s="26"/>
      <c r="AQR121" s="26"/>
      <c r="AQS121" s="26"/>
      <c r="AQT121" s="26"/>
      <c r="AQU121" s="26"/>
      <c r="AQV121" s="26"/>
      <c r="AQW121" s="26"/>
      <c r="AQX121" s="26"/>
      <c r="AQY121" s="26"/>
      <c r="AQZ121" s="26"/>
      <c r="ARA121" s="26"/>
      <c r="ARB121" s="26"/>
      <c r="ARC121" s="26"/>
      <c r="ARD121" s="26"/>
      <c r="ARE121" s="26"/>
      <c r="ARF121" s="26"/>
      <c r="ARG121" s="26"/>
      <c r="ARH121" s="26"/>
      <c r="ARI121" s="26"/>
      <c r="ARJ121" s="26"/>
      <c r="ARK121" s="26"/>
      <c r="ARL121" s="26"/>
      <c r="ARM121" s="26"/>
      <c r="ARN121" s="26"/>
      <c r="ARO121" s="26"/>
      <c r="ARP121" s="26"/>
      <c r="ARQ121" s="26"/>
      <c r="ARR121" s="26"/>
      <c r="ARS121" s="26"/>
      <c r="ART121" s="26"/>
      <c r="ARU121" s="26"/>
      <c r="ARV121" s="26"/>
      <c r="ARW121" s="26"/>
      <c r="ARX121" s="26"/>
      <c r="ARY121" s="26"/>
      <c r="ARZ121" s="26"/>
      <c r="ASA121" s="26"/>
      <c r="ASB121" s="26"/>
      <c r="ASC121" s="26"/>
      <c r="ASD121" s="26"/>
      <c r="ASE121" s="26"/>
      <c r="ASF121" s="26"/>
      <c r="ASG121" s="26"/>
      <c r="ASH121" s="26"/>
      <c r="ASI121" s="26"/>
      <c r="ASJ121" s="26"/>
      <c r="ASK121" s="26"/>
      <c r="ASL121" s="26"/>
      <c r="ASM121" s="26"/>
      <c r="ASN121" s="26"/>
      <c r="ASO121" s="26"/>
      <c r="ASP121" s="26"/>
      <c r="ASQ121" s="26"/>
      <c r="ASR121" s="26"/>
      <c r="ASS121" s="26"/>
      <c r="AST121" s="26"/>
      <c r="ASU121" s="26"/>
      <c r="ASV121" s="26"/>
      <c r="ASW121" s="26"/>
      <c r="ASX121" s="26"/>
      <c r="ASY121" s="26"/>
      <c r="ASZ121" s="26"/>
      <c r="ATA121" s="26"/>
      <c r="ATB121" s="26"/>
      <c r="ATC121" s="26"/>
      <c r="ATD121" s="26"/>
      <c r="ATE121" s="26"/>
      <c r="ATF121" s="26"/>
      <c r="ATG121" s="26"/>
      <c r="ATH121" s="26"/>
      <c r="ATI121" s="26"/>
      <c r="ATJ121" s="26"/>
      <c r="ATK121" s="26"/>
      <c r="ATL121" s="26"/>
      <c r="ATM121" s="26"/>
      <c r="ATN121" s="26"/>
      <c r="ATO121" s="26"/>
      <c r="ATP121" s="26"/>
      <c r="ATQ121" s="26"/>
      <c r="ATR121" s="26"/>
      <c r="ATS121" s="26"/>
      <c r="ATT121" s="26"/>
      <c r="ATU121" s="26"/>
      <c r="ATV121" s="26"/>
      <c r="ATW121" s="26"/>
      <c r="ATX121" s="26"/>
      <c r="ATY121" s="26"/>
      <c r="ATZ121" s="26"/>
      <c r="AUA121" s="26"/>
      <c r="AUB121" s="26"/>
      <c r="AUC121" s="26"/>
      <c r="AUD121" s="26"/>
      <c r="AUE121" s="26"/>
      <c r="AUF121" s="26"/>
      <c r="AUG121" s="26"/>
      <c r="AUH121" s="26"/>
      <c r="AUI121" s="26"/>
      <c r="AUJ121" s="26"/>
      <c r="AUK121" s="26"/>
      <c r="AUL121" s="26"/>
      <c r="AUM121" s="26"/>
      <c r="AUN121" s="26"/>
      <c r="AUO121" s="26"/>
      <c r="AUP121" s="26"/>
      <c r="AUQ121" s="26"/>
      <c r="AUR121" s="26"/>
      <c r="AUS121" s="26"/>
      <c r="AUT121" s="26"/>
      <c r="AUU121" s="26"/>
      <c r="AUV121" s="26"/>
      <c r="AUW121" s="26"/>
      <c r="AUX121" s="26"/>
      <c r="AUY121" s="26"/>
      <c r="AUZ121" s="26"/>
      <c r="AVA121" s="26"/>
      <c r="AVB121" s="26"/>
      <c r="AVC121" s="26"/>
      <c r="AVD121" s="26"/>
      <c r="AVE121" s="26"/>
      <c r="AVF121" s="26"/>
      <c r="AVG121" s="26"/>
      <c r="AVH121" s="26"/>
      <c r="AVI121" s="26"/>
      <c r="AVJ121" s="26"/>
      <c r="AVK121" s="26"/>
      <c r="AVL121" s="26"/>
      <c r="AVM121" s="26"/>
      <c r="AVN121" s="26"/>
      <c r="AVO121" s="26"/>
      <c r="AVP121" s="26"/>
      <c r="AVQ121" s="26"/>
      <c r="AVR121" s="26"/>
      <c r="AVS121" s="26"/>
      <c r="AVT121" s="26"/>
      <c r="AVU121" s="26"/>
      <c r="AVV121" s="26"/>
      <c r="AVW121" s="26"/>
      <c r="AVX121" s="26"/>
      <c r="AVY121" s="26"/>
      <c r="AVZ121" s="26"/>
      <c r="AWA121" s="26"/>
      <c r="AWB121" s="26"/>
      <c r="AWC121" s="26"/>
      <c r="AWD121" s="26"/>
      <c r="AWE121" s="26"/>
      <c r="AWF121" s="26"/>
      <c r="AWG121" s="26"/>
      <c r="AWH121" s="26"/>
      <c r="AWI121" s="26"/>
      <c r="AWJ121" s="26"/>
      <c r="AWK121" s="26"/>
      <c r="AWL121" s="26"/>
      <c r="AWM121" s="26"/>
      <c r="AWN121" s="26"/>
      <c r="AWO121" s="26"/>
      <c r="AWP121" s="26"/>
      <c r="AWQ121" s="26"/>
      <c r="AWR121" s="26"/>
      <c r="AWS121" s="26"/>
      <c r="AWT121" s="26"/>
      <c r="AWU121" s="26"/>
      <c r="AWV121" s="26"/>
      <c r="AWW121" s="26"/>
      <c r="AWX121" s="26"/>
      <c r="AWY121" s="26"/>
      <c r="AWZ121" s="26"/>
      <c r="AXA121" s="26"/>
      <c r="AXB121" s="26"/>
      <c r="AXC121" s="26"/>
      <c r="AXD121" s="26"/>
      <c r="AXE121" s="26"/>
      <c r="AXF121" s="26"/>
      <c r="AXG121" s="26"/>
      <c r="AXH121" s="26"/>
      <c r="AXI121" s="26"/>
      <c r="AXJ121" s="26"/>
      <c r="AXK121" s="26"/>
      <c r="AXL121" s="26"/>
      <c r="AXM121" s="26"/>
      <c r="AXN121" s="26"/>
      <c r="AXO121" s="26"/>
      <c r="AXP121" s="26"/>
      <c r="AXQ121" s="26"/>
      <c r="AXR121" s="26"/>
      <c r="AXS121" s="26"/>
      <c r="AXT121" s="26"/>
      <c r="AXU121" s="26"/>
      <c r="AXV121" s="26"/>
      <c r="AXW121" s="26"/>
      <c r="AXX121" s="26"/>
      <c r="AXY121" s="26"/>
      <c r="AXZ121" s="26"/>
      <c r="AYA121" s="26"/>
      <c r="AYB121" s="26"/>
      <c r="AYC121" s="26"/>
      <c r="AYD121" s="26"/>
      <c r="AYE121" s="26"/>
      <c r="AYF121" s="26"/>
      <c r="AYG121" s="26"/>
      <c r="AYH121" s="26"/>
      <c r="AYI121" s="26"/>
      <c r="AYJ121" s="26"/>
      <c r="AYK121" s="26"/>
      <c r="AYL121" s="26"/>
      <c r="AYM121" s="26"/>
      <c r="AYN121" s="26"/>
      <c r="AYO121" s="26"/>
      <c r="AYP121" s="26"/>
      <c r="AYQ121" s="26"/>
      <c r="AYR121" s="26"/>
      <c r="AYS121" s="26"/>
      <c r="AYT121" s="26"/>
      <c r="AYU121" s="26"/>
      <c r="AYV121" s="26"/>
      <c r="AYW121" s="26"/>
      <c r="AYX121" s="26"/>
      <c r="AYY121" s="26"/>
      <c r="AYZ121" s="26"/>
      <c r="AZA121" s="26"/>
      <c r="AZB121" s="26"/>
      <c r="AZC121" s="26"/>
      <c r="AZD121" s="26"/>
      <c r="AZE121" s="26"/>
      <c r="AZF121" s="26"/>
      <c r="AZG121" s="26"/>
      <c r="AZH121" s="26"/>
      <c r="AZI121" s="26"/>
      <c r="AZJ121" s="26"/>
      <c r="AZK121" s="26"/>
      <c r="AZL121" s="26"/>
      <c r="AZM121" s="26"/>
      <c r="AZN121" s="26"/>
      <c r="AZO121" s="26"/>
      <c r="AZP121" s="26"/>
      <c r="AZQ121" s="26"/>
      <c r="AZR121" s="26"/>
      <c r="AZS121" s="26"/>
      <c r="AZT121" s="26"/>
      <c r="AZU121" s="26"/>
      <c r="AZV121" s="26"/>
      <c r="AZW121" s="26"/>
      <c r="AZX121" s="26"/>
      <c r="AZY121" s="26"/>
      <c r="AZZ121" s="26"/>
      <c r="BAA121" s="26"/>
      <c r="BAB121" s="26"/>
      <c r="BAC121" s="26"/>
      <c r="BAD121" s="26"/>
      <c r="BAE121" s="26"/>
      <c r="BAF121" s="26"/>
      <c r="BAG121" s="26"/>
      <c r="BAH121" s="26"/>
      <c r="BAI121" s="26"/>
      <c r="BAJ121" s="26"/>
      <c r="BAK121" s="26"/>
      <c r="BAL121" s="26"/>
      <c r="BAM121" s="26"/>
      <c r="BAN121" s="26"/>
      <c r="BAO121" s="26"/>
      <c r="BAP121" s="26"/>
      <c r="BAQ121" s="26"/>
      <c r="BAR121" s="26"/>
      <c r="BAS121" s="26"/>
      <c r="BAT121" s="26"/>
      <c r="BAU121" s="26"/>
      <c r="BAV121" s="26"/>
      <c r="BAW121" s="26"/>
      <c r="BAX121" s="26"/>
      <c r="BAY121" s="26"/>
      <c r="BAZ121" s="26"/>
      <c r="BBA121" s="26"/>
      <c r="BBB121" s="26"/>
      <c r="BBC121" s="26"/>
      <c r="BBD121" s="26"/>
      <c r="BBE121" s="26"/>
      <c r="BBF121" s="26"/>
      <c r="BBG121" s="26"/>
      <c r="BBH121" s="26"/>
      <c r="BBI121" s="26"/>
      <c r="BBJ121" s="26"/>
      <c r="BBK121" s="26"/>
      <c r="BBL121" s="26"/>
      <c r="BBM121" s="26"/>
      <c r="BBN121" s="26"/>
      <c r="BBO121" s="26"/>
      <c r="BBP121" s="26"/>
      <c r="BBQ121" s="26"/>
      <c r="BBR121" s="26"/>
      <c r="BBS121" s="26"/>
      <c r="BBT121" s="26"/>
      <c r="BBU121" s="26"/>
      <c r="BBV121" s="26"/>
      <c r="BBW121" s="26"/>
      <c r="BBX121" s="26"/>
      <c r="BBY121" s="26"/>
      <c r="BBZ121" s="26"/>
      <c r="BCA121" s="26"/>
      <c r="BCB121" s="26"/>
      <c r="BCC121" s="26"/>
      <c r="BCD121" s="26"/>
      <c r="BCE121" s="26"/>
      <c r="BCF121" s="26"/>
      <c r="BCG121" s="26"/>
      <c r="BCH121" s="26"/>
      <c r="BCI121" s="26"/>
      <c r="BCJ121" s="26"/>
      <c r="BCK121" s="26"/>
      <c r="BCL121" s="26"/>
      <c r="BCM121" s="26"/>
      <c r="BCN121" s="26"/>
      <c r="BCO121" s="26"/>
      <c r="BCP121" s="26"/>
      <c r="BCQ121" s="26"/>
      <c r="BCR121" s="26"/>
      <c r="BCS121" s="26"/>
      <c r="BCT121" s="26"/>
      <c r="BCU121" s="26"/>
      <c r="BCV121" s="26"/>
      <c r="BCW121" s="26"/>
      <c r="BCX121" s="26"/>
      <c r="BCY121" s="26"/>
      <c r="BCZ121" s="26"/>
      <c r="BDA121" s="26"/>
      <c r="BDB121" s="26"/>
      <c r="BDC121" s="26"/>
      <c r="BDD121" s="26"/>
      <c r="BDE121" s="26"/>
      <c r="BDF121" s="26"/>
      <c r="BDG121" s="26"/>
      <c r="BDH121" s="26"/>
      <c r="BDI121" s="26"/>
      <c r="BDJ121" s="26"/>
      <c r="BDK121" s="26"/>
      <c r="BDL121" s="26"/>
      <c r="BDM121" s="26"/>
      <c r="BDN121" s="26"/>
      <c r="BDO121" s="26"/>
      <c r="BDP121" s="26"/>
      <c r="BDQ121" s="26"/>
      <c r="BDR121" s="26"/>
      <c r="BDS121" s="26"/>
      <c r="BDT121" s="26"/>
      <c r="BDU121" s="26"/>
      <c r="BDV121" s="26"/>
      <c r="BDW121" s="26"/>
      <c r="BDX121" s="26"/>
      <c r="BDY121" s="26"/>
      <c r="BDZ121" s="26"/>
      <c r="BEA121" s="26"/>
      <c r="BEB121" s="26"/>
      <c r="BEC121" s="26"/>
      <c r="BED121" s="26"/>
      <c r="BEE121" s="26"/>
      <c r="BEF121" s="26"/>
      <c r="BEG121" s="26"/>
      <c r="BEH121" s="26"/>
      <c r="BEI121" s="26"/>
      <c r="BEJ121" s="26"/>
      <c r="BEK121" s="26"/>
      <c r="BEL121" s="26"/>
      <c r="BEM121" s="26"/>
      <c r="BEN121" s="26"/>
      <c r="BEO121" s="26"/>
      <c r="BEP121" s="26"/>
      <c r="BEQ121" s="26"/>
      <c r="BER121" s="26"/>
      <c r="BES121" s="26"/>
      <c r="BET121" s="26"/>
      <c r="BEU121" s="26"/>
      <c r="BEV121" s="26"/>
      <c r="BEW121" s="26"/>
      <c r="BEX121" s="26"/>
      <c r="BEY121" s="26"/>
      <c r="BEZ121" s="26"/>
      <c r="BFA121" s="26"/>
      <c r="BFB121" s="26"/>
      <c r="BFC121" s="26"/>
      <c r="BFD121" s="26"/>
      <c r="BFE121" s="26"/>
      <c r="BFF121" s="26"/>
      <c r="BFG121" s="26"/>
      <c r="BFH121" s="26"/>
      <c r="BFI121" s="26"/>
      <c r="BFJ121" s="26"/>
      <c r="BFK121" s="26"/>
      <c r="BFL121" s="26"/>
      <c r="BFM121" s="26"/>
      <c r="BFN121" s="26"/>
      <c r="BFO121" s="26"/>
      <c r="BFP121" s="26"/>
      <c r="BFQ121" s="26"/>
      <c r="BFR121" s="26"/>
      <c r="BFS121" s="26"/>
      <c r="BFT121" s="26"/>
      <c r="BFU121" s="26"/>
      <c r="BFV121" s="26"/>
      <c r="BFW121" s="26"/>
      <c r="BFX121" s="26"/>
      <c r="BFY121" s="26"/>
      <c r="BFZ121" s="26"/>
      <c r="BGA121" s="26"/>
      <c r="BGB121" s="26"/>
      <c r="BGC121" s="26"/>
      <c r="BGD121" s="26"/>
      <c r="BGE121" s="26"/>
      <c r="BGF121" s="26"/>
      <c r="BGG121" s="26"/>
      <c r="BGH121" s="26"/>
      <c r="BGI121" s="26"/>
      <c r="BGJ121" s="26"/>
      <c r="BGK121" s="26"/>
      <c r="BGL121" s="26"/>
      <c r="BGM121" s="26"/>
      <c r="BGN121" s="26"/>
      <c r="BGO121" s="26"/>
      <c r="BGP121" s="26"/>
      <c r="BGQ121" s="26"/>
      <c r="BGR121" s="26"/>
      <c r="BGS121" s="26"/>
      <c r="BGT121" s="26"/>
      <c r="BGU121" s="26"/>
      <c r="BGV121" s="26"/>
      <c r="BGW121" s="26"/>
      <c r="BGX121" s="26"/>
      <c r="BGY121" s="26"/>
      <c r="BGZ121" s="26"/>
      <c r="BHA121" s="26"/>
      <c r="BHB121" s="26"/>
      <c r="BHC121" s="26"/>
      <c r="BHD121" s="26"/>
      <c r="BHE121" s="26"/>
      <c r="BHF121" s="26"/>
      <c r="BHG121" s="26"/>
      <c r="BHH121" s="26"/>
      <c r="BHI121" s="26"/>
      <c r="BHJ121" s="26"/>
      <c r="BHK121" s="26"/>
      <c r="BHL121" s="26"/>
      <c r="BHM121" s="26"/>
      <c r="BHN121" s="26"/>
      <c r="BHO121" s="26"/>
      <c r="BHP121" s="26"/>
      <c r="BHQ121" s="26"/>
      <c r="BHR121" s="26"/>
      <c r="BHS121" s="26"/>
      <c r="BHT121" s="26"/>
      <c r="BHU121" s="26"/>
      <c r="BHV121" s="26"/>
      <c r="BHW121" s="26"/>
      <c r="BHX121" s="26"/>
      <c r="BHY121" s="26"/>
      <c r="BHZ121" s="26"/>
      <c r="BIA121" s="26"/>
      <c r="BIB121" s="26"/>
      <c r="BIC121" s="26"/>
      <c r="BID121" s="26"/>
      <c r="BIE121" s="26"/>
      <c r="BIF121" s="26"/>
      <c r="BIG121" s="26"/>
      <c r="BIH121" s="26"/>
      <c r="BII121" s="26"/>
      <c r="BIJ121" s="26"/>
      <c r="BIK121" s="26"/>
      <c r="BIL121" s="26"/>
      <c r="BIM121" s="26"/>
      <c r="BIN121" s="26"/>
      <c r="BIO121" s="26"/>
      <c r="BIP121" s="26"/>
      <c r="BIQ121" s="26"/>
      <c r="BIR121" s="26"/>
      <c r="BIS121" s="26"/>
      <c r="BIT121" s="26"/>
      <c r="BIU121" s="26"/>
      <c r="BIV121" s="26"/>
      <c r="BIW121" s="26"/>
      <c r="BIX121" s="26"/>
      <c r="BIY121" s="26"/>
      <c r="BIZ121" s="26"/>
      <c r="BJA121" s="26"/>
      <c r="BJB121" s="26"/>
      <c r="BJC121" s="26"/>
      <c r="BJD121" s="26"/>
      <c r="BJE121" s="26"/>
      <c r="BJF121" s="26"/>
      <c r="BJG121" s="26"/>
      <c r="BJH121" s="26"/>
      <c r="BJI121" s="26"/>
      <c r="BJJ121" s="26"/>
      <c r="BJK121" s="26"/>
      <c r="BJL121" s="26"/>
      <c r="BJM121" s="26"/>
      <c r="BJN121" s="26"/>
      <c r="BJO121" s="26"/>
      <c r="BJP121" s="26"/>
      <c r="BJQ121" s="26"/>
      <c r="BJR121" s="26"/>
      <c r="BJS121" s="26"/>
      <c r="BJT121" s="26"/>
      <c r="BJU121" s="26"/>
      <c r="BJV121" s="26"/>
      <c r="BJW121" s="26"/>
      <c r="BJX121" s="26"/>
      <c r="BJY121" s="26"/>
      <c r="BJZ121" s="26"/>
      <c r="BKA121" s="26"/>
      <c r="BKB121" s="26"/>
      <c r="BKC121" s="26"/>
      <c r="BKD121" s="26"/>
      <c r="BKE121" s="26"/>
      <c r="BKF121" s="26"/>
      <c r="BKG121" s="26"/>
      <c r="BKH121" s="26"/>
      <c r="BKI121" s="26"/>
      <c r="BKJ121" s="26"/>
      <c r="BKK121" s="26"/>
      <c r="BKL121" s="26"/>
      <c r="BKM121" s="26"/>
      <c r="BKN121" s="26"/>
      <c r="BKO121" s="26"/>
      <c r="BKP121" s="26"/>
      <c r="BKQ121" s="26"/>
      <c r="BKR121" s="26"/>
      <c r="BKS121" s="26"/>
      <c r="BKT121" s="26"/>
      <c r="BKU121" s="26"/>
      <c r="BKV121" s="26"/>
      <c r="BKW121" s="26"/>
      <c r="BKX121" s="26"/>
      <c r="BKY121" s="26"/>
      <c r="BKZ121" s="26"/>
      <c r="BLA121" s="26"/>
      <c r="BLB121" s="26"/>
      <c r="BLC121" s="26"/>
      <c r="BLD121" s="26"/>
      <c r="BLE121" s="26"/>
      <c r="BLF121" s="26"/>
      <c r="BLG121" s="26"/>
      <c r="BLH121" s="26"/>
      <c r="BLI121" s="26"/>
      <c r="BLJ121" s="26"/>
      <c r="BLK121" s="26"/>
      <c r="BLL121" s="26"/>
      <c r="BLM121" s="26"/>
      <c r="BLN121" s="26"/>
      <c r="BLO121" s="26"/>
      <c r="BLP121" s="26"/>
      <c r="BLQ121" s="26"/>
      <c r="BLR121" s="26"/>
      <c r="BLS121" s="26"/>
      <c r="BLT121" s="26"/>
      <c r="BLU121" s="26"/>
      <c r="BLV121" s="26"/>
      <c r="BLW121" s="26"/>
      <c r="BLX121" s="26"/>
      <c r="BLY121" s="26"/>
      <c r="BLZ121" s="26"/>
      <c r="BMA121" s="26"/>
      <c r="BMB121" s="26"/>
      <c r="BMC121" s="26"/>
      <c r="BMD121" s="26"/>
      <c r="BME121" s="26"/>
      <c r="BMF121" s="26"/>
      <c r="BMG121" s="26"/>
      <c r="BMH121" s="26"/>
      <c r="BMI121" s="26"/>
      <c r="BMJ121" s="26"/>
      <c r="BMK121" s="26"/>
      <c r="BML121" s="26"/>
      <c r="BMM121" s="26"/>
      <c r="BMN121" s="26"/>
      <c r="BMO121" s="26"/>
      <c r="BMP121" s="26"/>
      <c r="BMQ121" s="26"/>
      <c r="BMR121" s="26"/>
      <c r="BMS121" s="26"/>
      <c r="BMT121" s="26"/>
      <c r="BMU121" s="26"/>
      <c r="BMV121" s="26"/>
      <c r="BMW121" s="26"/>
      <c r="BMX121" s="26"/>
      <c r="BMY121" s="26"/>
      <c r="BMZ121" s="26"/>
      <c r="BNA121" s="26"/>
      <c r="BNB121" s="26"/>
      <c r="BNC121" s="26"/>
      <c r="BND121" s="26"/>
      <c r="BNE121" s="26"/>
      <c r="BNF121" s="26"/>
      <c r="BNG121" s="26"/>
      <c r="BNH121" s="26"/>
      <c r="BNI121" s="26"/>
      <c r="BNJ121" s="26"/>
      <c r="BNK121" s="26"/>
      <c r="BNL121" s="26"/>
      <c r="BNM121" s="26"/>
      <c r="BNN121" s="26"/>
      <c r="BNO121" s="26"/>
      <c r="BNP121" s="26"/>
      <c r="BNQ121" s="26"/>
      <c r="BNR121" s="26"/>
      <c r="BNS121" s="26"/>
      <c r="BNT121" s="26"/>
      <c r="BNU121" s="26"/>
      <c r="BNV121" s="26"/>
      <c r="BNW121" s="26"/>
      <c r="BNX121" s="26"/>
      <c r="BNY121" s="26"/>
      <c r="BNZ121" s="26"/>
      <c r="BOA121" s="26"/>
      <c r="BOB121" s="26"/>
      <c r="BOC121" s="26"/>
      <c r="BOD121" s="26"/>
      <c r="BOE121" s="26"/>
      <c r="BOF121" s="26"/>
      <c r="BOG121" s="26"/>
      <c r="BOH121" s="26"/>
      <c r="BOI121" s="26"/>
      <c r="BOJ121" s="26"/>
      <c r="BOK121" s="26"/>
      <c r="BOL121" s="26"/>
      <c r="BOM121" s="26"/>
      <c r="BON121" s="26"/>
      <c r="BOO121" s="26"/>
      <c r="BOP121" s="26"/>
      <c r="BOQ121" s="26"/>
      <c r="BOR121" s="26"/>
      <c r="BOS121" s="26"/>
      <c r="BOT121" s="26"/>
      <c r="BOU121" s="26"/>
      <c r="BOV121" s="26"/>
      <c r="BOW121" s="26"/>
      <c r="BOX121" s="26"/>
      <c r="BOY121" s="26"/>
      <c r="BOZ121" s="26"/>
      <c r="BPA121" s="26"/>
      <c r="BPB121" s="26"/>
      <c r="BPC121" s="26"/>
      <c r="BPD121" s="26"/>
      <c r="BPE121" s="26"/>
      <c r="BPF121" s="26"/>
      <c r="BPG121" s="26"/>
      <c r="BPH121" s="26"/>
      <c r="BPI121" s="26"/>
      <c r="BPJ121" s="26"/>
      <c r="BPK121" s="26"/>
      <c r="BPL121" s="26"/>
      <c r="BPM121" s="26"/>
      <c r="BPN121" s="26"/>
      <c r="BPO121" s="26"/>
      <c r="BPP121" s="26"/>
      <c r="BPQ121" s="26"/>
      <c r="BPR121" s="26"/>
      <c r="BPS121" s="26"/>
      <c r="BPT121" s="26"/>
      <c r="BPU121" s="26"/>
      <c r="BPV121" s="26"/>
      <c r="BPW121" s="26"/>
      <c r="BPX121" s="26"/>
      <c r="BPY121" s="26"/>
      <c r="BPZ121" s="26"/>
      <c r="BQA121" s="26"/>
      <c r="BQB121" s="26"/>
      <c r="BQC121" s="26"/>
      <c r="BQD121" s="26"/>
      <c r="BQE121" s="26"/>
      <c r="BQF121" s="26"/>
      <c r="BQG121" s="26"/>
      <c r="BQH121" s="26"/>
      <c r="BQI121" s="26"/>
      <c r="BQJ121" s="26"/>
      <c r="BQK121" s="26"/>
      <c r="BQL121" s="26"/>
      <c r="BQM121" s="26"/>
      <c r="BQN121" s="26"/>
      <c r="BQO121" s="26"/>
      <c r="BQP121" s="26"/>
      <c r="BQQ121" s="26"/>
      <c r="BQR121" s="26"/>
      <c r="BQS121" s="26"/>
      <c r="BQT121" s="26"/>
      <c r="BQU121" s="26"/>
      <c r="BQV121" s="26"/>
      <c r="BQW121" s="26"/>
      <c r="BQX121" s="26"/>
      <c r="BQY121" s="26"/>
      <c r="BQZ121" s="26"/>
      <c r="BRA121" s="26"/>
      <c r="BRB121" s="26"/>
      <c r="BRC121" s="26"/>
      <c r="BRD121" s="26"/>
      <c r="BRE121" s="26"/>
      <c r="BRF121" s="26"/>
      <c r="BRG121" s="26"/>
      <c r="BRH121" s="26"/>
      <c r="BRI121" s="26"/>
      <c r="BRJ121" s="26"/>
      <c r="BRK121" s="26"/>
      <c r="BRL121" s="26"/>
      <c r="BRM121" s="26"/>
      <c r="BRN121" s="26"/>
      <c r="BRO121" s="26"/>
      <c r="BRP121" s="26"/>
      <c r="BRQ121" s="26"/>
      <c r="BRR121" s="26"/>
      <c r="BRS121" s="26"/>
      <c r="BRT121" s="26"/>
      <c r="BRU121" s="26"/>
      <c r="BRV121" s="26"/>
      <c r="BRW121" s="26"/>
      <c r="BRX121" s="26"/>
      <c r="BRY121" s="26"/>
      <c r="BRZ121" s="26"/>
      <c r="BSA121" s="26"/>
      <c r="BSB121" s="26"/>
      <c r="BSC121" s="26"/>
      <c r="BSD121" s="26"/>
      <c r="BSE121" s="26"/>
      <c r="BSF121" s="26"/>
      <c r="BSG121" s="26"/>
      <c r="BSH121" s="26"/>
      <c r="BSI121" s="26"/>
      <c r="BSJ121" s="26"/>
      <c r="BSK121" s="26"/>
      <c r="BSL121" s="26"/>
      <c r="BSM121" s="26"/>
      <c r="BSN121" s="26"/>
      <c r="BSO121" s="26"/>
      <c r="BSP121" s="26"/>
      <c r="BSQ121" s="26"/>
      <c r="BSR121" s="26"/>
      <c r="BSS121" s="26"/>
      <c r="BST121" s="26"/>
      <c r="BSU121" s="26"/>
      <c r="BSV121" s="26"/>
      <c r="BSW121" s="26"/>
      <c r="BSX121" s="26"/>
      <c r="BSY121" s="26"/>
      <c r="BSZ121" s="26"/>
      <c r="BTA121" s="26"/>
      <c r="BTB121" s="26"/>
      <c r="BTC121" s="26"/>
      <c r="BTD121" s="26"/>
      <c r="BTE121" s="26"/>
      <c r="BTF121" s="26"/>
      <c r="BTG121" s="26"/>
      <c r="BTH121" s="26"/>
      <c r="BTI121" s="26"/>
      <c r="BTJ121" s="26"/>
      <c r="BTK121" s="26"/>
      <c r="BTL121" s="26"/>
      <c r="BTM121" s="26"/>
      <c r="BTN121" s="26"/>
      <c r="BTO121" s="26"/>
      <c r="BTP121" s="26"/>
      <c r="BTQ121" s="26"/>
      <c r="BTR121" s="26"/>
      <c r="BTS121" s="26"/>
      <c r="BTT121" s="26"/>
      <c r="BTU121" s="26"/>
      <c r="BTV121" s="26"/>
      <c r="BTW121" s="26"/>
      <c r="BTX121" s="26"/>
      <c r="BTY121" s="26"/>
      <c r="BTZ121" s="26"/>
      <c r="BUA121" s="26"/>
      <c r="BUB121" s="26"/>
      <c r="BUC121" s="26"/>
      <c r="BUD121" s="26"/>
      <c r="BUE121" s="26"/>
      <c r="BUF121" s="26"/>
      <c r="BUG121" s="26"/>
      <c r="BUH121" s="26"/>
      <c r="BUI121" s="26"/>
      <c r="BUJ121" s="26"/>
      <c r="BUK121" s="26"/>
      <c r="BUL121" s="26"/>
      <c r="BUM121" s="26"/>
      <c r="BUN121" s="26"/>
      <c r="BUO121" s="26"/>
      <c r="BUP121" s="26"/>
      <c r="BUQ121" s="26"/>
      <c r="BUR121" s="26"/>
      <c r="BUS121" s="26"/>
      <c r="BUT121" s="26"/>
      <c r="BUU121" s="26"/>
      <c r="BUV121" s="26"/>
      <c r="BUW121" s="26"/>
      <c r="BUX121" s="26"/>
      <c r="BUY121" s="26"/>
      <c r="BUZ121" s="26"/>
      <c r="BVA121" s="26"/>
      <c r="BVB121" s="26"/>
      <c r="BVC121" s="26"/>
      <c r="BVD121" s="26"/>
      <c r="BVE121" s="26"/>
      <c r="BVF121" s="26"/>
      <c r="BVG121" s="26"/>
      <c r="BVH121" s="26"/>
      <c r="BVI121" s="26"/>
      <c r="BVJ121" s="26"/>
      <c r="BVK121" s="26"/>
      <c r="BVL121" s="26"/>
      <c r="BVM121" s="26"/>
      <c r="BVN121" s="26"/>
      <c r="BVO121" s="26"/>
      <c r="BVP121" s="26"/>
      <c r="BVQ121" s="26"/>
      <c r="BVR121" s="26"/>
      <c r="BVS121" s="26"/>
      <c r="BVT121" s="26"/>
      <c r="BVU121" s="26"/>
      <c r="BVV121" s="26"/>
      <c r="BVW121" s="26"/>
      <c r="BVX121" s="26"/>
      <c r="BVY121" s="26"/>
      <c r="BVZ121" s="26"/>
      <c r="BWA121" s="26"/>
      <c r="BWB121" s="26"/>
      <c r="BWC121" s="26"/>
      <c r="BWD121" s="26"/>
      <c r="BWE121" s="26"/>
      <c r="BWF121" s="26"/>
      <c r="BWG121" s="26"/>
      <c r="BWH121" s="26"/>
      <c r="BWI121" s="26"/>
      <c r="BWJ121" s="26"/>
      <c r="BWK121" s="26"/>
      <c r="BWL121" s="26"/>
      <c r="BWM121" s="26"/>
      <c r="BWN121" s="26"/>
      <c r="BWO121" s="26"/>
      <c r="BWP121" s="26"/>
      <c r="BWQ121" s="26"/>
      <c r="BWR121" s="26"/>
      <c r="BWS121" s="26"/>
      <c r="BWT121" s="26"/>
      <c r="BWU121" s="26"/>
      <c r="BWV121" s="26"/>
      <c r="BWW121" s="26"/>
      <c r="BWX121" s="26"/>
      <c r="BWY121" s="26"/>
      <c r="BWZ121" s="26"/>
      <c r="BXA121" s="26"/>
      <c r="BXB121" s="26"/>
      <c r="BXC121" s="26"/>
      <c r="BXD121" s="26"/>
      <c r="BXE121" s="26"/>
      <c r="BXF121" s="26"/>
      <c r="BXG121" s="26"/>
      <c r="BXH121" s="26"/>
      <c r="BXI121" s="26"/>
      <c r="BXJ121" s="26"/>
      <c r="BXK121" s="26"/>
      <c r="BXL121" s="26"/>
      <c r="BXM121" s="26"/>
      <c r="BXN121" s="26"/>
      <c r="BXO121" s="26"/>
      <c r="BXP121" s="26"/>
      <c r="BXQ121" s="26"/>
      <c r="BXR121" s="26"/>
      <c r="BXS121" s="26"/>
      <c r="BXT121" s="26"/>
      <c r="BXU121" s="26"/>
      <c r="BXV121" s="26"/>
      <c r="BXW121" s="26"/>
      <c r="BXX121" s="26"/>
      <c r="BXY121" s="26"/>
      <c r="BXZ121" s="26"/>
      <c r="BYA121" s="26"/>
      <c r="BYB121" s="26"/>
      <c r="BYC121" s="26"/>
      <c r="BYD121" s="26"/>
      <c r="BYE121" s="26"/>
      <c r="BYF121" s="26"/>
      <c r="BYG121" s="26"/>
      <c r="BYH121" s="26"/>
      <c r="BYI121" s="26"/>
      <c r="BYJ121" s="26"/>
      <c r="BYK121" s="26"/>
      <c r="BYL121" s="26"/>
      <c r="BYM121" s="26"/>
      <c r="BYN121" s="26"/>
      <c r="BYO121" s="26"/>
      <c r="BYP121" s="26"/>
      <c r="BYQ121" s="26"/>
      <c r="BYR121" s="26"/>
      <c r="BYS121" s="26"/>
      <c r="BYT121" s="26"/>
      <c r="BYU121" s="26"/>
      <c r="BYV121" s="26"/>
      <c r="BYW121" s="26"/>
      <c r="BYX121" s="26"/>
      <c r="BYY121" s="26"/>
      <c r="BYZ121" s="26"/>
      <c r="BZA121" s="26"/>
      <c r="BZB121" s="26"/>
      <c r="BZC121" s="26"/>
      <c r="BZD121" s="26"/>
      <c r="BZE121" s="26"/>
      <c r="BZF121" s="26"/>
      <c r="BZG121" s="26"/>
      <c r="BZH121" s="26"/>
      <c r="BZI121" s="26"/>
      <c r="BZJ121" s="26"/>
      <c r="BZK121" s="26"/>
      <c r="BZL121" s="26"/>
      <c r="BZM121" s="26"/>
      <c r="BZN121" s="26"/>
      <c r="BZO121" s="26"/>
      <c r="BZP121" s="26"/>
      <c r="BZQ121" s="26"/>
      <c r="BZR121" s="26"/>
      <c r="BZS121" s="26"/>
      <c r="BZT121" s="26"/>
      <c r="BZU121" s="26"/>
      <c r="BZV121" s="26"/>
      <c r="BZW121" s="26"/>
      <c r="BZX121" s="26"/>
      <c r="BZY121" s="26"/>
      <c r="BZZ121" s="26"/>
      <c r="CAA121" s="26"/>
      <c r="CAB121" s="26"/>
      <c r="CAC121" s="26"/>
      <c r="CAD121" s="26"/>
      <c r="CAE121" s="26"/>
      <c r="CAF121" s="26"/>
      <c r="CAG121" s="26"/>
      <c r="CAH121" s="26"/>
      <c r="CAI121" s="26"/>
      <c r="CAJ121" s="26"/>
      <c r="CAK121" s="26"/>
      <c r="CAL121" s="26"/>
      <c r="CAM121" s="26"/>
      <c r="CAN121" s="26"/>
      <c r="CAO121" s="26"/>
      <c r="CAP121" s="26"/>
      <c r="CAQ121" s="26"/>
      <c r="CAR121" s="26"/>
      <c r="CAS121" s="26"/>
      <c r="CAT121" s="26"/>
      <c r="CAU121" s="26"/>
      <c r="CAV121" s="26"/>
      <c r="CAW121" s="26"/>
      <c r="CAX121" s="26"/>
      <c r="CAY121" s="26"/>
      <c r="CAZ121" s="26"/>
      <c r="CBA121" s="26"/>
      <c r="CBB121" s="26"/>
      <c r="CBC121" s="26"/>
      <c r="CBD121" s="26"/>
      <c r="CBE121" s="26"/>
      <c r="CBF121" s="26"/>
      <c r="CBG121" s="26"/>
      <c r="CBH121" s="26"/>
      <c r="CBI121" s="26"/>
      <c r="CBJ121" s="26"/>
      <c r="CBK121" s="26"/>
      <c r="CBL121" s="26"/>
      <c r="CBM121" s="26"/>
      <c r="CBN121" s="26"/>
      <c r="CBO121" s="26"/>
      <c r="CBP121" s="26"/>
      <c r="CBQ121" s="26"/>
      <c r="CBR121" s="26"/>
      <c r="CBS121" s="26"/>
      <c r="CBT121" s="26"/>
      <c r="CBU121" s="26"/>
      <c r="CBV121" s="26"/>
      <c r="CBW121" s="26"/>
      <c r="CBX121" s="26"/>
      <c r="CBY121" s="26"/>
      <c r="CBZ121" s="26"/>
      <c r="CCA121" s="26"/>
      <c r="CCB121" s="26"/>
      <c r="CCC121" s="26"/>
      <c r="CCD121" s="26"/>
      <c r="CCE121" s="26"/>
      <c r="CCF121" s="26"/>
      <c r="CCG121" s="26"/>
      <c r="CCH121" s="26"/>
      <c r="CCI121" s="26"/>
      <c r="CCJ121" s="26"/>
      <c r="CCK121" s="26"/>
      <c r="CCL121" s="26"/>
      <c r="CCM121" s="26"/>
      <c r="CCN121" s="26"/>
      <c r="CCO121" s="26"/>
      <c r="CCP121" s="26"/>
      <c r="CCQ121" s="26"/>
      <c r="CCR121" s="26"/>
      <c r="CCS121" s="26"/>
      <c r="CCT121" s="26"/>
      <c r="CCU121" s="26"/>
      <c r="CCV121" s="26"/>
      <c r="CCW121" s="26"/>
      <c r="CCX121" s="26"/>
      <c r="CCY121" s="26"/>
      <c r="CCZ121" s="26"/>
      <c r="CDA121" s="26"/>
      <c r="CDB121" s="26"/>
      <c r="CDC121" s="26"/>
      <c r="CDD121" s="26"/>
      <c r="CDE121" s="26"/>
      <c r="CDF121" s="26"/>
      <c r="CDG121" s="26"/>
      <c r="CDH121" s="26"/>
      <c r="CDI121" s="26"/>
      <c r="CDJ121" s="26"/>
      <c r="CDK121" s="26"/>
      <c r="CDL121" s="26"/>
      <c r="CDM121" s="26"/>
      <c r="CDN121" s="26"/>
      <c r="CDO121" s="26"/>
      <c r="CDP121" s="26"/>
      <c r="CDQ121" s="26"/>
      <c r="CDR121" s="26"/>
      <c r="CDS121" s="26"/>
      <c r="CDT121" s="26"/>
      <c r="CDU121" s="26"/>
      <c r="CDV121" s="26"/>
      <c r="CDW121" s="26"/>
      <c r="CDX121" s="26"/>
      <c r="CDY121" s="26"/>
      <c r="CDZ121" s="26"/>
      <c r="CEA121" s="26"/>
      <c r="CEB121" s="26"/>
      <c r="CEC121" s="26"/>
      <c r="CED121" s="26"/>
      <c r="CEE121" s="26"/>
      <c r="CEF121" s="26"/>
      <c r="CEG121" s="26"/>
      <c r="CEH121" s="26"/>
      <c r="CEI121" s="26"/>
      <c r="CEJ121" s="26"/>
      <c r="CEK121" s="26"/>
      <c r="CEL121" s="26"/>
      <c r="CEM121" s="26"/>
      <c r="CEN121" s="26"/>
      <c r="CEO121" s="26"/>
      <c r="CEP121" s="26"/>
      <c r="CEQ121" s="26"/>
      <c r="CER121" s="26"/>
      <c r="CES121" s="26"/>
      <c r="CET121" s="26"/>
      <c r="CEU121" s="26"/>
      <c r="CEV121" s="26"/>
      <c r="CEW121" s="26"/>
      <c r="CEX121" s="26"/>
      <c r="CEY121" s="26"/>
      <c r="CEZ121" s="26"/>
      <c r="CFA121" s="26"/>
      <c r="CFB121" s="26"/>
      <c r="CFC121" s="26"/>
      <c r="CFD121" s="26"/>
      <c r="CFE121" s="26"/>
      <c r="CFF121" s="26"/>
      <c r="CFG121" s="26"/>
      <c r="CFH121" s="26"/>
      <c r="CFI121" s="26"/>
      <c r="CFJ121" s="26"/>
      <c r="CFK121" s="26"/>
      <c r="CFL121" s="26"/>
      <c r="CFM121" s="26"/>
      <c r="CFN121" s="26"/>
      <c r="CFO121" s="26"/>
      <c r="CFP121" s="26"/>
      <c r="CFQ121" s="26"/>
      <c r="CFR121" s="26"/>
      <c r="CFS121" s="26"/>
      <c r="CFT121" s="26"/>
      <c r="CFU121" s="26"/>
      <c r="CFV121" s="26"/>
      <c r="CFW121" s="26"/>
      <c r="CFX121" s="26"/>
      <c r="CFY121" s="26"/>
      <c r="CFZ121" s="26"/>
      <c r="CGA121" s="26"/>
      <c r="CGB121" s="26"/>
      <c r="CGC121" s="26"/>
      <c r="CGD121" s="26"/>
      <c r="CGE121" s="26"/>
      <c r="CGF121" s="26"/>
      <c r="CGG121" s="26"/>
      <c r="CGH121" s="26"/>
      <c r="CGI121" s="26"/>
      <c r="CGJ121" s="26"/>
      <c r="CGK121" s="26"/>
      <c r="CGL121" s="26"/>
      <c r="CGM121" s="26"/>
      <c r="CGN121" s="26"/>
      <c r="CGO121" s="26"/>
      <c r="CGP121" s="26"/>
      <c r="CGQ121" s="26"/>
      <c r="CGR121" s="26"/>
      <c r="CGS121" s="26"/>
      <c r="CGT121" s="26"/>
      <c r="CGU121" s="26"/>
      <c r="CGV121" s="26"/>
      <c r="CGW121" s="26"/>
      <c r="CGX121" s="26"/>
      <c r="CGY121" s="26"/>
      <c r="CGZ121" s="26"/>
      <c r="CHA121" s="26"/>
      <c r="CHB121" s="26"/>
      <c r="CHC121" s="26"/>
      <c r="CHD121" s="26"/>
      <c r="CHE121" s="26"/>
      <c r="CHF121" s="26"/>
      <c r="CHG121" s="26"/>
      <c r="CHH121" s="26"/>
      <c r="CHI121" s="26"/>
      <c r="CHJ121" s="26"/>
      <c r="CHK121" s="26"/>
      <c r="CHL121" s="26"/>
      <c r="CHM121" s="26"/>
      <c r="CHN121" s="26"/>
      <c r="CHO121" s="26"/>
      <c r="CHP121" s="26"/>
      <c r="CHQ121" s="26"/>
      <c r="CHR121" s="26"/>
      <c r="CHS121" s="26"/>
      <c r="CHT121" s="26"/>
      <c r="CHU121" s="26"/>
      <c r="CHV121" s="26"/>
      <c r="CHW121" s="26"/>
      <c r="CHX121" s="26"/>
      <c r="CHY121" s="26"/>
      <c r="CHZ121" s="26"/>
      <c r="CIA121" s="26"/>
      <c r="CIB121" s="26"/>
      <c r="CIC121" s="26"/>
      <c r="CID121" s="26"/>
      <c r="CIE121" s="26"/>
      <c r="CIF121" s="26"/>
      <c r="CIG121" s="26"/>
      <c r="CIH121" s="26"/>
      <c r="CII121" s="26"/>
      <c r="CIJ121" s="26"/>
      <c r="CIK121" s="26"/>
      <c r="CIL121" s="26"/>
      <c r="CIM121" s="26"/>
      <c r="CIN121" s="26"/>
      <c r="CIO121" s="26"/>
      <c r="CIP121" s="26"/>
      <c r="CIQ121" s="26"/>
      <c r="CIR121" s="26"/>
      <c r="CIS121" s="26"/>
      <c r="CIT121" s="26"/>
      <c r="CIU121" s="26"/>
      <c r="CIV121" s="26"/>
      <c r="CIW121" s="26"/>
      <c r="CIX121" s="26"/>
      <c r="CIY121" s="26"/>
      <c r="CIZ121" s="26"/>
      <c r="CJA121" s="26"/>
      <c r="CJB121" s="26"/>
      <c r="CJC121" s="26"/>
      <c r="CJD121" s="26"/>
      <c r="CJE121" s="26"/>
      <c r="CJF121" s="26"/>
      <c r="CJG121" s="26"/>
      <c r="CJH121" s="26"/>
      <c r="CJI121" s="26"/>
      <c r="CJJ121" s="26"/>
      <c r="CJK121" s="26"/>
      <c r="CJL121" s="26"/>
      <c r="CJM121" s="26"/>
      <c r="CJN121" s="26"/>
      <c r="CJO121" s="26"/>
      <c r="CJP121" s="26"/>
      <c r="CJQ121" s="26"/>
      <c r="CJR121" s="26"/>
      <c r="CJS121" s="26"/>
      <c r="CJT121" s="26"/>
      <c r="CJU121" s="26"/>
      <c r="CJV121" s="26"/>
      <c r="CJW121" s="26"/>
      <c r="CJX121" s="26"/>
      <c r="CJY121" s="26"/>
      <c r="CJZ121" s="26"/>
      <c r="CKA121" s="26"/>
      <c r="CKB121" s="26"/>
      <c r="CKC121" s="26"/>
      <c r="CKD121" s="26"/>
      <c r="CKE121" s="26"/>
      <c r="CKF121" s="26"/>
      <c r="CKG121" s="26"/>
      <c r="CKH121" s="26"/>
      <c r="CKI121" s="26"/>
      <c r="CKJ121" s="26"/>
      <c r="CKK121" s="26"/>
      <c r="CKL121" s="26"/>
      <c r="CKM121" s="26"/>
      <c r="CKN121" s="26"/>
      <c r="CKO121" s="26"/>
      <c r="CKP121" s="26"/>
      <c r="CKQ121" s="26"/>
      <c r="CKR121" s="26"/>
      <c r="CKS121" s="26"/>
      <c r="CKT121" s="26"/>
      <c r="CKU121" s="26"/>
      <c r="CKV121" s="26"/>
      <c r="CKW121" s="26"/>
      <c r="CKX121" s="26"/>
      <c r="CKY121" s="26"/>
      <c r="CKZ121" s="26"/>
      <c r="CLA121" s="26"/>
      <c r="CLB121" s="26"/>
      <c r="CLC121" s="26"/>
      <c r="CLD121" s="26"/>
      <c r="CLE121" s="26"/>
      <c r="CLF121" s="26"/>
      <c r="CLG121" s="26"/>
      <c r="CLH121" s="26"/>
      <c r="CLI121" s="26"/>
      <c r="CLJ121" s="26"/>
      <c r="CLK121" s="26"/>
      <c r="CLL121" s="26"/>
      <c r="CLM121" s="26"/>
      <c r="CLN121" s="26"/>
      <c r="CLO121" s="26"/>
      <c r="CLP121" s="26"/>
      <c r="CLQ121" s="26"/>
      <c r="CLR121" s="26"/>
      <c r="CLS121" s="26"/>
      <c r="CLT121" s="26"/>
      <c r="CLU121" s="26"/>
      <c r="CLV121" s="26"/>
      <c r="CLW121" s="26"/>
      <c r="CLX121" s="26"/>
      <c r="CLY121" s="26"/>
      <c r="CLZ121" s="26"/>
      <c r="CMA121" s="26"/>
      <c r="CMB121" s="26"/>
      <c r="CMC121" s="26"/>
      <c r="CMD121" s="26"/>
      <c r="CME121" s="26"/>
      <c r="CMF121" s="26"/>
      <c r="CMG121" s="26"/>
      <c r="CMH121" s="26"/>
      <c r="CMI121" s="26"/>
      <c r="CMJ121" s="26"/>
      <c r="CMK121" s="26"/>
      <c r="CML121" s="26"/>
      <c r="CMM121" s="26"/>
      <c r="CMN121" s="26"/>
      <c r="CMO121" s="26"/>
      <c r="CMP121" s="26"/>
      <c r="CMQ121" s="26"/>
      <c r="CMR121" s="26"/>
      <c r="CMS121" s="26"/>
      <c r="CMT121" s="26"/>
      <c r="CMU121" s="26"/>
      <c r="CMV121" s="26"/>
      <c r="CMW121" s="26"/>
      <c r="CMX121" s="26"/>
      <c r="CMY121" s="26"/>
      <c r="CMZ121" s="26"/>
      <c r="CNA121" s="26"/>
      <c r="CNB121" s="26"/>
      <c r="CNC121" s="26"/>
      <c r="CND121" s="26"/>
      <c r="CNE121" s="26"/>
      <c r="CNF121" s="26"/>
      <c r="CNG121" s="26"/>
      <c r="CNH121" s="26"/>
      <c r="CNI121" s="26"/>
      <c r="CNJ121" s="26"/>
      <c r="CNK121" s="26"/>
      <c r="CNL121" s="26"/>
      <c r="CNM121" s="26"/>
      <c r="CNN121" s="26"/>
      <c r="CNO121" s="26"/>
      <c r="CNP121" s="26"/>
      <c r="CNQ121" s="26"/>
      <c r="CNR121" s="26"/>
      <c r="CNS121" s="26"/>
      <c r="CNT121" s="26"/>
      <c r="CNU121" s="26"/>
      <c r="CNV121" s="26"/>
      <c r="CNW121" s="26"/>
      <c r="CNX121" s="26"/>
      <c r="CNY121" s="26"/>
      <c r="CNZ121" s="26"/>
      <c r="COA121" s="26"/>
      <c r="COB121" s="26"/>
      <c r="COC121" s="26"/>
      <c r="COD121" s="26"/>
      <c r="COE121" s="26"/>
      <c r="COF121" s="26"/>
      <c r="COG121" s="26"/>
      <c r="COH121" s="26"/>
      <c r="COI121" s="26"/>
      <c r="COJ121" s="26"/>
      <c r="COK121" s="26"/>
      <c r="COL121" s="26"/>
      <c r="COM121" s="26"/>
      <c r="CON121" s="26"/>
      <c r="COO121" s="26"/>
      <c r="COP121" s="26"/>
      <c r="COQ121" s="26"/>
      <c r="COR121" s="26"/>
      <c r="COS121" s="26"/>
      <c r="COT121" s="26"/>
      <c r="COU121" s="26"/>
      <c r="COV121" s="26"/>
      <c r="COW121" s="26"/>
      <c r="COX121" s="26"/>
      <c r="COY121" s="26"/>
      <c r="COZ121" s="26"/>
      <c r="CPA121" s="26"/>
      <c r="CPB121" s="26"/>
      <c r="CPC121" s="26"/>
      <c r="CPD121" s="26"/>
      <c r="CPE121" s="26"/>
      <c r="CPF121" s="26"/>
      <c r="CPG121" s="26"/>
      <c r="CPH121" s="26"/>
      <c r="CPI121" s="26"/>
      <c r="CPJ121" s="26"/>
      <c r="CPK121" s="26"/>
      <c r="CPL121" s="26"/>
      <c r="CPM121" s="26"/>
      <c r="CPN121" s="26"/>
      <c r="CPO121" s="26"/>
      <c r="CPP121" s="26"/>
      <c r="CPQ121" s="26"/>
      <c r="CPR121" s="26"/>
      <c r="CPS121" s="26"/>
      <c r="CPT121" s="26"/>
      <c r="CPU121" s="26"/>
      <c r="CPV121" s="26"/>
      <c r="CPW121" s="26"/>
      <c r="CPX121" s="26"/>
      <c r="CPY121" s="26"/>
      <c r="CPZ121" s="26"/>
      <c r="CQA121" s="26"/>
      <c r="CQB121" s="26"/>
      <c r="CQC121" s="26"/>
      <c r="CQD121" s="26"/>
      <c r="CQE121" s="26"/>
      <c r="CQF121" s="26"/>
      <c r="CQG121" s="26"/>
      <c r="CQH121" s="26"/>
      <c r="CQI121" s="26"/>
      <c r="CQJ121" s="26"/>
      <c r="CQK121" s="26"/>
      <c r="CQL121" s="26"/>
      <c r="CQM121" s="26"/>
      <c r="CQN121" s="26"/>
      <c r="CQO121" s="26"/>
      <c r="CQP121" s="26"/>
      <c r="CQQ121" s="26"/>
      <c r="CQR121" s="26"/>
      <c r="CQS121" s="26"/>
      <c r="CQT121" s="26"/>
      <c r="CQU121" s="26"/>
      <c r="CQV121" s="26"/>
      <c r="CQW121" s="26"/>
      <c r="CQX121" s="26"/>
      <c r="CQY121" s="26"/>
      <c r="CQZ121" s="26"/>
      <c r="CRA121" s="26"/>
      <c r="CRB121" s="26"/>
      <c r="CRC121" s="26"/>
      <c r="CRD121" s="26"/>
      <c r="CRE121" s="26"/>
      <c r="CRF121" s="26"/>
      <c r="CRG121" s="26"/>
      <c r="CRH121" s="26"/>
      <c r="CRI121" s="26"/>
      <c r="CRJ121" s="26"/>
      <c r="CRK121" s="26"/>
      <c r="CRL121" s="26"/>
      <c r="CRM121" s="26"/>
      <c r="CRN121" s="26"/>
      <c r="CRO121" s="26"/>
      <c r="CRP121" s="26"/>
      <c r="CRQ121" s="26"/>
      <c r="CRR121" s="26"/>
      <c r="CRS121" s="26"/>
      <c r="CRT121" s="26"/>
      <c r="CRU121" s="26"/>
      <c r="CRV121" s="26"/>
      <c r="CRW121" s="26"/>
      <c r="CRX121" s="26"/>
      <c r="CRY121" s="26"/>
      <c r="CRZ121" s="26"/>
      <c r="CSA121" s="26"/>
      <c r="CSB121" s="26"/>
      <c r="CSC121" s="26"/>
      <c r="CSD121" s="26"/>
      <c r="CSE121" s="26"/>
      <c r="CSF121" s="26"/>
      <c r="CSG121" s="26"/>
      <c r="CSH121" s="26"/>
      <c r="CSI121" s="26"/>
      <c r="CSJ121" s="26"/>
      <c r="CSK121" s="26"/>
      <c r="CSL121" s="26"/>
      <c r="CSM121" s="26"/>
      <c r="CSN121" s="26"/>
      <c r="CSO121" s="26"/>
      <c r="CSP121" s="26"/>
      <c r="CSQ121" s="26"/>
      <c r="CSR121" s="26"/>
      <c r="CSS121" s="26"/>
      <c r="CST121" s="26"/>
      <c r="CSU121" s="26"/>
      <c r="CSV121" s="26"/>
      <c r="CSW121" s="26"/>
      <c r="CSX121" s="26"/>
      <c r="CSY121" s="26"/>
      <c r="CSZ121" s="26"/>
      <c r="CTA121" s="26"/>
      <c r="CTB121" s="26"/>
      <c r="CTC121" s="26"/>
      <c r="CTD121" s="26"/>
      <c r="CTE121" s="26"/>
      <c r="CTF121" s="26"/>
      <c r="CTG121" s="26"/>
      <c r="CTH121" s="26"/>
      <c r="CTI121" s="26"/>
      <c r="CTJ121" s="26"/>
      <c r="CTK121" s="26"/>
      <c r="CTL121" s="26"/>
      <c r="CTM121" s="26"/>
      <c r="CTN121" s="26"/>
      <c r="CTO121" s="26"/>
      <c r="CTP121" s="26"/>
      <c r="CTQ121" s="26"/>
      <c r="CTR121" s="26"/>
      <c r="CTS121" s="26"/>
      <c r="CTT121" s="26"/>
      <c r="CTU121" s="26"/>
      <c r="CTV121" s="26"/>
      <c r="CTW121" s="26"/>
      <c r="CTX121" s="26"/>
      <c r="CTY121" s="26"/>
      <c r="CTZ121" s="26"/>
      <c r="CUA121" s="26"/>
      <c r="CUB121" s="26"/>
      <c r="CUC121" s="26"/>
      <c r="CUD121" s="26"/>
      <c r="CUE121" s="26"/>
      <c r="CUF121" s="26"/>
      <c r="CUG121" s="26"/>
      <c r="CUH121" s="26"/>
      <c r="CUI121" s="26"/>
      <c r="CUJ121" s="26"/>
      <c r="CUK121" s="26"/>
      <c r="CUL121" s="26"/>
      <c r="CUM121" s="26"/>
      <c r="CUN121" s="26"/>
      <c r="CUO121" s="26"/>
      <c r="CUP121" s="26"/>
      <c r="CUQ121" s="26"/>
      <c r="CUR121" s="26"/>
      <c r="CUS121" s="26"/>
      <c r="CUT121" s="26"/>
      <c r="CUU121" s="26"/>
      <c r="CUV121" s="26"/>
      <c r="CUW121" s="26"/>
      <c r="CUX121" s="26"/>
      <c r="CUY121" s="26"/>
      <c r="CUZ121" s="26"/>
      <c r="CVA121" s="26"/>
      <c r="CVB121" s="26"/>
      <c r="CVC121" s="26"/>
      <c r="CVD121" s="26"/>
      <c r="CVE121" s="26"/>
      <c r="CVF121" s="26"/>
      <c r="CVG121" s="26"/>
      <c r="CVH121" s="26"/>
      <c r="CVI121" s="26"/>
      <c r="CVJ121" s="26"/>
      <c r="CVK121" s="26"/>
      <c r="CVL121" s="26"/>
      <c r="CVM121" s="26"/>
      <c r="CVN121" s="26"/>
      <c r="CVO121" s="26"/>
      <c r="CVP121" s="26"/>
      <c r="CVQ121" s="26"/>
      <c r="CVR121" s="26"/>
      <c r="CVS121" s="26"/>
      <c r="CVT121" s="26"/>
      <c r="CVU121" s="26"/>
      <c r="CVV121" s="26"/>
      <c r="CVW121" s="26"/>
      <c r="CVX121" s="26"/>
      <c r="CVY121" s="26"/>
      <c r="CVZ121" s="26"/>
      <c r="CWA121" s="26"/>
      <c r="CWB121" s="26"/>
      <c r="CWC121" s="26"/>
      <c r="CWD121" s="26"/>
      <c r="CWE121" s="26"/>
      <c r="CWF121" s="26"/>
      <c r="CWG121" s="26"/>
      <c r="CWH121" s="26"/>
      <c r="CWI121" s="26"/>
      <c r="CWJ121" s="26"/>
      <c r="CWK121" s="26"/>
      <c r="CWL121" s="26"/>
      <c r="CWM121" s="26"/>
      <c r="CWN121" s="26"/>
      <c r="CWO121" s="26"/>
      <c r="CWP121" s="26"/>
      <c r="CWQ121" s="26"/>
      <c r="CWR121" s="26"/>
      <c r="CWS121" s="26"/>
      <c r="CWT121" s="26"/>
      <c r="CWU121" s="26"/>
      <c r="CWV121" s="26"/>
      <c r="CWW121" s="26"/>
      <c r="CWX121" s="26"/>
      <c r="CWY121" s="26"/>
      <c r="CWZ121" s="26"/>
      <c r="CXA121" s="26"/>
      <c r="CXB121" s="26"/>
      <c r="CXC121" s="26"/>
      <c r="CXD121" s="26"/>
      <c r="CXE121" s="26"/>
      <c r="CXF121" s="26"/>
      <c r="CXG121" s="26"/>
      <c r="CXH121" s="26"/>
      <c r="CXI121" s="26"/>
      <c r="CXJ121" s="26"/>
      <c r="CXK121" s="26"/>
      <c r="CXL121" s="26"/>
      <c r="CXM121" s="26"/>
      <c r="CXN121" s="26"/>
      <c r="CXO121" s="26"/>
      <c r="CXP121" s="26"/>
      <c r="CXQ121" s="26"/>
      <c r="CXR121" s="26"/>
      <c r="CXS121" s="26"/>
      <c r="CXT121" s="26"/>
      <c r="CXU121" s="26"/>
      <c r="CXV121" s="26"/>
      <c r="CXW121" s="26"/>
      <c r="CXX121" s="26"/>
      <c r="CXY121" s="26"/>
      <c r="CXZ121" s="26"/>
      <c r="CYA121" s="26"/>
      <c r="CYB121" s="26"/>
      <c r="CYC121" s="26"/>
      <c r="CYD121" s="26"/>
      <c r="CYE121" s="26"/>
      <c r="CYF121" s="26"/>
      <c r="CYG121" s="26"/>
      <c r="CYH121" s="26"/>
      <c r="CYI121" s="26"/>
      <c r="CYJ121" s="26"/>
      <c r="CYK121" s="26"/>
      <c r="CYL121" s="26"/>
      <c r="CYM121" s="26"/>
      <c r="CYN121" s="26"/>
      <c r="CYO121" s="26"/>
      <c r="CYP121" s="26"/>
      <c r="CYQ121" s="26"/>
      <c r="CYR121" s="26"/>
      <c r="CYS121" s="26"/>
      <c r="CYT121" s="26"/>
      <c r="CYU121" s="26"/>
      <c r="CYV121" s="26"/>
      <c r="CYW121" s="26"/>
      <c r="CYX121" s="26"/>
      <c r="CYY121" s="26"/>
      <c r="CYZ121" s="26"/>
      <c r="CZA121" s="26"/>
      <c r="CZB121" s="26"/>
      <c r="CZC121" s="26"/>
      <c r="CZD121" s="26"/>
      <c r="CZE121" s="26"/>
      <c r="CZF121" s="26"/>
      <c r="CZG121" s="26"/>
      <c r="CZH121" s="26"/>
      <c r="CZI121" s="26"/>
      <c r="CZJ121" s="26"/>
      <c r="CZK121" s="26"/>
      <c r="CZL121" s="26"/>
      <c r="CZM121" s="26"/>
      <c r="CZN121" s="26"/>
      <c r="CZO121" s="26"/>
      <c r="CZP121" s="26"/>
      <c r="CZQ121" s="26"/>
      <c r="CZR121" s="26"/>
      <c r="CZS121" s="26"/>
      <c r="CZT121" s="26"/>
      <c r="CZU121" s="26"/>
      <c r="CZV121" s="26"/>
      <c r="CZW121" s="26"/>
      <c r="CZX121" s="26"/>
      <c r="CZY121" s="26"/>
      <c r="CZZ121" s="26"/>
      <c r="DAA121" s="26"/>
      <c r="DAB121" s="26"/>
      <c r="DAC121" s="26"/>
      <c r="DAD121" s="26"/>
      <c r="DAE121" s="26"/>
      <c r="DAF121" s="26"/>
      <c r="DAG121" s="26"/>
      <c r="DAH121" s="26"/>
      <c r="DAI121" s="26"/>
      <c r="DAJ121" s="26"/>
      <c r="DAK121" s="26"/>
      <c r="DAL121" s="26"/>
      <c r="DAM121" s="26"/>
      <c r="DAN121" s="26"/>
      <c r="DAO121" s="26"/>
      <c r="DAP121" s="26"/>
      <c r="DAQ121" s="26"/>
      <c r="DAR121" s="26"/>
      <c r="DAS121" s="26"/>
      <c r="DAT121" s="26"/>
      <c r="DAU121" s="26"/>
      <c r="DAV121" s="26"/>
      <c r="DAW121" s="26"/>
      <c r="DAX121" s="26"/>
      <c r="DAY121" s="26"/>
      <c r="DAZ121" s="26"/>
      <c r="DBA121" s="26"/>
      <c r="DBB121" s="26"/>
      <c r="DBC121" s="26"/>
      <c r="DBD121" s="26"/>
      <c r="DBE121" s="26"/>
      <c r="DBF121" s="26"/>
      <c r="DBG121" s="26"/>
      <c r="DBH121" s="26"/>
      <c r="DBI121" s="26"/>
      <c r="DBJ121" s="26"/>
      <c r="DBK121" s="26"/>
      <c r="DBL121" s="26"/>
      <c r="DBM121" s="26"/>
      <c r="DBN121" s="26"/>
      <c r="DBO121" s="26"/>
      <c r="DBP121" s="26"/>
      <c r="DBQ121" s="26"/>
      <c r="DBR121" s="26"/>
      <c r="DBS121" s="26"/>
      <c r="DBT121" s="26"/>
      <c r="DBU121" s="26"/>
      <c r="DBV121" s="26"/>
      <c r="DBW121" s="26"/>
      <c r="DBX121" s="26"/>
      <c r="DBY121" s="26"/>
      <c r="DBZ121" s="26"/>
      <c r="DCA121" s="26"/>
      <c r="DCB121" s="26"/>
      <c r="DCC121" s="26"/>
      <c r="DCD121" s="26"/>
      <c r="DCE121" s="26"/>
      <c r="DCF121" s="26"/>
      <c r="DCG121" s="26"/>
      <c r="DCH121" s="26"/>
      <c r="DCI121" s="26"/>
      <c r="DCJ121" s="26"/>
      <c r="DCK121" s="26"/>
      <c r="DCL121" s="26"/>
      <c r="DCM121" s="26"/>
      <c r="DCN121" s="26"/>
      <c r="DCO121" s="26"/>
      <c r="DCP121" s="26"/>
      <c r="DCQ121" s="26"/>
      <c r="DCR121" s="26"/>
      <c r="DCS121" s="26"/>
      <c r="DCT121" s="26"/>
      <c r="DCU121" s="26"/>
      <c r="DCV121" s="26"/>
      <c r="DCW121" s="26"/>
      <c r="DCX121" s="26"/>
      <c r="DCY121" s="26"/>
      <c r="DCZ121" s="26"/>
      <c r="DDA121" s="26"/>
      <c r="DDB121" s="26"/>
      <c r="DDC121" s="26"/>
      <c r="DDD121" s="26"/>
      <c r="DDE121" s="26"/>
      <c r="DDF121" s="26"/>
      <c r="DDG121" s="26"/>
      <c r="DDH121" s="26"/>
      <c r="DDI121" s="26"/>
      <c r="DDJ121" s="26"/>
      <c r="DDK121" s="26"/>
      <c r="DDL121" s="26"/>
      <c r="DDM121" s="26"/>
      <c r="DDN121" s="26"/>
      <c r="DDO121" s="26"/>
      <c r="DDP121" s="26"/>
      <c r="DDQ121" s="26"/>
      <c r="DDR121" s="26"/>
      <c r="DDS121" s="26"/>
      <c r="DDT121" s="26"/>
      <c r="DDU121" s="26"/>
      <c r="DDV121" s="26"/>
      <c r="DDW121" s="26"/>
      <c r="DDX121" s="26"/>
      <c r="DDY121" s="26"/>
      <c r="DDZ121" s="26"/>
      <c r="DEA121" s="26"/>
      <c r="DEB121" s="26"/>
      <c r="DEC121" s="26"/>
      <c r="DED121" s="26"/>
      <c r="DEE121" s="26"/>
      <c r="DEF121" s="26"/>
      <c r="DEG121" s="26"/>
      <c r="DEH121" s="26"/>
      <c r="DEI121" s="26"/>
      <c r="DEJ121" s="26"/>
      <c r="DEK121" s="26"/>
      <c r="DEL121" s="26"/>
      <c r="DEM121" s="26"/>
      <c r="DEN121" s="26"/>
      <c r="DEO121" s="26"/>
      <c r="DEP121" s="26"/>
      <c r="DEQ121" s="26"/>
      <c r="DER121" s="26"/>
      <c r="DES121" s="26"/>
      <c r="DET121" s="26"/>
      <c r="DEU121" s="26"/>
      <c r="DEV121" s="26"/>
      <c r="DEW121" s="26"/>
      <c r="DEX121" s="26"/>
      <c r="DEY121" s="26"/>
      <c r="DEZ121" s="26"/>
      <c r="DFA121" s="26"/>
      <c r="DFB121" s="26"/>
      <c r="DFC121" s="26"/>
      <c r="DFD121" s="26"/>
      <c r="DFE121" s="26"/>
      <c r="DFF121" s="26"/>
      <c r="DFG121" s="26"/>
      <c r="DFH121" s="26"/>
      <c r="DFI121" s="26"/>
      <c r="DFJ121" s="26"/>
      <c r="DFK121" s="26"/>
      <c r="DFL121" s="26"/>
      <c r="DFM121" s="26"/>
      <c r="DFN121" s="26"/>
      <c r="DFO121" s="26"/>
      <c r="DFP121" s="26"/>
      <c r="DFQ121" s="26"/>
      <c r="DFR121" s="26"/>
      <c r="DFS121" s="26"/>
      <c r="DFT121" s="26"/>
      <c r="DFU121" s="26"/>
      <c r="DFV121" s="26"/>
      <c r="DFW121" s="26"/>
      <c r="DFX121" s="26"/>
      <c r="DFY121" s="26"/>
      <c r="DFZ121" s="26"/>
      <c r="DGA121" s="26"/>
      <c r="DGB121" s="26"/>
      <c r="DGC121" s="26"/>
      <c r="DGD121" s="26"/>
      <c r="DGE121" s="26"/>
      <c r="DGF121" s="26"/>
      <c r="DGG121" s="26"/>
      <c r="DGH121" s="26"/>
      <c r="DGI121" s="26"/>
      <c r="DGJ121" s="26"/>
      <c r="DGK121" s="26"/>
      <c r="DGL121" s="26"/>
      <c r="DGM121" s="26"/>
      <c r="DGN121" s="26"/>
      <c r="DGO121" s="26"/>
      <c r="DGP121" s="26"/>
      <c r="DGQ121" s="26"/>
      <c r="DGR121" s="26"/>
      <c r="DGS121" s="26"/>
      <c r="DGT121" s="26"/>
      <c r="DGU121" s="26"/>
      <c r="DGV121" s="26"/>
      <c r="DGW121" s="26"/>
      <c r="DGX121" s="26"/>
      <c r="DGY121" s="26"/>
      <c r="DGZ121" s="26"/>
      <c r="DHA121" s="26"/>
      <c r="DHB121" s="26"/>
      <c r="DHC121" s="26"/>
      <c r="DHD121" s="26"/>
      <c r="DHE121" s="26"/>
      <c r="DHF121" s="26"/>
      <c r="DHG121" s="26"/>
      <c r="DHH121" s="26"/>
      <c r="DHI121" s="26"/>
      <c r="DHJ121" s="26"/>
      <c r="DHK121" s="26"/>
      <c r="DHL121" s="26"/>
      <c r="DHM121" s="26"/>
      <c r="DHN121" s="26"/>
      <c r="DHO121" s="26"/>
      <c r="DHP121" s="26"/>
      <c r="DHQ121" s="26"/>
      <c r="DHR121" s="26"/>
      <c r="DHS121" s="26"/>
      <c r="DHT121" s="26"/>
      <c r="DHU121" s="26"/>
      <c r="DHV121" s="26"/>
      <c r="DHW121" s="26"/>
      <c r="DHX121" s="26"/>
      <c r="DHY121" s="26"/>
      <c r="DHZ121" s="26"/>
      <c r="DIA121" s="26"/>
      <c r="DIB121" s="26"/>
      <c r="DIC121" s="26"/>
      <c r="DID121" s="26"/>
      <c r="DIE121" s="26"/>
      <c r="DIF121" s="26"/>
      <c r="DIG121" s="26"/>
      <c r="DIH121" s="26"/>
      <c r="DII121" s="26"/>
      <c r="DIJ121" s="26"/>
      <c r="DIK121" s="26"/>
      <c r="DIL121" s="26"/>
      <c r="DIM121" s="26"/>
      <c r="DIN121" s="26"/>
      <c r="DIO121" s="26"/>
      <c r="DIP121" s="26"/>
      <c r="DIQ121" s="26"/>
      <c r="DIR121" s="26"/>
      <c r="DIS121" s="26"/>
      <c r="DIT121" s="26"/>
      <c r="DIU121" s="26"/>
      <c r="DIV121" s="26"/>
      <c r="DIW121" s="26"/>
      <c r="DIX121" s="26"/>
      <c r="DIY121" s="26"/>
      <c r="DIZ121" s="26"/>
      <c r="DJA121" s="26"/>
      <c r="DJB121" s="26"/>
      <c r="DJC121" s="26"/>
      <c r="DJD121" s="26"/>
      <c r="DJE121" s="26"/>
      <c r="DJF121" s="26"/>
      <c r="DJG121" s="26"/>
      <c r="DJH121" s="26"/>
      <c r="DJI121" s="26"/>
      <c r="DJJ121" s="26"/>
      <c r="DJK121" s="26"/>
      <c r="DJL121" s="26"/>
      <c r="DJM121" s="26"/>
      <c r="DJN121" s="26"/>
      <c r="DJO121" s="26"/>
      <c r="DJP121" s="26"/>
      <c r="DJQ121" s="26"/>
      <c r="DJR121" s="26"/>
      <c r="DJS121" s="26"/>
      <c r="DJT121" s="26"/>
      <c r="DJU121" s="26"/>
      <c r="DJV121" s="26"/>
      <c r="DJW121" s="26"/>
      <c r="DJX121" s="26"/>
      <c r="DJY121" s="26"/>
      <c r="DJZ121" s="26"/>
      <c r="DKA121" s="26"/>
      <c r="DKB121" s="26"/>
      <c r="DKC121" s="26"/>
      <c r="DKD121" s="26"/>
      <c r="DKE121" s="26"/>
      <c r="DKF121" s="26"/>
      <c r="DKG121" s="26"/>
      <c r="DKH121" s="26"/>
      <c r="DKI121" s="26"/>
      <c r="DKJ121" s="26"/>
      <c r="DKK121" s="26"/>
      <c r="DKL121" s="26"/>
      <c r="DKM121" s="26"/>
      <c r="DKN121" s="26"/>
      <c r="DKO121" s="26"/>
      <c r="DKP121" s="26"/>
      <c r="DKQ121" s="26"/>
      <c r="DKR121" s="26"/>
      <c r="DKS121" s="26"/>
      <c r="DKT121" s="26"/>
      <c r="DKU121" s="26"/>
      <c r="DKV121" s="26"/>
      <c r="DKW121" s="26"/>
      <c r="DKX121" s="26"/>
      <c r="DKY121" s="26"/>
      <c r="DKZ121" s="26"/>
      <c r="DLA121" s="26"/>
      <c r="DLB121" s="26"/>
      <c r="DLC121" s="26"/>
      <c r="DLD121" s="26"/>
      <c r="DLE121" s="26"/>
      <c r="DLF121" s="26"/>
      <c r="DLG121" s="26"/>
      <c r="DLH121" s="26"/>
      <c r="DLI121" s="26"/>
      <c r="DLJ121" s="26"/>
      <c r="DLK121" s="26"/>
      <c r="DLL121" s="26"/>
      <c r="DLM121" s="26"/>
      <c r="DLN121" s="26"/>
      <c r="DLO121" s="26"/>
      <c r="DLP121" s="26"/>
      <c r="DLQ121" s="26"/>
      <c r="DLR121" s="26"/>
      <c r="DLS121" s="26"/>
      <c r="DLT121" s="26"/>
      <c r="DLU121" s="26"/>
      <c r="DLV121" s="26"/>
      <c r="DLW121" s="26"/>
      <c r="DLX121" s="26"/>
      <c r="DLY121" s="26"/>
      <c r="DLZ121" s="26"/>
      <c r="DMA121" s="26"/>
      <c r="DMB121" s="26"/>
      <c r="DMC121" s="26"/>
      <c r="DMD121" s="26"/>
      <c r="DME121" s="26"/>
      <c r="DMF121" s="26"/>
      <c r="DMG121" s="26"/>
      <c r="DMH121" s="26"/>
      <c r="DMI121" s="26"/>
      <c r="DMJ121" s="26"/>
      <c r="DMK121" s="26"/>
      <c r="DML121" s="26"/>
      <c r="DMM121" s="26"/>
      <c r="DMN121" s="26"/>
      <c r="DMO121" s="26"/>
      <c r="DMP121" s="26"/>
      <c r="DMQ121" s="26"/>
      <c r="DMR121" s="26"/>
      <c r="DMS121" s="26"/>
      <c r="DMT121" s="26"/>
      <c r="DMU121" s="26"/>
      <c r="DMV121" s="26"/>
      <c r="DMW121" s="26"/>
      <c r="DMX121" s="26"/>
      <c r="DMY121" s="26"/>
      <c r="DMZ121" s="26"/>
      <c r="DNA121" s="26"/>
      <c r="DNB121" s="26"/>
      <c r="DNC121" s="26"/>
      <c r="DND121" s="26"/>
      <c r="DNE121" s="26"/>
      <c r="DNF121" s="26"/>
      <c r="DNG121" s="26"/>
      <c r="DNH121" s="26"/>
      <c r="DNI121" s="26"/>
      <c r="DNJ121" s="26"/>
      <c r="DNK121" s="26"/>
      <c r="DNL121" s="26"/>
      <c r="DNM121" s="26"/>
      <c r="DNN121" s="26"/>
      <c r="DNO121" s="26"/>
      <c r="DNP121" s="26"/>
      <c r="DNQ121" s="26"/>
      <c r="DNR121" s="26"/>
      <c r="DNS121" s="26"/>
      <c r="DNT121" s="26"/>
      <c r="DNU121" s="26"/>
      <c r="DNV121" s="26"/>
      <c r="DNW121" s="26"/>
      <c r="DNX121" s="26"/>
      <c r="DNY121" s="26"/>
      <c r="DNZ121" s="26"/>
      <c r="DOA121" s="26"/>
      <c r="DOB121" s="26"/>
      <c r="DOC121" s="26"/>
      <c r="DOD121" s="26"/>
      <c r="DOE121" s="26"/>
      <c r="DOF121" s="26"/>
      <c r="DOG121" s="26"/>
      <c r="DOH121" s="26"/>
      <c r="DOI121" s="26"/>
      <c r="DOJ121" s="26"/>
      <c r="DOK121" s="26"/>
      <c r="DOL121" s="26"/>
      <c r="DOM121" s="26"/>
      <c r="DON121" s="26"/>
      <c r="DOO121" s="26"/>
      <c r="DOP121" s="26"/>
      <c r="DOQ121" s="26"/>
      <c r="DOR121" s="26"/>
      <c r="DOS121" s="26"/>
      <c r="DOT121" s="26"/>
      <c r="DOU121" s="26"/>
      <c r="DOV121" s="26"/>
      <c r="DOW121" s="26"/>
      <c r="DOX121" s="26"/>
      <c r="DOY121" s="26"/>
      <c r="DOZ121" s="26"/>
      <c r="DPA121" s="26"/>
      <c r="DPB121" s="26"/>
      <c r="DPC121" s="26"/>
      <c r="DPD121" s="26"/>
      <c r="DPE121" s="26"/>
      <c r="DPF121" s="26"/>
      <c r="DPG121" s="26"/>
      <c r="DPH121" s="26"/>
      <c r="DPI121" s="26"/>
      <c r="DPJ121" s="26"/>
      <c r="DPK121" s="26"/>
      <c r="DPL121" s="26"/>
      <c r="DPM121" s="26"/>
      <c r="DPN121" s="26"/>
      <c r="DPO121" s="26"/>
      <c r="DPP121" s="26"/>
      <c r="DPQ121" s="26"/>
      <c r="DPR121" s="26"/>
      <c r="DPS121" s="26"/>
      <c r="DPT121" s="26"/>
      <c r="DPU121" s="26"/>
      <c r="DPV121" s="26"/>
      <c r="DPW121" s="26"/>
      <c r="DPX121" s="26"/>
      <c r="DPY121" s="26"/>
      <c r="DPZ121" s="26"/>
      <c r="DQA121" s="26"/>
      <c r="DQB121" s="26"/>
      <c r="DQC121" s="26"/>
      <c r="DQD121" s="26"/>
      <c r="DQE121" s="26"/>
      <c r="DQF121" s="26"/>
      <c r="DQG121" s="26"/>
      <c r="DQH121" s="26"/>
      <c r="DQI121" s="26"/>
      <c r="DQJ121" s="26"/>
      <c r="DQK121" s="26"/>
      <c r="DQL121" s="26"/>
      <c r="DQM121" s="26"/>
      <c r="DQN121" s="26"/>
      <c r="DQO121" s="26"/>
      <c r="DQP121" s="26"/>
      <c r="DQQ121" s="26"/>
      <c r="DQR121" s="26"/>
      <c r="DQS121" s="26"/>
      <c r="DQT121" s="26"/>
      <c r="DQU121" s="26"/>
      <c r="DQV121" s="26"/>
      <c r="DQW121" s="26"/>
      <c r="DQX121" s="26"/>
      <c r="DQY121" s="26"/>
      <c r="DQZ121" s="26"/>
      <c r="DRA121" s="26"/>
      <c r="DRB121" s="26"/>
      <c r="DRC121" s="26"/>
      <c r="DRD121" s="26"/>
      <c r="DRE121" s="26"/>
      <c r="DRF121" s="26"/>
      <c r="DRG121" s="26"/>
      <c r="DRH121" s="26"/>
      <c r="DRI121" s="26"/>
      <c r="DRJ121" s="26"/>
      <c r="DRK121" s="26"/>
      <c r="DRL121" s="26"/>
      <c r="DRM121" s="26"/>
      <c r="DRN121" s="26"/>
      <c r="DRO121" s="26"/>
      <c r="DRP121" s="26"/>
      <c r="DRQ121" s="26"/>
      <c r="DRR121" s="26"/>
      <c r="DRS121" s="26"/>
      <c r="DRT121" s="26"/>
      <c r="DRU121" s="26"/>
      <c r="DRV121" s="26"/>
      <c r="DRW121" s="26"/>
      <c r="DRX121" s="26"/>
      <c r="DRY121" s="26"/>
      <c r="DRZ121" s="26"/>
      <c r="DSA121" s="26"/>
      <c r="DSB121" s="26"/>
      <c r="DSC121" s="26"/>
      <c r="DSD121" s="26"/>
      <c r="DSE121" s="26"/>
      <c r="DSF121" s="26"/>
      <c r="DSG121" s="26"/>
      <c r="DSH121" s="26"/>
      <c r="DSI121" s="26"/>
      <c r="DSJ121" s="26"/>
      <c r="DSK121" s="26"/>
      <c r="DSL121" s="26"/>
      <c r="DSM121" s="26"/>
      <c r="DSN121" s="26"/>
      <c r="DSO121" s="26"/>
      <c r="DSP121" s="26"/>
      <c r="DSQ121" s="26"/>
      <c r="DSR121" s="26"/>
      <c r="DSS121" s="26"/>
      <c r="DST121" s="26"/>
      <c r="DSU121" s="26"/>
      <c r="DSV121" s="26"/>
      <c r="DSW121" s="26"/>
      <c r="DSX121" s="26"/>
      <c r="DSY121" s="26"/>
      <c r="DSZ121" s="26"/>
      <c r="DTA121" s="26"/>
      <c r="DTB121" s="26"/>
      <c r="DTC121" s="26"/>
      <c r="DTD121" s="26"/>
      <c r="DTE121" s="26"/>
      <c r="DTF121" s="26"/>
      <c r="DTG121" s="26"/>
      <c r="DTH121" s="26"/>
      <c r="DTI121" s="26"/>
      <c r="DTJ121" s="26"/>
      <c r="DTK121" s="26"/>
      <c r="DTL121" s="26"/>
      <c r="DTM121" s="26"/>
      <c r="DTN121" s="26"/>
      <c r="DTO121" s="26"/>
      <c r="DTP121" s="26"/>
      <c r="DTQ121" s="26"/>
      <c r="DTR121" s="26"/>
      <c r="DTS121" s="26"/>
      <c r="DTT121" s="26"/>
      <c r="DTU121" s="26"/>
      <c r="DTV121" s="26"/>
      <c r="DTW121" s="26"/>
      <c r="DTX121" s="26"/>
      <c r="DTY121" s="26"/>
      <c r="DTZ121" s="26"/>
      <c r="DUA121" s="26"/>
      <c r="DUB121" s="26"/>
      <c r="DUC121" s="26"/>
      <c r="DUD121" s="26"/>
      <c r="DUE121" s="26"/>
      <c r="DUF121" s="26"/>
      <c r="DUG121" s="26"/>
      <c r="DUH121" s="26"/>
      <c r="DUI121" s="26"/>
      <c r="DUJ121" s="26"/>
      <c r="DUK121" s="26"/>
      <c r="DUL121" s="26"/>
      <c r="DUM121" s="26"/>
      <c r="DUN121" s="26"/>
      <c r="DUO121" s="26"/>
      <c r="DUP121" s="26"/>
      <c r="DUQ121" s="26"/>
      <c r="DUR121" s="26"/>
      <c r="DUS121" s="26"/>
      <c r="DUT121" s="26"/>
      <c r="DUU121" s="26"/>
      <c r="DUV121" s="26"/>
      <c r="DUW121" s="26"/>
      <c r="DUX121" s="26"/>
      <c r="DUY121" s="26"/>
      <c r="DUZ121" s="26"/>
      <c r="DVA121" s="26"/>
      <c r="DVB121" s="26"/>
      <c r="DVC121" s="26"/>
      <c r="DVD121" s="26"/>
      <c r="DVE121" s="26"/>
      <c r="DVF121" s="26"/>
      <c r="DVG121" s="26"/>
      <c r="DVH121" s="26"/>
      <c r="DVI121" s="26"/>
      <c r="DVJ121" s="26"/>
      <c r="DVK121" s="26"/>
      <c r="DVL121" s="26"/>
      <c r="DVM121" s="26"/>
      <c r="DVN121" s="26"/>
      <c r="DVO121" s="26"/>
      <c r="DVP121" s="26"/>
      <c r="DVQ121" s="26"/>
      <c r="DVR121" s="26"/>
      <c r="DVS121" s="26"/>
      <c r="DVT121" s="26"/>
      <c r="DVU121" s="26"/>
      <c r="DVV121" s="26"/>
      <c r="DVW121" s="26"/>
      <c r="DVX121" s="26"/>
      <c r="DVY121" s="26"/>
      <c r="DVZ121" s="26"/>
      <c r="DWA121" s="26"/>
      <c r="DWB121" s="26"/>
      <c r="DWC121" s="26"/>
      <c r="DWD121" s="26"/>
      <c r="DWE121" s="26"/>
      <c r="DWF121" s="26"/>
      <c r="DWG121" s="26"/>
      <c r="DWH121" s="26"/>
      <c r="DWI121" s="26"/>
      <c r="DWJ121" s="26"/>
      <c r="DWK121" s="26"/>
      <c r="DWL121" s="26"/>
      <c r="DWM121" s="26"/>
      <c r="DWN121" s="26"/>
      <c r="DWO121" s="26"/>
      <c r="DWP121" s="26"/>
      <c r="DWQ121" s="26"/>
      <c r="DWR121" s="26"/>
      <c r="DWS121" s="26"/>
      <c r="DWT121" s="26"/>
      <c r="DWU121" s="26"/>
      <c r="DWV121" s="26"/>
      <c r="DWW121" s="26"/>
      <c r="DWX121" s="26"/>
      <c r="DWY121" s="26"/>
      <c r="DWZ121" s="26"/>
      <c r="DXA121" s="26"/>
      <c r="DXB121" s="26"/>
      <c r="DXC121" s="26"/>
      <c r="DXD121" s="26"/>
      <c r="DXE121" s="26"/>
      <c r="DXF121" s="26"/>
      <c r="DXG121" s="26"/>
      <c r="DXH121" s="26"/>
      <c r="DXI121" s="26"/>
      <c r="DXJ121" s="26"/>
      <c r="DXK121" s="26"/>
      <c r="DXL121" s="26"/>
      <c r="DXM121" s="26"/>
      <c r="DXN121" s="26"/>
      <c r="DXO121" s="26"/>
      <c r="DXP121" s="26"/>
      <c r="DXQ121" s="26"/>
      <c r="DXR121" s="26"/>
      <c r="DXS121" s="26"/>
      <c r="DXT121" s="26"/>
      <c r="DXU121" s="26"/>
      <c r="DXV121" s="26"/>
      <c r="DXW121" s="26"/>
      <c r="DXX121" s="26"/>
      <c r="DXY121" s="26"/>
      <c r="DXZ121" s="26"/>
      <c r="DYA121" s="26"/>
      <c r="DYB121" s="26"/>
      <c r="DYC121" s="26"/>
      <c r="DYD121" s="26"/>
      <c r="DYE121" s="26"/>
      <c r="DYF121" s="26"/>
      <c r="DYG121" s="26"/>
      <c r="DYH121" s="26"/>
      <c r="DYI121" s="26"/>
      <c r="DYJ121" s="26"/>
      <c r="DYK121" s="26"/>
      <c r="DYL121" s="26"/>
      <c r="DYM121" s="26"/>
      <c r="DYN121" s="26"/>
      <c r="DYO121" s="26"/>
      <c r="DYP121" s="26"/>
      <c r="DYQ121" s="26"/>
      <c r="DYR121" s="26"/>
      <c r="DYS121" s="26"/>
      <c r="DYT121" s="26"/>
      <c r="DYU121" s="26"/>
      <c r="DYV121" s="26"/>
      <c r="DYW121" s="26"/>
      <c r="DYX121" s="26"/>
      <c r="DYY121" s="26"/>
      <c r="DYZ121" s="26"/>
      <c r="DZA121" s="26"/>
      <c r="DZB121" s="26"/>
      <c r="DZC121" s="26"/>
      <c r="DZD121" s="26"/>
      <c r="DZE121" s="26"/>
      <c r="DZF121" s="26"/>
      <c r="DZG121" s="26"/>
      <c r="DZH121" s="26"/>
      <c r="DZI121" s="26"/>
      <c r="DZJ121" s="26"/>
      <c r="DZK121" s="26"/>
      <c r="DZL121" s="26"/>
      <c r="DZM121" s="26"/>
      <c r="DZN121" s="26"/>
      <c r="DZO121" s="26"/>
      <c r="DZP121" s="26"/>
      <c r="DZQ121" s="26"/>
      <c r="DZR121" s="26"/>
      <c r="DZS121" s="26"/>
      <c r="DZT121" s="26"/>
      <c r="DZU121" s="26"/>
      <c r="DZV121" s="26"/>
      <c r="DZW121" s="26"/>
      <c r="DZX121" s="26"/>
      <c r="DZY121" s="26"/>
      <c r="DZZ121" s="26"/>
      <c r="EAA121" s="26"/>
      <c r="EAB121" s="26"/>
      <c r="EAC121" s="26"/>
      <c r="EAD121" s="26"/>
      <c r="EAE121" s="26"/>
      <c r="EAF121" s="26"/>
      <c r="EAG121" s="26"/>
      <c r="EAH121" s="26"/>
      <c r="EAI121" s="26"/>
      <c r="EAJ121" s="26"/>
      <c r="EAK121" s="26"/>
      <c r="EAL121" s="26"/>
      <c r="EAM121" s="26"/>
      <c r="EAN121" s="26"/>
      <c r="EAO121" s="26"/>
      <c r="EAP121" s="26"/>
      <c r="EAQ121" s="26"/>
      <c r="EAR121" s="26"/>
      <c r="EAS121" s="26"/>
      <c r="EAT121" s="26"/>
      <c r="EAU121" s="26"/>
      <c r="EAV121" s="26"/>
      <c r="EAW121" s="26"/>
      <c r="EAX121" s="26"/>
      <c r="EAY121" s="26"/>
      <c r="EAZ121" s="26"/>
      <c r="EBA121" s="26"/>
      <c r="EBB121" s="26"/>
      <c r="EBC121" s="26"/>
      <c r="EBD121" s="26"/>
      <c r="EBE121" s="26"/>
      <c r="EBF121" s="26"/>
      <c r="EBG121" s="26"/>
      <c r="EBH121" s="26"/>
      <c r="EBI121" s="26"/>
      <c r="EBJ121" s="26"/>
      <c r="EBK121" s="26"/>
      <c r="EBL121" s="26"/>
      <c r="EBM121" s="26"/>
      <c r="EBN121" s="26"/>
      <c r="EBO121" s="26"/>
      <c r="EBP121" s="26"/>
      <c r="EBQ121" s="26"/>
      <c r="EBR121" s="26"/>
      <c r="EBS121" s="26"/>
      <c r="EBT121" s="26"/>
      <c r="EBU121" s="26"/>
      <c r="EBV121" s="26"/>
      <c r="EBW121" s="26"/>
      <c r="EBX121" s="26"/>
      <c r="EBY121" s="26"/>
      <c r="EBZ121" s="26"/>
      <c r="ECA121" s="26"/>
      <c r="ECB121" s="26"/>
      <c r="ECC121" s="26"/>
      <c r="ECD121" s="26"/>
      <c r="ECE121" s="26"/>
      <c r="ECF121" s="26"/>
      <c r="ECG121" s="26"/>
      <c r="ECH121" s="26"/>
      <c r="ECI121" s="26"/>
      <c r="ECJ121" s="26"/>
      <c r="ECK121" s="26"/>
      <c r="ECL121" s="26"/>
      <c r="ECM121" s="26"/>
      <c r="ECN121" s="26"/>
      <c r="ECO121" s="26"/>
      <c r="ECP121" s="26"/>
      <c r="ECQ121" s="26"/>
      <c r="ECR121" s="26"/>
      <c r="ECS121" s="26"/>
      <c r="ECT121" s="26"/>
      <c r="ECU121" s="26"/>
      <c r="ECV121" s="26"/>
      <c r="ECW121" s="26"/>
      <c r="ECX121" s="26"/>
      <c r="ECY121" s="26"/>
      <c r="ECZ121" s="26"/>
      <c r="EDA121" s="26"/>
      <c r="EDB121" s="26"/>
      <c r="EDC121" s="26"/>
      <c r="EDD121" s="26"/>
      <c r="EDE121" s="26"/>
      <c r="EDF121" s="26"/>
      <c r="EDG121" s="26"/>
      <c r="EDH121" s="26"/>
      <c r="EDI121" s="26"/>
      <c r="EDJ121" s="26"/>
      <c r="EDK121" s="26"/>
      <c r="EDL121" s="26"/>
      <c r="EDM121" s="26"/>
      <c r="EDN121" s="26"/>
      <c r="EDO121" s="26"/>
      <c r="EDP121" s="26"/>
      <c r="EDQ121" s="26"/>
      <c r="EDR121" s="26"/>
      <c r="EDS121" s="26"/>
      <c r="EDT121" s="26"/>
      <c r="EDU121" s="26"/>
      <c r="EDV121" s="26"/>
      <c r="EDW121" s="26"/>
      <c r="EDX121" s="26"/>
      <c r="EDY121" s="26"/>
      <c r="EDZ121" s="26"/>
      <c r="EEA121" s="26"/>
      <c r="EEB121" s="26"/>
      <c r="EEC121" s="26"/>
      <c r="EED121" s="26"/>
      <c r="EEE121" s="26"/>
      <c r="EEF121" s="26"/>
      <c r="EEG121" s="26"/>
      <c r="EEH121" s="26"/>
      <c r="EEI121" s="26"/>
      <c r="EEJ121" s="26"/>
      <c r="EEK121" s="26"/>
      <c r="EEL121" s="26"/>
      <c r="EEM121" s="26"/>
      <c r="EEN121" s="26"/>
      <c r="EEO121" s="26"/>
      <c r="EEP121" s="26"/>
      <c r="EEQ121" s="26"/>
      <c r="EER121" s="26"/>
      <c r="EES121" s="26"/>
      <c r="EET121" s="26"/>
      <c r="EEU121" s="26"/>
      <c r="EEV121" s="26"/>
      <c r="EEW121" s="26"/>
      <c r="EEX121" s="26"/>
      <c r="EEY121" s="26"/>
      <c r="EEZ121" s="26"/>
      <c r="EFA121" s="26"/>
      <c r="EFB121" s="26"/>
      <c r="EFC121" s="26"/>
      <c r="EFD121" s="26"/>
      <c r="EFE121" s="26"/>
      <c r="EFF121" s="26"/>
      <c r="EFG121" s="26"/>
      <c r="EFH121" s="26"/>
      <c r="EFI121" s="26"/>
      <c r="EFJ121" s="26"/>
      <c r="EFK121" s="26"/>
      <c r="EFL121" s="26"/>
      <c r="EFM121" s="26"/>
      <c r="EFN121" s="26"/>
      <c r="EFO121" s="26"/>
      <c r="EFP121" s="26"/>
      <c r="EFQ121" s="26"/>
      <c r="EFR121" s="26"/>
      <c r="EFS121" s="26"/>
      <c r="EFT121" s="26"/>
      <c r="EFU121" s="26"/>
      <c r="EFV121" s="26"/>
      <c r="EFW121" s="26"/>
      <c r="EFX121" s="26"/>
      <c r="EFY121" s="26"/>
      <c r="EFZ121" s="26"/>
      <c r="EGA121" s="26"/>
      <c r="EGB121" s="26"/>
      <c r="EGC121" s="26"/>
      <c r="EGD121" s="26"/>
      <c r="EGE121" s="26"/>
      <c r="EGF121" s="26"/>
      <c r="EGG121" s="26"/>
      <c r="EGH121" s="26"/>
      <c r="EGI121" s="26"/>
      <c r="EGJ121" s="26"/>
      <c r="EGK121" s="26"/>
      <c r="EGL121" s="26"/>
      <c r="EGM121" s="26"/>
      <c r="EGN121" s="26"/>
      <c r="EGO121" s="26"/>
      <c r="EGP121" s="26"/>
      <c r="EGQ121" s="26"/>
      <c r="EGR121" s="26"/>
      <c r="EGS121" s="26"/>
      <c r="EGT121" s="26"/>
      <c r="EGU121" s="26"/>
      <c r="EGV121" s="26"/>
      <c r="EGW121" s="26"/>
      <c r="EGX121" s="26"/>
      <c r="EGY121" s="26"/>
      <c r="EGZ121" s="26"/>
      <c r="EHA121" s="26"/>
      <c r="EHB121" s="26"/>
      <c r="EHC121" s="26"/>
      <c r="EHD121" s="26"/>
      <c r="EHE121" s="26"/>
      <c r="EHF121" s="26"/>
      <c r="EHG121" s="26"/>
      <c r="EHH121" s="26"/>
      <c r="EHI121" s="26"/>
      <c r="EHJ121" s="26"/>
      <c r="EHK121" s="26"/>
      <c r="EHL121" s="26"/>
      <c r="EHM121" s="26"/>
      <c r="EHN121" s="26"/>
      <c r="EHO121" s="26"/>
      <c r="EHP121" s="26"/>
      <c r="EHQ121" s="26"/>
      <c r="EHR121" s="26"/>
      <c r="EHS121" s="26"/>
      <c r="EHT121" s="26"/>
      <c r="EHU121" s="26"/>
      <c r="EHV121" s="26"/>
      <c r="EHW121" s="26"/>
      <c r="EHX121" s="26"/>
      <c r="EHY121" s="26"/>
      <c r="EHZ121" s="26"/>
      <c r="EIA121" s="26"/>
      <c r="EIB121" s="26"/>
      <c r="EIC121" s="26"/>
      <c r="EID121" s="26"/>
      <c r="EIE121" s="26"/>
      <c r="EIF121" s="26"/>
      <c r="EIG121" s="26"/>
      <c r="EIH121" s="26"/>
      <c r="EII121" s="26"/>
      <c r="EIJ121" s="26"/>
      <c r="EIK121" s="26"/>
      <c r="EIL121" s="26"/>
      <c r="EIM121" s="26"/>
      <c r="EIN121" s="26"/>
      <c r="EIO121" s="26"/>
      <c r="EIP121" s="26"/>
      <c r="EIQ121" s="26"/>
      <c r="EIR121" s="26"/>
      <c r="EIS121" s="26"/>
      <c r="EIT121" s="26"/>
      <c r="EIU121" s="26"/>
      <c r="EIV121" s="26"/>
      <c r="EIW121" s="26"/>
      <c r="EIX121" s="26"/>
      <c r="EIY121" s="26"/>
      <c r="EIZ121" s="26"/>
      <c r="EJA121" s="26"/>
      <c r="EJB121" s="26"/>
      <c r="EJC121" s="26"/>
      <c r="EJD121" s="26"/>
      <c r="EJE121" s="26"/>
      <c r="EJF121" s="26"/>
      <c r="EJG121" s="26"/>
      <c r="EJH121" s="26"/>
      <c r="EJI121" s="26"/>
      <c r="EJJ121" s="26"/>
      <c r="EJK121" s="26"/>
      <c r="EJL121" s="26"/>
      <c r="EJM121" s="26"/>
      <c r="EJN121" s="26"/>
      <c r="EJO121" s="26"/>
      <c r="EJP121" s="26"/>
      <c r="EJQ121" s="26"/>
      <c r="EJR121" s="26"/>
      <c r="EJS121" s="26"/>
      <c r="EJT121" s="26"/>
      <c r="EJU121" s="26"/>
      <c r="EJV121" s="26"/>
      <c r="EJW121" s="26"/>
      <c r="EJX121" s="26"/>
      <c r="EJY121" s="26"/>
      <c r="EJZ121" s="26"/>
      <c r="EKA121" s="26"/>
      <c r="EKB121" s="26"/>
      <c r="EKC121" s="26"/>
      <c r="EKD121" s="26"/>
      <c r="EKE121" s="26"/>
      <c r="EKF121" s="26"/>
      <c r="EKG121" s="26"/>
      <c r="EKH121" s="26"/>
      <c r="EKI121" s="26"/>
      <c r="EKJ121" s="26"/>
      <c r="EKK121" s="26"/>
      <c r="EKL121" s="26"/>
      <c r="EKM121" s="26"/>
      <c r="EKN121" s="26"/>
      <c r="EKO121" s="26"/>
      <c r="EKP121" s="26"/>
      <c r="EKQ121" s="26"/>
      <c r="EKR121" s="26"/>
      <c r="EKS121" s="26"/>
      <c r="EKT121" s="26"/>
      <c r="EKU121" s="26"/>
      <c r="EKV121" s="26"/>
      <c r="EKW121" s="26"/>
      <c r="EKX121" s="26"/>
      <c r="EKY121" s="26"/>
      <c r="EKZ121" s="26"/>
      <c r="ELA121" s="26"/>
      <c r="ELB121" s="26"/>
      <c r="ELC121" s="26"/>
      <c r="ELD121" s="26"/>
      <c r="ELE121" s="26"/>
      <c r="ELF121" s="26"/>
      <c r="ELG121" s="26"/>
      <c r="ELH121" s="26"/>
      <c r="ELI121" s="26"/>
      <c r="ELJ121" s="26"/>
      <c r="ELK121" s="26"/>
      <c r="ELL121" s="26"/>
      <c r="ELM121" s="26"/>
      <c r="ELN121" s="26"/>
      <c r="ELO121" s="26"/>
      <c r="ELP121" s="26"/>
      <c r="ELQ121" s="26"/>
      <c r="ELR121" s="26"/>
      <c r="ELS121" s="26"/>
      <c r="ELT121" s="26"/>
      <c r="ELU121" s="26"/>
      <c r="ELV121" s="26"/>
      <c r="ELW121" s="26"/>
      <c r="ELX121" s="26"/>
      <c r="ELY121" s="26"/>
      <c r="ELZ121" s="26"/>
      <c r="EMA121" s="26"/>
      <c r="EMB121" s="26"/>
      <c r="EMC121" s="26"/>
      <c r="EMD121" s="26"/>
      <c r="EME121" s="26"/>
      <c r="EMF121" s="26"/>
      <c r="EMG121" s="26"/>
      <c r="EMH121" s="26"/>
      <c r="EMI121" s="26"/>
      <c r="EMJ121" s="26"/>
      <c r="EMK121" s="26"/>
      <c r="EML121" s="26"/>
      <c r="EMM121" s="26"/>
      <c r="EMN121" s="26"/>
      <c r="EMO121" s="26"/>
      <c r="EMP121" s="26"/>
      <c r="EMQ121" s="26"/>
      <c r="EMR121" s="26"/>
      <c r="EMS121" s="26"/>
      <c r="EMT121" s="26"/>
      <c r="EMU121" s="26"/>
      <c r="EMV121" s="26"/>
      <c r="EMW121" s="26"/>
      <c r="EMX121" s="26"/>
      <c r="EMY121" s="26"/>
      <c r="EMZ121" s="26"/>
      <c r="ENA121" s="26"/>
      <c r="ENB121" s="26"/>
      <c r="ENC121" s="26"/>
      <c r="END121" s="26"/>
      <c r="ENE121" s="26"/>
      <c r="ENF121" s="26"/>
      <c r="ENG121" s="26"/>
      <c r="ENH121" s="26"/>
      <c r="ENI121" s="26"/>
      <c r="ENJ121" s="26"/>
      <c r="ENK121" s="26"/>
      <c r="ENL121" s="26"/>
      <c r="ENM121" s="26"/>
      <c r="ENN121" s="26"/>
      <c r="ENO121" s="26"/>
      <c r="ENP121" s="26"/>
      <c r="ENQ121" s="26"/>
      <c r="ENR121" s="26"/>
      <c r="ENS121" s="26"/>
      <c r="ENT121" s="26"/>
      <c r="ENU121" s="26"/>
      <c r="ENV121" s="26"/>
      <c r="ENW121" s="26"/>
      <c r="ENX121" s="26"/>
      <c r="ENY121" s="26"/>
      <c r="ENZ121" s="26"/>
      <c r="EOA121" s="26"/>
      <c r="EOB121" s="26"/>
      <c r="EOC121" s="26"/>
      <c r="EOD121" s="26"/>
      <c r="EOE121" s="26"/>
      <c r="EOF121" s="26"/>
      <c r="EOG121" s="26"/>
      <c r="EOH121" s="26"/>
      <c r="EOI121" s="26"/>
      <c r="EOJ121" s="26"/>
      <c r="EOK121" s="26"/>
      <c r="EOL121" s="26"/>
      <c r="EOM121" s="26"/>
      <c r="EON121" s="26"/>
      <c r="EOO121" s="26"/>
      <c r="EOP121" s="26"/>
      <c r="EOQ121" s="26"/>
      <c r="EOR121" s="26"/>
      <c r="EOS121" s="26"/>
      <c r="EOT121" s="26"/>
      <c r="EOU121" s="26"/>
      <c r="EOV121" s="26"/>
      <c r="EOW121" s="26"/>
      <c r="EOX121" s="26"/>
      <c r="EOY121" s="26"/>
      <c r="EOZ121" s="26"/>
      <c r="EPA121" s="26"/>
      <c r="EPB121" s="26"/>
      <c r="EPC121" s="26"/>
      <c r="EPD121" s="26"/>
      <c r="EPE121" s="26"/>
      <c r="EPF121" s="26"/>
      <c r="EPG121" s="26"/>
      <c r="EPH121" s="26"/>
      <c r="EPI121" s="26"/>
      <c r="EPJ121" s="26"/>
      <c r="EPK121" s="26"/>
      <c r="EPL121" s="26"/>
      <c r="EPM121" s="26"/>
      <c r="EPN121" s="26"/>
      <c r="EPO121" s="26"/>
      <c r="EPP121" s="26"/>
      <c r="EPQ121" s="26"/>
      <c r="EPR121" s="26"/>
      <c r="EPS121" s="26"/>
      <c r="EPT121" s="26"/>
      <c r="EPU121" s="26"/>
      <c r="EPV121" s="26"/>
      <c r="EPW121" s="26"/>
      <c r="EPX121" s="26"/>
      <c r="EPY121" s="26"/>
      <c r="EPZ121" s="26"/>
      <c r="EQA121" s="26"/>
      <c r="EQB121" s="26"/>
      <c r="EQC121" s="26"/>
      <c r="EQD121" s="26"/>
      <c r="EQE121" s="26"/>
      <c r="EQF121" s="26"/>
      <c r="EQG121" s="26"/>
      <c r="EQH121" s="26"/>
      <c r="EQI121" s="26"/>
      <c r="EQJ121" s="26"/>
      <c r="EQK121" s="26"/>
      <c r="EQL121" s="26"/>
      <c r="EQM121" s="26"/>
      <c r="EQN121" s="26"/>
      <c r="EQO121" s="26"/>
      <c r="EQP121" s="26"/>
      <c r="EQQ121" s="26"/>
      <c r="EQR121" s="26"/>
      <c r="EQS121" s="26"/>
      <c r="EQT121" s="26"/>
      <c r="EQU121" s="26"/>
      <c r="EQV121" s="26"/>
      <c r="EQW121" s="26"/>
      <c r="EQX121" s="26"/>
      <c r="EQY121" s="26"/>
      <c r="EQZ121" s="26"/>
      <c r="ERA121" s="26"/>
      <c r="ERB121" s="26"/>
      <c r="ERC121" s="26"/>
      <c r="ERD121" s="26"/>
      <c r="ERE121" s="26"/>
      <c r="ERF121" s="26"/>
      <c r="ERG121" s="26"/>
      <c r="ERH121" s="26"/>
      <c r="ERI121" s="26"/>
      <c r="ERJ121" s="26"/>
      <c r="ERK121" s="26"/>
      <c r="ERL121" s="26"/>
      <c r="ERM121" s="26"/>
      <c r="ERN121" s="26"/>
      <c r="ERO121" s="26"/>
      <c r="ERP121" s="26"/>
      <c r="ERQ121" s="26"/>
      <c r="ERR121" s="26"/>
      <c r="ERS121" s="26"/>
      <c r="ERT121" s="26"/>
      <c r="ERU121" s="26"/>
      <c r="ERV121" s="26"/>
      <c r="ERW121" s="26"/>
      <c r="ERX121" s="26"/>
      <c r="ERY121" s="26"/>
      <c r="ERZ121" s="26"/>
      <c r="ESA121" s="26"/>
      <c r="ESB121" s="26"/>
      <c r="ESC121" s="26"/>
      <c r="ESD121" s="26"/>
      <c r="ESE121" s="26"/>
      <c r="ESF121" s="26"/>
      <c r="ESG121" s="26"/>
      <c r="ESH121" s="26"/>
      <c r="ESI121" s="26"/>
      <c r="ESJ121" s="26"/>
      <c r="ESK121" s="26"/>
      <c r="ESL121" s="26"/>
      <c r="ESM121" s="26"/>
      <c r="ESN121" s="26"/>
      <c r="ESO121" s="26"/>
      <c r="ESP121" s="26"/>
      <c r="ESQ121" s="26"/>
      <c r="ESR121" s="26"/>
      <c r="ESS121" s="26"/>
      <c r="EST121" s="26"/>
      <c r="ESU121" s="26"/>
      <c r="ESV121" s="26"/>
      <c r="ESW121" s="26"/>
      <c r="ESX121" s="26"/>
      <c r="ESY121" s="26"/>
      <c r="ESZ121" s="26"/>
      <c r="ETA121" s="26"/>
      <c r="ETB121" s="26"/>
      <c r="ETC121" s="26"/>
      <c r="ETD121" s="26"/>
      <c r="ETE121" s="26"/>
      <c r="ETF121" s="26"/>
      <c r="ETG121" s="26"/>
      <c r="ETH121" s="26"/>
      <c r="ETI121" s="26"/>
      <c r="ETJ121" s="26"/>
      <c r="ETK121" s="26"/>
      <c r="ETL121" s="26"/>
      <c r="ETM121" s="26"/>
      <c r="ETN121" s="26"/>
      <c r="ETO121" s="26"/>
      <c r="ETP121" s="26"/>
      <c r="ETQ121" s="26"/>
      <c r="ETR121" s="26"/>
      <c r="ETS121" s="26"/>
      <c r="ETT121" s="26"/>
      <c r="ETU121" s="26"/>
      <c r="ETV121" s="26"/>
      <c r="ETW121" s="26"/>
      <c r="ETX121" s="26"/>
      <c r="ETY121" s="26"/>
      <c r="ETZ121" s="26"/>
      <c r="EUA121" s="26"/>
      <c r="EUB121" s="26"/>
      <c r="EUC121" s="26"/>
      <c r="EUD121" s="26"/>
      <c r="EUE121" s="26"/>
      <c r="EUF121" s="26"/>
      <c r="EUG121" s="26"/>
      <c r="EUH121" s="26"/>
      <c r="EUI121" s="26"/>
      <c r="EUJ121" s="26"/>
      <c r="EUK121" s="26"/>
      <c r="EUL121" s="26"/>
      <c r="EUM121" s="26"/>
      <c r="EUN121" s="26"/>
      <c r="EUO121" s="26"/>
      <c r="EUP121" s="26"/>
      <c r="EUQ121" s="26"/>
      <c r="EUR121" s="26"/>
      <c r="EUS121" s="26"/>
      <c r="EUT121" s="26"/>
      <c r="EUU121" s="26"/>
      <c r="EUV121" s="26"/>
      <c r="EUW121" s="26"/>
      <c r="EUX121" s="26"/>
      <c r="EUY121" s="26"/>
      <c r="EUZ121" s="26"/>
      <c r="EVA121" s="26"/>
      <c r="EVB121" s="26"/>
      <c r="EVC121" s="26"/>
      <c r="EVD121" s="26"/>
      <c r="EVE121" s="26"/>
      <c r="EVF121" s="26"/>
      <c r="EVG121" s="26"/>
      <c r="EVH121" s="26"/>
      <c r="EVI121" s="26"/>
      <c r="EVJ121" s="26"/>
      <c r="EVK121" s="26"/>
      <c r="EVL121" s="26"/>
      <c r="EVM121" s="26"/>
      <c r="EVN121" s="26"/>
      <c r="EVO121" s="26"/>
      <c r="EVP121" s="26"/>
      <c r="EVQ121" s="26"/>
      <c r="EVR121" s="26"/>
      <c r="EVS121" s="26"/>
      <c r="EVT121" s="26"/>
      <c r="EVU121" s="26"/>
      <c r="EVV121" s="26"/>
      <c r="EVW121" s="26"/>
      <c r="EVX121" s="26"/>
      <c r="EVY121" s="26"/>
      <c r="EVZ121" s="26"/>
      <c r="EWA121" s="26"/>
      <c r="EWB121" s="26"/>
      <c r="EWC121" s="26"/>
      <c r="EWD121" s="26"/>
      <c r="EWE121" s="26"/>
      <c r="EWF121" s="26"/>
      <c r="EWG121" s="26"/>
      <c r="EWH121" s="26"/>
      <c r="EWI121" s="26"/>
      <c r="EWJ121" s="26"/>
      <c r="EWK121" s="26"/>
      <c r="EWL121" s="26"/>
      <c r="EWM121" s="26"/>
      <c r="EWN121" s="26"/>
      <c r="EWO121" s="26"/>
      <c r="EWP121" s="26"/>
      <c r="EWQ121" s="26"/>
      <c r="EWR121" s="26"/>
      <c r="EWS121" s="26"/>
      <c r="EWT121" s="26"/>
      <c r="EWU121" s="26"/>
      <c r="EWV121" s="26"/>
      <c r="EWW121" s="26"/>
      <c r="EWX121" s="26"/>
      <c r="EWY121" s="26"/>
      <c r="EWZ121" s="26"/>
      <c r="EXA121" s="26"/>
      <c r="EXB121" s="26"/>
      <c r="EXC121" s="26"/>
      <c r="EXD121" s="26"/>
      <c r="EXE121" s="26"/>
      <c r="EXF121" s="26"/>
      <c r="EXG121" s="26"/>
      <c r="EXH121" s="26"/>
      <c r="EXI121" s="26"/>
      <c r="EXJ121" s="26"/>
      <c r="EXK121" s="26"/>
      <c r="EXL121" s="26"/>
      <c r="EXM121" s="26"/>
      <c r="EXN121" s="26"/>
      <c r="EXO121" s="26"/>
      <c r="EXP121" s="26"/>
      <c r="EXQ121" s="26"/>
      <c r="EXR121" s="26"/>
      <c r="EXS121" s="26"/>
      <c r="EXT121" s="26"/>
      <c r="EXU121" s="26"/>
      <c r="EXV121" s="26"/>
      <c r="EXW121" s="26"/>
      <c r="EXX121" s="26"/>
      <c r="EXY121" s="26"/>
      <c r="EXZ121" s="26"/>
      <c r="EYA121" s="26"/>
      <c r="EYB121" s="26"/>
      <c r="EYC121" s="26"/>
      <c r="EYD121" s="26"/>
      <c r="EYE121" s="26"/>
      <c r="EYF121" s="26"/>
      <c r="EYG121" s="26"/>
      <c r="EYH121" s="26"/>
      <c r="EYI121" s="26"/>
      <c r="EYJ121" s="26"/>
      <c r="EYK121" s="26"/>
      <c r="EYL121" s="26"/>
      <c r="EYM121" s="26"/>
      <c r="EYN121" s="26"/>
      <c r="EYO121" s="26"/>
      <c r="EYP121" s="26"/>
      <c r="EYQ121" s="26"/>
      <c r="EYR121" s="26"/>
      <c r="EYS121" s="26"/>
      <c r="EYT121" s="26"/>
      <c r="EYU121" s="26"/>
      <c r="EYV121" s="26"/>
      <c r="EYW121" s="26"/>
      <c r="EYX121" s="26"/>
      <c r="EYY121" s="26"/>
      <c r="EYZ121" s="26"/>
      <c r="EZA121" s="26"/>
      <c r="EZB121" s="26"/>
      <c r="EZC121" s="26"/>
      <c r="EZD121" s="26"/>
      <c r="EZE121" s="26"/>
      <c r="EZF121" s="26"/>
      <c r="EZG121" s="26"/>
      <c r="EZH121" s="26"/>
      <c r="EZI121" s="26"/>
      <c r="EZJ121" s="26"/>
      <c r="EZK121" s="26"/>
      <c r="EZL121" s="26"/>
      <c r="EZM121" s="26"/>
      <c r="EZN121" s="26"/>
      <c r="EZO121" s="26"/>
      <c r="EZP121" s="26"/>
      <c r="EZQ121" s="26"/>
      <c r="EZR121" s="26"/>
      <c r="EZS121" s="26"/>
      <c r="EZT121" s="26"/>
      <c r="EZU121" s="26"/>
      <c r="EZV121" s="26"/>
      <c r="EZW121" s="26"/>
      <c r="EZX121" s="26"/>
      <c r="EZY121" s="26"/>
      <c r="EZZ121" s="26"/>
      <c r="FAA121" s="26"/>
      <c r="FAB121" s="26"/>
      <c r="FAC121" s="26"/>
      <c r="FAD121" s="26"/>
      <c r="FAE121" s="26"/>
      <c r="FAF121" s="26"/>
      <c r="FAG121" s="26"/>
      <c r="FAH121" s="26"/>
      <c r="FAI121" s="26"/>
      <c r="FAJ121" s="26"/>
      <c r="FAK121" s="26"/>
      <c r="FAL121" s="26"/>
      <c r="FAM121" s="26"/>
      <c r="FAN121" s="26"/>
      <c r="FAO121" s="26"/>
      <c r="FAP121" s="26"/>
      <c r="FAQ121" s="26"/>
      <c r="FAR121" s="26"/>
      <c r="FAS121" s="26"/>
      <c r="FAT121" s="26"/>
      <c r="FAU121" s="26"/>
      <c r="FAV121" s="26"/>
      <c r="FAW121" s="26"/>
      <c r="FAX121" s="26"/>
      <c r="FAY121" s="26"/>
      <c r="FAZ121" s="26"/>
      <c r="FBA121" s="26"/>
      <c r="FBB121" s="26"/>
      <c r="FBC121" s="26"/>
      <c r="FBD121" s="26"/>
      <c r="FBE121" s="26"/>
      <c r="FBF121" s="26"/>
      <c r="FBG121" s="26"/>
      <c r="FBH121" s="26"/>
      <c r="FBI121" s="26"/>
      <c r="FBJ121" s="26"/>
      <c r="FBK121" s="26"/>
      <c r="FBL121" s="26"/>
      <c r="FBM121" s="26"/>
      <c r="FBN121" s="26"/>
      <c r="FBO121" s="26"/>
      <c r="FBP121" s="26"/>
      <c r="FBQ121" s="26"/>
      <c r="FBR121" s="26"/>
      <c r="FBS121" s="26"/>
      <c r="FBT121" s="26"/>
      <c r="FBU121" s="26"/>
      <c r="FBV121" s="26"/>
      <c r="FBW121" s="26"/>
      <c r="FBX121" s="26"/>
      <c r="FBY121" s="26"/>
      <c r="FBZ121" s="26"/>
      <c r="FCA121" s="26"/>
      <c r="FCB121" s="26"/>
      <c r="FCC121" s="26"/>
      <c r="FCD121" s="26"/>
      <c r="FCE121" s="26"/>
      <c r="FCF121" s="26"/>
      <c r="FCG121" s="26"/>
      <c r="FCH121" s="26"/>
      <c r="FCI121" s="26"/>
      <c r="FCJ121" s="26"/>
      <c r="FCK121" s="26"/>
      <c r="FCL121" s="26"/>
      <c r="FCM121" s="26"/>
      <c r="FCN121" s="26"/>
      <c r="FCO121" s="26"/>
      <c r="FCP121" s="26"/>
      <c r="FCQ121" s="26"/>
      <c r="FCR121" s="26"/>
      <c r="FCS121" s="26"/>
      <c r="FCT121" s="26"/>
      <c r="FCU121" s="26"/>
      <c r="FCV121" s="26"/>
      <c r="FCW121" s="26"/>
      <c r="FCX121" s="26"/>
      <c r="FCY121" s="26"/>
      <c r="FCZ121" s="26"/>
      <c r="FDA121" s="26"/>
      <c r="FDB121" s="26"/>
      <c r="FDC121" s="26"/>
      <c r="FDD121" s="26"/>
      <c r="FDE121" s="26"/>
      <c r="FDF121" s="26"/>
      <c r="FDG121" s="26"/>
      <c r="FDH121" s="26"/>
      <c r="FDI121" s="26"/>
      <c r="FDJ121" s="26"/>
      <c r="FDK121" s="26"/>
      <c r="FDL121" s="26"/>
      <c r="FDM121" s="26"/>
      <c r="FDN121" s="26"/>
      <c r="FDO121" s="26"/>
      <c r="FDP121" s="26"/>
      <c r="FDQ121" s="26"/>
      <c r="FDR121" s="26"/>
      <c r="FDS121" s="26"/>
      <c r="FDT121" s="26"/>
      <c r="FDU121" s="26"/>
      <c r="FDV121" s="26"/>
      <c r="FDW121" s="26"/>
      <c r="FDX121" s="26"/>
      <c r="FDY121" s="26"/>
      <c r="FDZ121" s="26"/>
      <c r="FEA121" s="26"/>
      <c r="FEB121" s="26"/>
      <c r="FEC121" s="26"/>
      <c r="FED121" s="26"/>
      <c r="FEE121" s="26"/>
      <c r="FEF121" s="26"/>
      <c r="FEG121" s="26"/>
      <c r="FEH121" s="26"/>
      <c r="FEI121" s="26"/>
      <c r="FEJ121" s="26"/>
      <c r="FEK121" s="26"/>
      <c r="FEL121" s="26"/>
      <c r="FEM121" s="26"/>
      <c r="FEN121" s="26"/>
      <c r="FEO121" s="26"/>
      <c r="FEP121" s="26"/>
      <c r="FEQ121" s="26"/>
      <c r="FER121" s="26"/>
      <c r="FES121" s="26"/>
      <c r="FET121" s="26"/>
      <c r="FEU121" s="26"/>
      <c r="FEV121" s="26"/>
      <c r="FEW121" s="26"/>
      <c r="FEX121" s="26"/>
      <c r="FEY121" s="26"/>
      <c r="FEZ121" s="26"/>
      <c r="FFA121" s="26"/>
      <c r="FFB121" s="26"/>
      <c r="FFC121" s="26"/>
      <c r="FFD121" s="26"/>
      <c r="FFE121" s="26"/>
      <c r="FFF121" s="26"/>
      <c r="FFG121" s="26"/>
      <c r="FFH121" s="26"/>
      <c r="FFI121" s="26"/>
      <c r="FFJ121" s="26"/>
      <c r="FFK121" s="26"/>
      <c r="FFL121" s="26"/>
      <c r="FFM121" s="26"/>
      <c r="FFN121" s="26"/>
      <c r="FFO121" s="26"/>
      <c r="FFP121" s="26"/>
      <c r="FFQ121" s="26"/>
      <c r="FFR121" s="26"/>
      <c r="FFS121" s="26"/>
      <c r="FFT121" s="26"/>
      <c r="FFU121" s="26"/>
      <c r="FFV121" s="26"/>
      <c r="FFW121" s="26"/>
      <c r="FFX121" s="26"/>
      <c r="FFY121" s="26"/>
      <c r="FFZ121" s="26"/>
      <c r="FGA121" s="26"/>
      <c r="FGB121" s="26"/>
      <c r="FGC121" s="26"/>
      <c r="FGD121" s="26"/>
      <c r="FGE121" s="26"/>
      <c r="FGF121" s="26"/>
      <c r="FGG121" s="26"/>
      <c r="FGH121" s="26"/>
      <c r="FGI121" s="26"/>
      <c r="FGJ121" s="26"/>
      <c r="FGK121" s="26"/>
      <c r="FGL121" s="26"/>
      <c r="FGM121" s="26"/>
      <c r="FGN121" s="26"/>
      <c r="FGO121" s="26"/>
      <c r="FGP121" s="26"/>
      <c r="FGQ121" s="26"/>
      <c r="FGR121" s="26"/>
      <c r="FGS121" s="26"/>
      <c r="FGT121" s="26"/>
      <c r="FGU121" s="26"/>
      <c r="FGV121" s="26"/>
      <c r="FGW121" s="26"/>
      <c r="FGX121" s="26"/>
      <c r="FGY121" s="26"/>
      <c r="FGZ121" s="26"/>
      <c r="FHA121" s="26"/>
      <c r="FHB121" s="26"/>
      <c r="FHC121" s="26"/>
      <c r="FHD121" s="26"/>
      <c r="FHE121" s="26"/>
      <c r="FHF121" s="26"/>
      <c r="FHG121" s="26"/>
      <c r="FHH121" s="26"/>
      <c r="FHI121" s="26"/>
      <c r="FHJ121" s="26"/>
      <c r="FHK121" s="26"/>
      <c r="FHL121" s="26"/>
      <c r="FHM121" s="26"/>
      <c r="FHN121" s="26"/>
      <c r="FHO121" s="26"/>
      <c r="FHP121" s="26"/>
      <c r="FHQ121" s="26"/>
      <c r="FHR121" s="26"/>
      <c r="FHS121" s="26"/>
      <c r="FHT121" s="26"/>
      <c r="FHU121" s="26"/>
      <c r="FHV121" s="26"/>
      <c r="FHW121" s="26"/>
      <c r="FHX121" s="26"/>
      <c r="FHY121" s="26"/>
      <c r="FHZ121" s="26"/>
      <c r="FIA121" s="26"/>
      <c r="FIB121" s="26"/>
      <c r="FIC121" s="26"/>
      <c r="FID121" s="26"/>
      <c r="FIE121" s="26"/>
      <c r="FIF121" s="26"/>
      <c r="FIG121" s="26"/>
      <c r="FIH121" s="26"/>
      <c r="FII121" s="26"/>
      <c r="FIJ121" s="26"/>
      <c r="FIK121" s="26"/>
      <c r="FIL121" s="26"/>
      <c r="FIM121" s="26"/>
      <c r="FIN121" s="26"/>
      <c r="FIO121" s="26"/>
      <c r="FIP121" s="26"/>
      <c r="FIQ121" s="26"/>
      <c r="FIR121" s="26"/>
      <c r="FIS121" s="26"/>
      <c r="FIT121" s="26"/>
      <c r="FIU121" s="26"/>
      <c r="FIV121" s="26"/>
      <c r="FIW121" s="26"/>
      <c r="FIX121" s="26"/>
      <c r="FIY121" s="26"/>
      <c r="FIZ121" s="26"/>
      <c r="FJA121" s="26"/>
      <c r="FJB121" s="26"/>
      <c r="FJC121" s="26"/>
      <c r="FJD121" s="26"/>
      <c r="FJE121" s="26"/>
      <c r="FJF121" s="26"/>
      <c r="FJG121" s="26"/>
      <c r="FJH121" s="26"/>
      <c r="FJI121" s="26"/>
      <c r="FJJ121" s="26"/>
      <c r="FJK121" s="26"/>
      <c r="FJL121" s="26"/>
      <c r="FJM121" s="26"/>
      <c r="FJN121" s="26"/>
      <c r="FJO121" s="26"/>
      <c r="FJP121" s="26"/>
      <c r="FJQ121" s="26"/>
      <c r="FJR121" s="26"/>
      <c r="FJS121" s="26"/>
      <c r="FJT121" s="26"/>
      <c r="FJU121" s="26"/>
      <c r="FJV121" s="26"/>
      <c r="FJW121" s="26"/>
      <c r="FJX121" s="26"/>
      <c r="FJY121" s="26"/>
      <c r="FJZ121" s="26"/>
      <c r="FKA121" s="26"/>
      <c r="FKB121" s="26"/>
      <c r="FKC121" s="26"/>
      <c r="FKD121" s="26"/>
      <c r="FKE121" s="26"/>
      <c r="FKF121" s="26"/>
      <c r="FKG121" s="26"/>
      <c r="FKH121" s="26"/>
      <c r="FKI121" s="26"/>
      <c r="FKJ121" s="26"/>
      <c r="FKK121" s="26"/>
      <c r="FKL121" s="26"/>
      <c r="FKM121" s="26"/>
      <c r="FKN121" s="26"/>
      <c r="FKO121" s="26"/>
      <c r="FKP121" s="26"/>
      <c r="FKQ121" s="26"/>
      <c r="FKR121" s="26"/>
      <c r="FKS121" s="26"/>
      <c r="FKT121" s="26"/>
      <c r="FKU121" s="26"/>
      <c r="FKV121" s="26"/>
      <c r="FKW121" s="26"/>
      <c r="FKX121" s="26"/>
      <c r="FKY121" s="26"/>
      <c r="FKZ121" s="26"/>
      <c r="FLA121" s="26"/>
      <c r="FLB121" s="26"/>
      <c r="FLC121" s="26"/>
      <c r="FLD121" s="26"/>
      <c r="FLE121" s="26"/>
      <c r="FLF121" s="26"/>
      <c r="FLG121" s="26"/>
      <c r="FLH121" s="26"/>
      <c r="FLI121" s="26"/>
      <c r="FLJ121" s="26"/>
      <c r="FLK121" s="26"/>
      <c r="FLL121" s="26"/>
      <c r="FLM121" s="26"/>
      <c r="FLN121" s="26"/>
      <c r="FLO121" s="26"/>
      <c r="FLP121" s="26"/>
      <c r="FLQ121" s="26"/>
      <c r="FLR121" s="26"/>
      <c r="FLS121" s="26"/>
      <c r="FLT121" s="26"/>
      <c r="FLU121" s="26"/>
      <c r="FLV121" s="26"/>
      <c r="FLW121" s="26"/>
      <c r="FLX121" s="26"/>
      <c r="FLY121" s="26"/>
      <c r="FLZ121" s="26"/>
      <c r="FMA121" s="26"/>
      <c r="FMB121" s="26"/>
      <c r="FMC121" s="26"/>
      <c r="FMD121" s="26"/>
      <c r="FME121" s="26"/>
      <c r="FMF121" s="26"/>
      <c r="FMG121" s="26"/>
      <c r="FMH121" s="26"/>
      <c r="FMI121" s="26"/>
      <c r="FMJ121" s="26"/>
      <c r="FMK121" s="26"/>
      <c r="FML121" s="26"/>
      <c r="FMM121" s="26"/>
      <c r="FMN121" s="26"/>
      <c r="FMO121" s="26"/>
      <c r="FMP121" s="26"/>
      <c r="FMQ121" s="26"/>
      <c r="FMR121" s="26"/>
      <c r="FMS121" s="26"/>
      <c r="FMT121" s="26"/>
      <c r="FMU121" s="26"/>
      <c r="FMV121" s="26"/>
      <c r="FMW121" s="26"/>
      <c r="FMX121" s="26"/>
      <c r="FMY121" s="26"/>
      <c r="FMZ121" s="26"/>
      <c r="FNA121" s="26"/>
      <c r="FNB121" s="26"/>
      <c r="FNC121" s="26"/>
      <c r="FND121" s="26"/>
      <c r="FNE121" s="26"/>
      <c r="FNF121" s="26"/>
      <c r="FNG121" s="26"/>
      <c r="FNH121" s="26"/>
      <c r="FNI121" s="26"/>
      <c r="FNJ121" s="26"/>
      <c r="FNK121" s="26"/>
      <c r="FNL121" s="26"/>
      <c r="FNM121" s="26"/>
      <c r="FNN121" s="26"/>
      <c r="FNO121" s="26"/>
      <c r="FNP121" s="26"/>
      <c r="FNQ121" s="26"/>
      <c r="FNR121" s="26"/>
      <c r="FNS121" s="26"/>
      <c r="FNT121" s="26"/>
      <c r="FNU121" s="26"/>
      <c r="FNV121" s="26"/>
      <c r="FNW121" s="26"/>
      <c r="FNX121" s="26"/>
      <c r="FNY121" s="26"/>
      <c r="FNZ121" s="26"/>
      <c r="FOA121" s="26"/>
      <c r="FOB121" s="26"/>
      <c r="FOC121" s="26"/>
      <c r="FOD121" s="26"/>
      <c r="FOE121" s="26"/>
      <c r="FOF121" s="26"/>
      <c r="FOG121" s="26"/>
      <c r="FOH121" s="26"/>
      <c r="FOI121" s="26"/>
      <c r="FOJ121" s="26"/>
      <c r="FOK121" s="26"/>
      <c r="FOL121" s="26"/>
      <c r="FOM121" s="26"/>
      <c r="FON121" s="26"/>
      <c r="FOO121" s="26"/>
      <c r="FOP121" s="26"/>
      <c r="FOQ121" s="26"/>
      <c r="FOR121" s="26"/>
      <c r="FOS121" s="26"/>
      <c r="FOT121" s="26"/>
      <c r="FOU121" s="26"/>
      <c r="FOV121" s="26"/>
      <c r="FOW121" s="26"/>
      <c r="FOX121" s="26"/>
      <c r="FOY121" s="26"/>
      <c r="FOZ121" s="26"/>
      <c r="FPA121" s="26"/>
      <c r="FPB121" s="26"/>
      <c r="FPC121" s="26"/>
      <c r="FPD121" s="26"/>
      <c r="FPE121" s="26"/>
      <c r="FPF121" s="26"/>
      <c r="FPG121" s="26"/>
      <c r="FPH121" s="26"/>
      <c r="FPI121" s="26"/>
      <c r="FPJ121" s="26"/>
      <c r="FPK121" s="26"/>
      <c r="FPL121" s="26"/>
      <c r="FPM121" s="26"/>
      <c r="FPN121" s="26"/>
      <c r="FPO121" s="26"/>
      <c r="FPP121" s="26"/>
      <c r="FPQ121" s="26"/>
      <c r="FPR121" s="26"/>
      <c r="FPS121" s="26"/>
      <c r="FPT121" s="26"/>
      <c r="FPU121" s="26"/>
      <c r="FPV121" s="26"/>
      <c r="FPW121" s="26"/>
      <c r="FPX121" s="26"/>
      <c r="FPY121" s="26"/>
      <c r="FPZ121" s="26"/>
      <c r="FQA121" s="26"/>
      <c r="FQB121" s="26"/>
      <c r="FQC121" s="26"/>
      <c r="FQD121" s="26"/>
      <c r="FQE121" s="26"/>
      <c r="FQF121" s="26"/>
      <c r="FQG121" s="26"/>
      <c r="FQH121" s="26"/>
      <c r="FQI121" s="26"/>
      <c r="FQJ121" s="26"/>
      <c r="FQK121" s="26"/>
      <c r="FQL121" s="26"/>
      <c r="FQM121" s="26"/>
      <c r="FQN121" s="26"/>
      <c r="FQO121" s="26"/>
      <c r="FQP121" s="26"/>
      <c r="FQQ121" s="26"/>
      <c r="FQR121" s="26"/>
      <c r="FQS121" s="26"/>
      <c r="FQT121" s="26"/>
      <c r="FQU121" s="26"/>
      <c r="FQV121" s="26"/>
      <c r="FQW121" s="26"/>
      <c r="FQX121" s="26"/>
      <c r="FQY121" s="26"/>
      <c r="FQZ121" s="26"/>
      <c r="FRA121" s="26"/>
      <c r="FRB121" s="26"/>
      <c r="FRC121" s="26"/>
      <c r="FRD121" s="26"/>
      <c r="FRE121" s="26"/>
      <c r="FRF121" s="26"/>
      <c r="FRG121" s="26"/>
      <c r="FRH121" s="26"/>
      <c r="FRI121" s="26"/>
      <c r="FRJ121" s="26"/>
      <c r="FRK121" s="26"/>
      <c r="FRL121" s="26"/>
      <c r="FRM121" s="26"/>
      <c r="FRN121" s="26"/>
      <c r="FRO121" s="26"/>
      <c r="FRP121" s="26"/>
      <c r="FRQ121" s="26"/>
      <c r="FRR121" s="26"/>
      <c r="FRS121" s="26"/>
      <c r="FRT121" s="26"/>
      <c r="FRU121" s="26"/>
      <c r="FRV121" s="26"/>
      <c r="FRW121" s="26"/>
      <c r="FRX121" s="26"/>
      <c r="FRY121" s="26"/>
      <c r="FRZ121" s="26"/>
      <c r="FSA121" s="26"/>
      <c r="FSB121" s="26"/>
      <c r="FSC121" s="26"/>
      <c r="FSD121" s="26"/>
      <c r="FSE121" s="26"/>
      <c r="FSF121" s="26"/>
      <c r="FSG121" s="26"/>
      <c r="FSH121" s="26"/>
      <c r="FSI121" s="26"/>
      <c r="FSJ121" s="26"/>
      <c r="FSK121" s="26"/>
      <c r="FSL121" s="26"/>
      <c r="FSM121" s="26"/>
      <c r="FSN121" s="26"/>
      <c r="FSO121" s="26"/>
      <c r="FSP121" s="26"/>
      <c r="FSQ121" s="26"/>
      <c r="FSR121" s="26"/>
      <c r="FSS121" s="26"/>
      <c r="FST121" s="26"/>
      <c r="FSU121" s="26"/>
      <c r="FSV121" s="26"/>
      <c r="FSW121" s="26"/>
      <c r="FSX121" s="26"/>
      <c r="FSY121" s="26"/>
      <c r="FSZ121" s="26"/>
      <c r="FTA121" s="26"/>
      <c r="FTB121" s="26"/>
      <c r="FTC121" s="26"/>
      <c r="FTD121" s="26"/>
      <c r="FTE121" s="26"/>
      <c r="FTF121" s="26"/>
      <c r="FTG121" s="26"/>
      <c r="FTH121" s="26"/>
      <c r="FTI121" s="26"/>
      <c r="FTJ121" s="26"/>
      <c r="FTK121" s="26"/>
      <c r="FTL121" s="26"/>
      <c r="FTM121" s="26"/>
      <c r="FTN121" s="26"/>
      <c r="FTO121" s="26"/>
      <c r="FTP121" s="26"/>
      <c r="FTQ121" s="26"/>
      <c r="FTR121" s="26"/>
      <c r="FTS121" s="26"/>
      <c r="FTT121" s="26"/>
      <c r="FTU121" s="26"/>
      <c r="FTV121" s="26"/>
      <c r="FTW121" s="26"/>
      <c r="FTX121" s="26"/>
      <c r="FTY121" s="26"/>
      <c r="FTZ121" s="26"/>
      <c r="FUA121" s="26"/>
      <c r="FUB121" s="26"/>
      <c r="FUC121" s="26"/>
      <c r="FUD121" s="26"/>
      <c r="FUE121" s="26"/>
      <c r="FUF121" s="26"/>
      <c r="FUG121" s="26"/>
      <c r="FUH121" s="26"/>
      <c r="FUI121" s="26"/>
      <c r="FUJ121" s="26"/>
      <c r="FUK121" s="26"/>
      <c r="FUL121" s="26"/>
      <c r="FUM121" s="26"/>
      <c r="FUN121" s="26"/>
      <c r="FUO121" s="26"/>
      <c r="FUP121" s="26"/>
      <c r="FUQ121" s="26"/>
      <c r="FUR121" s="26"/>
      <c r="FUS121" s="26"/>
      <c r="FUT121" s="26"/>
      <c r="FUU121" s="26"/>
      <c r="FUV121" s="26"/>
      <c r="FUW121" s="26"/>
      <c r="FUX121" s="26"/>
      <c r="FUY121" s="26"/>
      <c r="FUZ121" s="26"/>
      <c r="FVA121" s="26"/>
      <c r="FVB121" s="26"/>
      <c r="FVC121" s="26"/>
      <c r="FVD121" s="26"/>
      <c r="FVE121" s="26"/>
      <c r="FVF121" s="26"/>
      <c r="FVG121" s="26"/>
      <c r="FVH121" s="26"/>
      <c r="FVI121" s="26"/>
      <c r="FVJ121" s="26"/>
      <c r="FVK121" s="26"/>
      <c r="FVL121" s="26"/>
      <c r="FVM121" s="26"/>
      <c r="FVN121" s="26"/>
      <c r="FVO121" s="26"/>
      <c r="FVP121" s="26"/>
      <c r="FVQ121" s="26"/>
      <c r="FVR121" s="26"/>
      <c r="FVS121" s="26"/>
      <c r="FVT121" s="26"/>
      <c r="FVU121" s="26"/>
      <c r="FVV121" s="26"/>
      <c r="FVW121" s="26"/>
      <c r="FVX121" s="26"/>
      <c r="FVY121" s="26"/>
      <c r="FVZ121" s="26"/>
      <c r="FWA121" s="26"/>
      <c r="FWB121" s="26"/>
      <c r="FWC121" s="26"/>
      <c r="FWD121" s="26"/>
      <c r="FWE121" s="26"/>
      <c r="FWF121" s="26"/>
      <c r="FWG121" s="26"/>
      <c r="FWH121" s="26"/>
      <c r="FWI121" s="26"/>
      <c r="FWJ121" s="26"/>
      <c r="FWK121" s="26"/>
      <c r="FWL121" s="26"/>
      <c r="FWM121" s="26"/>
      <c r="FWN121" s="26"/>
      <c r="FWO121" s="26"/>
      <c r="FWP121" s="26"/>
      <c r="FWQ121" s="26"/>
      <c r="FWR121" s="26"/>
      <c r="FWS121" s="26"/>
      <c r="FWT121" s="26"/>
      <c r="FWU121" s="26"/>
      <c r="FWV121" s="26"/>
      <c r="FWW121" s="26"/>
      <c r="FWX121" s="26"/>
      <c r="FWY121" s="26"/>
      <c r="FWZ121" s="26"/>
      <c r="FXA121" s="26"/>
      <c r="FXB121" s="26"/>
      <c r="FXC121" s="26"/>
      <c r="FXD121" s="26"/>
      <c r="FXE121" s="26"/>
      <c r="FXF121" s="26"/>
      <c r="FXG121" s="26"/>
      <c r="FXH121" s="26"/>
      <c r="FXI121" s="26"/>
      <c r="FXJ121" s="26"/>
      <c r="FXK121" s="26"/>
      <c r="FXL121" s="26"/>
      <c r="FXM121" s="26"/>
      <c r="FXN121" s="26"/>
      <c r="FXO121" s="26"/>
      <c r="FXP121" s="26"/>
      <c r="FXQ121" s="26"/>
      <c r="FXR121" s="26"/>
      <c r="FXS121" s="26"/>
      <c r="FXT121" s="26"/>
      <c r="FXU121" s="26"/>
      <c r="FXV121" s="26"/>
      <c r="FXW121" s="26"/>
      <c r="FXX121" s="26"/>
      <c r="FXY121" s="26"/>
      <c r="FXZ121" s="26"/>
      <c r="FYA121" s="26"/>
      <c r="FYB121" s="26"/>
      <c r="FYC121" s="26"/>
      <c r="FYD121" s="26"/>
      <c r="FYE121" s="26"/>
      <c r="FYF121" s="26"/>
      <c r="FYG121" s="26"/>
      <c r="FYH121" s="26"/>
      <c r="FYI121" s="26"/>
      <c r="FYJ121" s="26"/>
      <c r="FYK121" s="26"/>
      <c r="FYL121" s="26"/>
      <c r="FYM121" s="26"/>
      <c r="FYN121" s="26"/>
      <c r="FYO121" s="26"/>
      <c r="FYP121" s="26"/>
      <c r="FYQ121" s="26"/>
      <c r="FYR121" s="26"/>
      <c r="FYS121" s="26"/>
      <c r="FYT121" s="26"/>
      <c r="FYU121" s="26"/>
      <c r="FYV121" s="26"/>
      <c r="FYW121" s="26"/>
      <c r="FYX121" s="26"/>
      <c r="FYY121" s="26"/>
      <c r="FYZ121" s="26"/>
      <c r="FZA121" s="26"/>
      <c r="FZB121" s="26"/>
      <c r="FZC121" s="26"/>
      <c r="FZD121" s="26"/>
      <c r="FZE121" s="26"/>
      <c r="FZF121" s="26"/>
      <c r="FZG121" s="26"/>
      <c r="FZH121" s="26"/>
      <c r="FZI121" s="26"/>
      <c r="FZJ121" s="26"/>
      <c r="FZK121" s="26"/>
      <c r="FZL121" s="26"/>
      <c r="FZM121" s="26"/>
      <c r="FZN121" s="26"/>
      <c r="FZO121" s="26"/>
      <c r="FZP121" s="26"/>
      <c r="FZQ121" s="26"/>
      <c r="FZR121" s="26"/>
      <c r="FZS121" s="26"/>
      <c r="FZT121" s="26"/>
      <c r="FZU121" s="26"/>
      <c r="FZV121" s="26"/>
      <c r="FZW121" s="26"/>
      <c r="FZX121" s="26"/>
      <c r="FZY121" s="26"/>
      <c r="FZZ121" s="26"/>
      <c r="GAA121" s="26"/>
      <c r="GAB121" s="26"/>
      <c r="GAC121" s="26"/>
      <c r="GAD121" s="26"/>
      <c r="GAE121" s="26"/>
      <c r="GAF121" s="26"/>
      <c r="GAG121" s="26"/>
      <c r="GAH121" s="26"/>
      <c r="GAI121" s="26"/>
      <c r="GAJ121" s="26"/>
      <c r="GAK121" s="26"/>
      <c r="GAL121" s="26"/>
      <c r="GAM121" s="26"/>
      <c r="GAN121" s="26"/>
      <c r="GAO121" s="26"/>
      <c r="GAP121" s="26"/>
      <c r="GAQ121" s="26"/>
      <c r="GAR121" s="26"/>
      <c r="GAS121" s="26"/>
      <c r="GAT121" s="26"/>
      <c r="GAU121" s="26"/>
      <c r="GAV121" s="26"/>
      <c r="GAW121" s="26"/>
      <c r="GAX121" s="26"/>
      <c r="GAY121" s="26"/>
      <c r="GAZ121" s="26"/>
      <c r="GBA121" s="26"/>
      <c r="GBB121" s="26"/>
      <c r="GBC121" s="26"/>
      <c r="GBD121" s="26"/>
      <c r="GBE121" s="26"/>
      <c r="GBF121" s="26"/>
      <c r="GBG121" s="26"/>
      <c r="GBH121" s="26"/>
      <c r="GBI121" s="26"/>
      <c r="GBJ121" s="26"/>
      <c r="GBK121" s="26"/>
      <c r="GBL121" s="26"/>
      <c r="GBM121" s="26"/>
      <c r="GBN121" s="26"/>
      <c r="GBO121" s="26"/>
      <c r="GBP121" s="26"/>
      <c r="GBQ121" s="26"/>
      <c r="GBR121" s="26"/>
      <c r="GBS121" s="26"/>
      <c r="GBT121" s="26"/>
      <c r="GBU121" s="26"/>
      <c r="GBV121" s="26"/>
      <c r="GBW121" s="26"/>
      <c r="GBX121" s="26"/>
      <c r="GBY121" s="26"/>
      <c r="GBZ121" s="26"/>
      <c r="GCA121" s="26"/>
      <c r="GCB121" s="26"/>
      <c r="GCC121" s="26"/>
      <c r="GCD121" s="26"/>
      <c r="GCE121" s="26"/>
      <c r="GCF121" s="26"/>
      <c r="GCG121" s="26"/>
      <c r="GCH121" s="26"/>
      <c r="GCI121" s="26"/>
      <c r="GCJ121" s="26"/>
      <c r="GCK121" s="26"/>
      <c r="GCL121" s="26"/>
      <c r="GCM121" s="26"/>
      <c r="GCN121" s="26"/>
      <c r="GCO121" s="26"/>
      <c r="GCP121" s="26"/>
      <c r="GCQ121" s="26"/>
      <c r="GCR121" s="26"/>
      <c r="GCS121" s="26"/>
      <c r="GCT121" s="26"/>
      <c r="GCU121" s="26"/>
      <c r="GCV121" s="26"/>
      <c r="GCW121" s="26"/>
      <c r="GCX121" s="26"/>
      <c r="GCY121" s="26"/>
      <c r="GCZ121" s="26"/>
      <c r="GDA121" s="26"/>
      <c r="GDB121" s="26"/>
      <c r="GDC121" s="26"/>
      <c r="GDD121" s="26"/>
      <c r="GDE121" s="26"/>
      <c r="GDF121" s="26"/>
      <c r="GDG121" s="26"/>
      <c r="GDH121" s="26"/>
      <c r="GDI121" s="26"/>
      <c r="GDJ121" s="26"/>
      <c r="GDK121" s="26"/>
      <c r="GDL121" s="26"/>
      <c r="GDM121" s="26"/>
      <c r="GDN121" s="26"/>
      <c r="GDO121" s="26"/>
      <c r="GDP121" s="26"/>
      <c r="GDQ121" s="26"/>
      <c r="GDR121" s="26"/>
      <c r="GDS121" s="26"/>
      <c r="GDT121" s="26"/>
      <c r="GDU121" s="26"/>
      <c r="GDV121" s="26"/>
      <c r="GDW121" s="26"/>
      <c r="GDX121" s="26"/>
      <c r="GDY121" s="26"/>
      <c r="GDZ121" s="26"/>
      <c r="GEA121" s="26"/>
      <c r="GEB121" s="26"/>
      <c r="GEC121" s="26"/>
      <c r="GED121" s="26"/>
      <c r="GEE121" s="26"/>
      <c r="GEF121" s="26"/>
      <c r="GEG121" s="26"/>
      <c r="GEH121" s="26"/>
      <c r="GEI121" s="26"/>
      <c r="GEJ121" s="26"/>
      <c r="GEK121" s="26"/>
      <c r="GEL121" s="26"/>
      <c r="GEM121" s="26"/>
      <c r="GEN121" s="26"/>
      <c r="GEO121" s="26"/>
      <c r="GEP121" s="26"/>
      <c r="GEQ121" s="26"/>
      <c r="GER121" s="26"/>
      <c r="GES121" s="26"/>
      <c r="GET121" s="26"/>
      <c r="GEU121" s="26"/>
      <c r="GEV121" s="26"/>
      <c r="GEW121" s="26"/>
      <c r="GEX121" s="26"/>
      <c r="GEY121" s="26"/>
      <c r="GEZ121" s="26"/>
      <c r="GFA121" s="26"/>
      <c r="GFB121" s="26"/>
      <c r="GFC121" s="26"/>
      <c r="GFD121" s="26"/>
      <c r="GFE121" s="26"/>
      <c r="GFF121" s="26"/>
      <c r="GFG121" s="26"/>
      <c r="GFH121" s="26"/>
      <c r="GFI121" s="26"/>
      <c r="GFJ121" s="26"/>
      <c r="GFK121" s="26"/>
      <c r="GFL121" s="26"/>
      <c r="GFM121" s="26"/>
      <c r="GFN121" s="26"/>
      <c r="GFO121" s="26"/>
      <c r="GFP121" s="26"/>
      <c r="GFQ121" s="26"/>
      <c r="GFR121" s="26"/>
      <c r="GFS121" s="26"/>
      <c r="GFT121" s="26"/>
      <c r="GFU121" s="26"/>
      <c r="GFV121" s="26"/>
      <c r="GFW121" s="26"/>
      <c r="GFX121" s="26"/>
      <c r="GFY121" s="26"/>
      <c r="GFZ121" s="26"/>
      <c r="GGA121" s="26"/>
      <c r="GGB121" s="26"/>
      <c r="GGC121" s="26"/>
      <c r="GGD121" s="26"/>
      <c r="GGE121" s="26"/>
      <c r="GGF121" s="26"/>
      <c r="GGG121" s="26"/>
      <c r="GGH121" s="26"/>
      <c r="GGI121" s="26"/>
      <c r="GGJ121" s="26"/>
      <c r="GGK121" s="26"/>
      <c r="GGL121" s="26"/>
      <c r="GGM121" s="26"/>
      <c r="GGN121" s="26"/>
      <c r="GGO121" s="26"/>
      <c r="GGP121" s="26"/>
      <c r="GGQ121" s="26"/>
      <c r="GGR121" s="26"/>
      <c r="GGS121" s="26"/>
      <c r="GGT121" s="26"/>
      <c r="GGU121" s="26"/>
      <c r="GGV121" s="26"/>
      <c r="GGW121" s="26"/>
      <c r="GGX121" s="26"/>
      <c r="GGY121" s="26"/>
      <c r="GGZ121" s="26"/>
      <c r="GHA121" s="26"/>
      <c r="GHB121" s="26"/>
      <c r="GHC121" s="26"/>
      <c r="GHD121" s="26"/>
      <c r="GHE121" s="26"/>
      <c r="GHF121" s="26"/>
      <c r="GHG121" s="26"/>
      <c r="GHH121" s="26"/>
      <c r="GHI121" s="26"/>
      <c r="GHJ121" s="26"/>
      <c r="GHK121" s="26"/>
      <c r="GHL121" s="26"/>
      <c r="GHM121" s="26"/>
      <c r="GHN121" s="26"/>
      <c r="GHO121" s="26"/>
      <c r="GHP121" s="26"/>
      <c r="GHQ121" s="26"/>
      <c r="GHR121" s="26"/>
      <c r="GHS121" s="26"/>
      <c r="GHT121" s="26"/>
      <c r="GHU121" s="26"/>
      <c r="GHV121" s="26"/>
      <c r="GHW121" s="26"/>
      <c r="GHX121" s="26"/>
      <c r="GHY121" s="26"/>
      <c r="GHZ121" s="26"/>
      <c r="GIA121" s="26"/>
      <c r="GIB121" s="26"/>
      <c r="GIC121" s="26"/>
      <c r="GID121" s="26"/>
      <c r="GIE121" s="26"/>
      <c r="GIF121" s="26"/>
      <c r="GIG121" s="26"/>
      <c r="GIH121" s="26"/>
      <c r="GII121" s="26"/>
      <c r="GIJ121" s="26"/>
      <c r="GIK121" s="26"/>
      <c r="GIL121" s="26"/>
      <c r="GIM121" s="26"/>
      <c r="GIN121" s="26"/>
      <c r="GIO121" s="26"/>
      <c r="GIP121" s="26"/>
      <c r="GIQ121" s="26"/>
      <c r="GIR121" s="26"/>
      <c r="GIS121" s="26"/>
      <c r="GIT121" s="26"/>
      <c r="GIU121" s="26"/>
      <c r="GIV121" s="26"/>
      <c r="GIW121" s="26"/>
      <c r="GIX121" s="26"/>
      <c r="GIY121" s="26"/>
      <c r="GIZ121" s="26"/>
      <c r="GJA121" s="26"/>
      <c r="GJB121" s="26"/>
      <c r="GJC121" s="26"/>
      <c r="GJD121" s="26"/>
      <c r="GJE121" s="26"/>
      <c r="GJF121" s="26"/>
      <c r="GJG121" s="26"/>
      <c r="GJH121" s="26"/>
      <c r="GJI121" s="26"/>
      <c r="GJJ121" s="26"/>
      <c r="GJK121" s="26"/>
      <c r="GJL121" s="26"/>
      <c r="GJM121" s="26"/>
      <c r="GJN121" s="26"/>
      <c r="GJO121" s="26"/>
      <c r="GJP121" s="26"/>
      <c r="GJQ121" s="26"/>
      <c r="GJR121" s="26"/>
      <c r="GJS121" s="26"/>
      <c r="GJT121" s="26"/>
      <c r="GJU121" s="26"/>
      <c r="GJV121" s="26"/>
      <c r="GJW121" s="26"/>
      <c r="GJX121" s="26"/>
      <c r="GJY121" s="26"/>
      <c r="GJZ121" s="26"/>
      <c r="GKA121" s="26"/>
      <c r="GKB121" s="26"/>
      <c r="GKC121" s="26"/>
      <c r="GKD121" s="26"/>
      <c r="GKE121" s="26"/>
      <c r="GKF121" s="26"/>
      <c r="GKG121" s="26"/>
      <c r="GKH121" s="26"/>
      <c r="GKI121" s="26"/>
      <c r="GKJ121" s="26"/>
      <c r="GKK121" s="26"/>
      <c r="GKL121" s="26"/>
      <c r="GKM121" s="26"/>
      <c r="GKN121" s="26"/>
      <c r="GKO121" s="26"/>
      <c r="GKP121" s="26"/>
      <c r="GKQ121" s="26"/>
      <c r="GKR121" s="26"/>
      <c r="GKS121" s="26"/>
      <c r="GKT121" s="26"/>
      <c r="GKU121" s="26"/>
      <c r="GKV121" s="26"/>
      <c r="GKW121" s="26"/>
      <c r="GKX121" s="26"/>
      <c r="GKY121" s="26"/>
      <c r="GKZ121" s="26"/>
      <c r="GLA121" s="26"/>
      <c r="GLB121" s="26"/>
      <c r="GLC121" s="26"/>
      <c r="GLD121" s="26"/>
      <c r="GLE121" s="26"/>
      <c r="GLF121" s="26"/>
      <c r="GLG121" s="26"/>
      <c r="GLH121" s="26"/>
      <c r="GLI121" s="26"/>
      <c r="GLJ121" s="26"/>
      <c r="GLK121" s="26"/>
      <c r="GLL121" s="26"/>
      <c r="GLM121" s="26"/>
      <c r="GLN121" s="26"/>
      <c r="GLO121" s="26"/>
      <c r="GLP121" s="26"/>
      <c r="GLQ121" s="26"/>
      <c r="GLR121" s="26"/>
      <c r="GLS121" s="26"/>
      <c r="GLT121" s="26"/>
      <c r="GLU121" s="26"/>
      <c r="GLV121" s="26"/>
      <c r="GLW121" s="26"/>
      <c r="GLX121" s="26"/>
      <c r="GLY121" s="26"/>
      <c r="GLZ121" s="26"/>
      <c r="GMA121" s="26"/>
      <c r="GMB121" s="26"/>
      <c r="GMC121" s="26"/>
      <c r="GMD121" s="26"/>
      <c r="GME121" s="26"/>
      <c r="GMF121" s="26"/>
      <c r="GMG121" s="26"/>
      <c r="GMH121" s="26"/>
      <c r="GMI121" s="26"/>
      <c r="GMJ121" s="26"/>
      <c r="GMK121" s="26"/>
      <c r="GML121" s="26"/>
      <c r="GMM121" s="26"/>
      <c r="GMN121" s="26"/>
      <c r="GMO121" s="26"/>
      <c r="GMP121" s="26"/>
      <c r="GMQ121" s="26"/>
      <c r="GMR121" s="26"/>
      <c r="GMS121" s="26"/>
      <c r="GMT121" s="26"/>
      <c r="GMU121" s="26"/>
      <c r="GMV121" s="26"/>
      <c r="GMW121" s="26"/>
      <c r="GMX121" s="26"/>
      <c r="GMY121" s="26"/>
      <c r="GMZ121" s="26"/>
      <c r="GNA121" s="26"/>
      <c r="GNB121" s="26"/>
      <c r="GNC121" s="26"/>
      <c r="GND121" s="26"/>
      <c r="GNE121" s="26"/>
      <c r="GNF121" s="26"/>
      <c r="GNG121" s="26"/>
      <c r="GNH121" s="26"/>
      <c r="GNI121" s="26"/>
      <c r="GNJ121" s="26"/>
      <c r="GNK121" s="26"/>
      <c r="GNL121" s="26"/>
      <c r="GNM121" s="26"/>
      <c r="GNN121" s="26"/>
      <c r="GNO121" s="26"/>
      <c r="GNP121" s="26"/>
      <c r="GNQ121" s="26"/>
      <c r="GNR121" s="26"/>
      <c r="GNS121" s="26"/>
      <c r="GNT121" s="26"/>
      <c r="GNU121" s="26"/>
      <c r="GNV121" s="26"/>
      <c r="GNW121" s="26"/>
      <c r="GNX121" s="26"/>
      <c r="GNY121" s="26"/>
      <c r="GNZ121" s="26"/>
      <c r="GOA121" s="26"/>
      <c r="GOB121" s="26"/>
      <c r="GOC121" s="26"/>
      <c r="GOD121" s="26"/>
      <c r="GOE121" s="26"/>
      <c r="GOF121" s="26"/>
      <c r="GOG121" s="26"/>
      <c r="GOH121" s="26"/>
      <c r="GOI121" s="26"/>
      <c r="GOJ121" s="26"/>
      <c r="GOK121" s="26"/>
      <c r="GOL121" s="26"/>
      <c r="GOM121" s="26"/>
      <c r="GON121" s="26"/>
      <c r="GOO121" s="26"/>
      <c r="GOP121" s="26"/>
      <c r="GOQ121" s="26"/>
      <c r="GOR121" s="26"/>
      <c r="GOS121" s="26"/>
      <c r="GOT121" s="26"/>
      <c r="GOU121" s="26"/>
      <c r="GOV121" s="26"/>
      <c r="GOW121" s="26"/>
      <c r="GOX121" s="26"/>
      <c r="GOY121" s="26"/>
      <c r="GOZ121" s="26"/>
      <c r="GPA121" s="26"/>
      <c r="GPB121" s="26"/>
      <c r="GPC121" s="26"/>
      <c r="GPD121" s="26"/>
      <c r="GPE121" s="26"/>
      <c r="GPF121" s="26"/>
      <c r="GPG121" s="26"/>
      <c r="GPH121" s="26"/>
      <c r="GPI121" s="26"/>
      <c r="GPJ121" s="26"/>
      <c r="GPK121" s="26"/>
      <c r="GPL121" s="26"/>
      <c r="GPM121" s="26"/>
      <c r="GPN121" s="26"/>
      <c r="GPO121" s="26"/>
      <c r="GPP121" s="26"/>
      <c r="GPQ121" s="26"/>
      <c r="GPR121" s="26"/>
      <c r="GPS121" s="26"/>
      <c r="GPT121" s="26"/>
      <c r="GPU121" s="26"/>
      <c r="GPV121" s="26"/>
      <c r="GPW121" s="26"/>
      <c r="GPX121" s="26"/>
      <c r="GPY121" s="26"/>
      <c r="GPZ121" s="26"/>
      <c r="GQA121" s="26"/>
      <c r="GQB121" s="26"/>
      <c r="GQC121" s="26"/>
      <c r="GQD121" s="26"/>
      <c r="GQE121" s="26"/>
      <c r="GQF121" s="26"/>
      <c r="GQG121" s="26"/>
      <c r="GQH121" s="26"/>
      <c r="GQI121" s="26"/>
      <c r="GQJ121" s="26"/>
      <c r="GQK121" s="26"/>
      <c r="GQL121" s="26"/>
      <c r="GQM121" s="26"/>
      <c r="GQN121" s="26"/>
      <c r="GQO121" s="26"/>
      <c r="GQP121" s="26"/>
      <c r="GQQ121" s="26"/>
      <c r="GQR121" s="26"/>
      <c r="GQS121" s="26"/>
      <c r="GQT121" s="26"/>
      <c r="GQU121" s="26"/>
      <c r="GQV121" s="26"/>
      <c r="GQW121" s="26"/>
      <c r="GQX121" s="26"/>
      <c r="GQY121" s="26"/>
      <c r="GQZ121" s="26"/>
      <c r="GRA121" s="26"/>
      <c r="GRB121" s="26"/>
      <c r="GRC121" s="26"/>
      <c r="GRD121" s="26"/>
      <c r="GRE121" s="26"/>
      <c r="GRF121" s="26"/>
      <c r="GRG121" s="26"/>
      <c r="GRH121" s="26"/>
      <c r="GRI121" s="26"/>
      <c r="GRJ121" s="26"/>
      <c r="GRK121" s="26"/>
      <c r="GRL121" s="26"/>
      <c r="GRM121" s="26"/>
      <c r="GRN121" s="26"/>
      <c r="GRO121" s="26"/>
      <c r="GRP121" s="26"/>
      <c r="GRQ121" s="26"/>
      <c r="GRR121" s="26"/>
      <c r="GRS121" s="26"/>
      <c r="GRT121" s="26"/>
      <c r="GRU121" s="26"/>
      <c r="GRV121" s="26"/>
      <c r="GRW121" s="26"/>
      <c r="GRX121" s="26"/>
      <c r="GRY121" s="26"/>
      <c r="GRZ121" s="26"/>
      <c r="GSA121" s="26"/>
      <c r="GSB121" s="26"/>
      <c r="GSC121" s="26"/>
      <c r="GSD121" s="26"/>
      <c r="GSE121" s="26"/>
      <c r="GSF121" s="26"/>
      <c r="GSG121" s="26"/>
      <c r="GSH121" s="26"/>
      <c r="GSI121" s="26"/>
      <c r="GSJ121" s="26"/>
      <c r="GSK121" s="26"/>
      <c r="GSL121" s="26"/>
      <c r="GSM121" s="26"/>
      <c r="GSN121" s="26"/>
      <c r="GSO121" s="26"/>
      <c r="GSP121" s="26"/>
      <c r="GSQ121" s="26"/>
      <c r="GSR121" s="26"/>
      <c r="GSS121" s="26"/>
      <c r="GST121" s="26"/>
      <c r="GSU121" s="26"/>
      <c r="GSV121" s="26"/>
      <c r="GSW121" s="26"/>
      <c r="GSX121" s="26"/>
      <c r="GSY121" s="26"/>
      <c r="GSZ121" s="26"/>
      <c r="GTA121" s="26"/>
      <c r="GTB121" s="26"/>
      <c r="GTC121" s="26"/>
      <c r="GTD121" s="26"/>
      <c r="GTE121" s="26"/>
      <c r="GTF121" s="26"/>
      <c r="GTG121" s="26"/>
      <c r="GTH121" s="26"/>
      <c r="GTI121" s="26"/>
      <c r="GTJ121" s="26"/>
      <c r="GTK121" s="26"/>
      <c r="GTL121" s="26"/>
      <c r="GTM121" s="26"/>
      <c r="GTN121" s="26"/>
      <c r="GTO121" s="26"/>
      <c r="GTP121" s="26"/>
      <c r="GTQ121" s="26"/>
      <c r="GTR121" s="26"/>
      <c r="GTS121" s="26"/>
      <c r="GTT121" s="26"/>
      <c r="GTU121" s="26"/>
      <c r="GTV121" s="26"/>
      <c r="GTW121" s="26"/>
      <c r="GTX121" s="26"/>
      <c r="GTY121" s="26"/>
      <c r="GTZ121" s="26"/>
      <c r="GUA121" s="26"/>
      <c r="GUB121" s="26"/>
      <c r="GUC121" s="26"/>
      <c r="GUD121" s="26"/>
      <c r="GUE121" s="26"/>
      <c r="GUF121" s="26"/>
      <c r="GUG121" s="26"/>
      <c r="GUH121" s="26"/>
      <c r="GUI121" s="26"/>
      <c r="GUJ121" s="26"/>
      <c r="GUK121" s="26"/>
      <c r="GUL121" s="26"/>
      <c r="GUM121" s="26"/>
      <c r="GUN121" s="26"/>
      <c r="GUO121" s="26"/>
      <c r="GUP121" s="26"/>
      <c r="GUQ121" s="26"/>
      <c r="GUR121" s="26"/>
      <c r="GUS121" s="26"/>
      <c r="GUT121" s="26"/>
      <c r="GUU121" s="26"/>
      <c r="GUV121" s="26"/>
      <c r="GUW121" s="26"/>
      <c r="GUX121" s="26"/>
      <c r="GUY121" s="26"/>
      <c r="GUZ121" s="26"/>
      <c r="GVA121" s="26"/>
      <c r="GVB121" s="26"/>
      <c r="GVC121" s="26"/>
      <c r="GVD121" s="26"/>
      <c r="GVE121" s="26"/>
      <c r="GVF121" s="26"/>
      <c r="GVG121" s="26"/>
      <c r="GVH121" s="26"/>
      <c r="GVI121" s="26"/>
      <c r="GVJ121" s="26"/>
      <c r="GVK121" s="26"/>
      <c r="GVL121" s="26"/>
      <c r="GVM121" s="26"/>
      <c r="GVN121" s="26"/>
      <c r="GVO121" s="26"/>
      <c r="GVP121" s="26"/>
      <c r="GVQ121" s="26"/>
      <c r="GVR121" s="26"/>
      <c r="GVS121" s="26"/>
      <c r="GVT121" s="26"/>
      <c r="GVU121" s="26"/>
      <c r="GVV121" s="26"/>
      <c r="GVW121" s="26"/>
      <c r="GVX121" s="26"/>
      <c r="GVY121" s="26"/>
      <c r="GVZ121" s="26"/>
      <c r="GWA121" s="26"/>
      <c r="GWB121" s="26"/>
      <c r="GWC121" s="26"/>
      <c r="GWD121" s="26"/>
      <c r="GWE121" s="26"/>
      <c r="GWF121" s="26"/>
      <c r="GWG121" s="26"/>
      <c r="GWH121" s="26"/>
      <c r="GWI121" s="26"/>
      <c r="GWJ121" s="26"/>
      <c r="GWK121" s="26"/>
      <c r="GWL121" s="26"/>
      <c r="GWM121" s="26"/>
      <c r="GWN121" s="26"/>
      <c r="GWO121" s="26"/>
      <c r="GWP121" s="26"/>
      <c r="GWQ121" s="26"/>
      <c r="GWR121" s="26"/>
      <c r="GWS121" s="26"/>
      <c r="GWT121" s="26"/>
      <c r="GWU121" s="26"/>
      <c r="GWV121" s="26"/>
      <c r="GWW121" s="26"/>
      <c r="GWX121" s="26"/>
      <c r="GWY121" s="26"/>
      <c r="GWZ121" s="26"/>
      <c r="GXA121" s="26"/>
      <c r="GXB121" s="26"/>
      <c r="GXC121" s="26"/>
      <c r="GXD121" s="26"/>
      <c r="GXE121" s="26"/>
      <c r="GXF121" s="26"/>
      <c r="GXG121" s="26"/>
      <c r="GXH121" s="26"/>
      <c r="GXI121" s="26"/>
      <c r="GXJ121" s="26"/>
      <c r="GXK121" s="26"/>
      <c r="GXL121" s="26"/>
      <c r="GXM121" s="26"/>
      <c r="GXN121" s="26"/>
      <c r="GXO121" s="26"/>
      <c r="GXP121" s="26"/>
      <c r="GXQ121" s="26"/>
      <c r="GXR121" s="26"/>
      <c r="GXS121" s="26"/>
      <c r="GXT121" s="26"/>
      <c r="GXU121" s="26"/>
      <c r="GXV121" s="26"/>
      <c r="GXW121" s="26"/>
      <c r="GXX121" s="26"/>
      <c r="GXY121" s="26"/>
      <c r="GXZ121" s="26"/>
      <c r="GYA121" s="26"/>
      <c r="GYB121" s="26"/>
      <c r="GYC121" s="26"/>
      <c r="GYD121" s="26"/>
      <c r="GYE121" s="26"/>
      <c r="GYF121" s="26"/>
      <c r="GYG121" s="26"/>
      <c r="GYH121" s="26"/>
      <c r="GYI121" s="26"/>
      <c r="GYJ121" s="26"/>
      <c r="GYK121" s="26"/>
      <c r="GYL121" s="26"/>
      <c r="GYM121" s="26"/>
      <c r="GYN121" s="26"/>
      <c r="GYO121" s="26"/>
      <c r="GYP121" s="26"/>
      <c r="GYQ121" s="26"/>
      <c r="GYR121" s="26"/>
      <c r="GYS121" s="26"/>
      <c r="GYT121" s="26"/>
      <c r="GYU121" s="26"/>
      <c r="GYV121" s="26"/>
      <c r="GYW121" s="26"/>
      <c r="GYX121" s="26"/>
      <c r="GYY121" s="26"/>
      <c r="GYZ121" s="26"/>
      <c r="GZA121" s="26"/>
      <c r="GZB121" s="26"/>
      <c r="GZC121" s="26"/>
      <c r="GZD121" s="26"/>
      <c r="GZE121" s="26"/>
      <c r="GZF121" s="26"/>
      <c r="GZG121" s="26"/>
      <c r="GZH121" s="26"/>
      <c r="GZI121" s="26"/>
      <c r="GZJ121" s="26"/>
      <c r="GZK121" s="26"/>
      <c r="GZL121" s="26"/>
      <c r="GZM121" s="26"/>
      <c r="GZN121" s="26"/>
      <c r="GZO121" s="26"/>
      <c r="GZP121" s="26"/>
      <c r="GZQ121" s="26"/>
      <c r="GZR121" s="26"/>
      <c r="GZS121" s="26"/>
      <c r="GZT121" s="26"/>
      <c r="GZU121" s="26"/>
      <c r="GZV121" s="26"/>
      <c r="GZW121" s="26"/>
      <c r="GZX121" s="26"/>
      <c r="GZY121" s="26"/>
      <c r="GZZ121" s="26"/>
      <c r="HAA121" s="26"/>
      <c r="HAB121" s="26"/>
      <c r="HAC121" s="26"/>
      <c r="HAD121" s="26"/>
      <c r="HAE121" s="26"/>
      <c r="HAF121" s="26"/>
      <c r="HAG121" s="26"/>
      <c r="HAH121" s="26"/>
      <c r="HAI121" s="26"/>
      <c r="HAJ121" s="26"/>
      <c r="HAK121" s="26"/>
      <c r="HAL121" s="26"/>
      <c r="HAM121" s="26"/>
      <c r="HAN121" s="26"/>
      <c r="HAO121" s="26"/>
      <c r="HAP121" s="26"/>
      <c r="HAQ121" s="26"/>
      <c r="HAR121" s="26"/>
      <c r="HAS121" s="26"/>
      <c r="HAT121" s="26"/>
      <c r="HAU121" s="26"/>
      <c r="HAV121" s="26"/>
      <c r="HAW121" s="26"/>
      <c r="HAX121" s="26"/>
      <c r="HAY121" s="26"/>
      <c r="HAZ121" s="26"/>
      <c r="HBA121" s="26"/>
      <c r="HBB121" s="26"/>
      <c r="HBC121" s="26"/>
      <c r="HBD121" s="26"/>
      <c r="HBE121" s="26"/>
      <c r="HBF121" s="26"/>
      <c r="HBG121" s="26"/>
      <c r="HBH121" s="26"/>
      <c r="HBI121" s="26"/>
      <c r="HBJ121" s="26"/>
      <c r="HBK121" s="26"/>
      <c r="HBL121" s="26"/>
      <c r="HBM121" s="26"/>
      <c r="HBN121" s="26"/>
      <c r="HBO121" s="26"/>
      <c r="HBP121" s="26"/>
      <c r="HBQ121" s="26"/>
      <c r="HBR121" s="26"/>
      <c r="HBS121" s="26"/>
      <c r="HBT121" s="26"/>
      <c r="HBU121" s="26"/>
      <c r="HBV121" s="26"/>
      <c r="HBW121" s="26"/>
      <c r="HBX121" s="26"/>
      <c r="HBY121" s="26"/>
      <c r="HBZ121" s="26"/>
      <c r="HCA121" s="26"/>
      <c r="HCB121" s="26"/>
      <c r="HCC121" s="26"/>
      <c r="HCD121" s="26"/>
      <c r="HCE121" s="26"/>
      <c r="HCF121" s="26"/>
      <c r="HCG121" s="26"/>
      <c r="HCH121" s="26"/>
      <c r="HCI121" s="26"/>
      <c r="HCJ121" s="26"/>
      <c r="HCK121" s="26"/>
      <c r="HCL121" s="26"/>
      <c r="HCM121" s="26"/>
      <c r="HCN121" s="26"/>
      <c r="HCO121" s="26"/>
      <c r="HCP121" s="26"/>
      <c r="HCQ121" s="26"/>
      <c r="HCR121" s="26"/>
      <c r="HCS121" s="26"/>
      <c r="HCT121" s="26"/>
      <c r="HCU121" s="26"/>
      <c r="HCV121" s="26"/>
      <c r="HCW121" s="26"/>
      <c r="HCX121" s="26"/>
      <c r="HCY121" s="26"/>
      <c r="HCZ121" s="26"/>
      <c r="HDA121" s="26"/>
      <c r="HDB121" s="26"/>
      <c r="HDC121" s="26"/>
      <c r="HDD121" s="26"/>
      <c r="HDE121" s="26"/>
      <c r="HDF121" s="26"/>
      <c r="HDG121" s="26"/>
      <c r="HDH121" s="26"/>
      <c r="HDI121" s="26"/>
      <c r="HDJ121" s="26"/>
      <c r="HDK121" s="26"/>
      <c r="HDL121" s="26"/>
      <c r="HDM121" s="26"/>
      <c r="HDN121" s="26"/>
      <c r="HDO121" s="26"/>
      <c r="HDP121" s="26"/>
      <c r="HDQ121" s="26"/>
      <c r="HDR121" s="26"/>
      <c r="HDS121" s="26"/>
      <c r="HDT121" s="26"/>
      <c r="HDU121" s="26"/>
      <c r="HDV121" s="26"/>
      <c r="HDW121" s="26"/>
      <c r="HDX121" s="26"/>
      <c r="HDY121" s="26"/>
      <c r="HDZ121" s="26"/>
      <c r="HEA121" s="26"/>
      <c r="HEB121" s="26"/>
      <c r="HEC121" s="26"/>
      <c r="HED121" s="26"/>
      <c r="HEE121" s="26"/>
      <c r="HEF121" s="26"/>
      <c r="HEG121" s="26"/>
      <c r="HEH121" s="26"/>
      <c r="HEI121" s="26"/>
      <c r="HEJ121" s="26"/>
      <c r="HEK121" s="26"/>
      <c r="HEL121" s="26"/>
      <c r="HEM121" s="26"/>
      <c r="HEN121" s="26"/>
      <c r="HEO121" s="26"/>
      <c r="HEP121" s="26"/>
      <c r="HEQ121" s="26"/>
      <c r="HER121" s="26"/>
      <c r="HES121" s="26"/>
      <c r="HET121" s="26"/>
      <c r="HEU121" s="26"/>
      <c r="HEV121" s="26"/>
      <c r="HEW121" s="26"/>
      <c r="HEX121" s="26"/>
      <c r="HEY121" s="26"/>
      <c r="HEZ121" s="26"/>
      <c r="HFA121" s="26"/>
      <c r="HFB121" s="26"/>
      <c r="HFC121" s="26"/>
      <c r="HFD121" s="26"/>
      <c r="HFE121" s="26"/>
      <c r="HFF121" s="26"/>
      <c r="HFG121" s="26"/>
      <c r="HFH121" s="26"/>
      <c r="HFI121" s="26"/>
      <c r="HFJ121" s="26"/>
      <c r="HFK121" s="26"/>
      <c r="HFL121" s="26"/>
      <c r="HFM121" s="26"/>
      <c r="HFN121" s="26"/>
      <c r="HFO121" s="26"/>
      <c r="HFP121" s="26"/>
      <c r="HFQ121" s="26"/>
      <c r="HFR121" s="26"/>
      <c r="HFS121" s="26"/>
      <c r="HFT121" s="26"/>
      <c r="HFU121" s="26"/>
      <c r="HFV121" s="26"/>
      <c r="HFW121" s="26"/>
      <c r="HFX121" s="26"/>
      <c r="HFY121" s="26"/>
      <c r="HFZ121" s="26"/>
      <c r="HGA121" s="26"/>
      <c r="HGB121" s="26"/>
      <c r="HGC121" s="26"/>
      <c r="HGD121" s="26"/>
      <c r="HGE121" s="26"/>
      <c r="HGF121" s="26"/>
      <c r="HGG121" s="26"/>
      <c r="HGH121" s="26"/>
      <c r="HGI121" s="26"/>
      <c r="HGJ121" s="26"/>
      <c r="HGK121" s="26"/>
      <c r="HGL121" s="26"/>
      <c r="HGM121" s="26"/>
      <c r="HGN121" s="26"/>
      <c r="HGO121" s="26"/>
      <c r="HGP121" s="26"/>
      <c r="HGQ121" s="26"/>
      <c r="HGR121" s="26"/>
      <c r="HGS121" s="26"/>
      <c r="HGT121" s="26"/>
      <c r="HGU121" s="26"/>
      <c r="HGV121" s="26"/>
      <c r="HGW121" s="26"/>
      <c r="HGX121" s="26"/>
      <c r="HGY121" s="26"/>
      <c r="HGZ121" s="26"/>
      <c r="HHA121" s="26"/>
      <c r="HHB121" s="26"/>
      <c r="HHC121" s="26"/>
      <c r="HHD121" s="26"/>
      <c r="HHE121" s="26"/>
      <c r="HHF121" s="26"/>
      <c r="HHG121" s="26"/>
      <c r="HHH121" s="26"/>
      <c r="HHI121" s="26"/>
      <c r="HHJ121" s="26"/>
      <c r="HHK121" s="26"/>
      <c r="HHL121" s="26"/>
      <c r="HHM121" s="26"/>
      <c r="HHN121" s="26"/>
      <c r="HHO121" s="26"/>
      <c r="HHP121" s="26"/>
      <c r="HHQ121" s="26"/>
      <c r="HHR121" s="26"/>
      <c r="HHS121" s="26"/>
      <c r="HHT121" s="26"/>
      <c r="HHU121" s="26"/>
      <c r="HHV121" s="26"/>
      <c r="HHW121" s="26"/>
      <c r="HHX121" s="26"/>
      <c r="HHY121" s="26"/>
      <c r="HHZ121" s="26"/>
      <c r="HIA121" s="26"/>
      <c r="HIB121" s="26"/>
      <c r="HIC121" s="26"/>
      <c r="HID121" s="26"/>
      <c r="HIE121" s="26"/>
      <c r="HIF121" s="26"/>
      <c r="HIG121" s="26"/>
      <c r="HIH121" s="26"/>
      <c r="HII121" s="26"/>
      <c r="HIJ121" s="26"/>
      <c r="HIK121" s="26"/>
      <c r="HIL121" s="26"/>
      <c r="HIM121" s="26"/>
      <c r="HIN121" s="26"/>
      <c r="HIO121" s="26"/>
      <c r="HIP121" s="26"/>
      <c r="HIQ121" s="26"/>
      <c r="HIR121" s="26"/>
      <c r="HIS121" s="26"/>
      <c r="HIT121" s="26"/>
      <c r="HIU121" s="26"/>
      <c r="HIV121" s="26"/>
      <c r="HIW121" s="26"/>
      <c r="HIX121" s="26"/>
      <c r="HIY121" s="26"/>
      <c r="HIZ121" s="26"/>
      <c r="HJA121" s="26"/>
      <c r="HJB121" s="26"/>
      <c r="HJC121" s="26"/>
      <c r="HJD121" s="26"/>
      <c r="HJE121" s="26"/>
      <c r="HJF121" s="26"/>
      <c r="HJG121" s="26"/>
      <c r="HJH121" s="26"/>
      <c r="HJI121" s="26"/>
      <c r="HJJ121" s="26"/>
      <c r="HJK121" s="26"/>
      <c r="HJL121" s="26"/>
      <c r="HJM121" s="26"/>
      <c r="HJN121" s="26"/>
      <c r="HJO121" s="26"/>
      <c r="HJP121" s="26"/>
      <c r="HJQ121" s="26"/>
      <c r="HJR121" s="26"/>
      <c r="HJS121" s="26"/>
      <c r="HJT121" s="26"/>
      <c r="HJU121" s="26"/>
      <c r="HJV121" s="26"/>
      <c r="HJW121" s="26"/>
      <c r="HJX121" s="26"/>
      <c r="HJY121" s="26"/>
      <c r="HJZ121" s="26"/>
      <c r="HKA121" s="26"/>
      <c r="HKB121" s="26"/>
      <c r="HKC121" s="26"/>
      <c r="HKD121" s="26"/>
      <c r="HKE121" s="26"/>
      <c r="HKF121" s="26"/>
      <c r="HKG121" s="26"/>
      <c r="HKH121" s="26"/>
      <c r="HKI121" s="26"/>
      <c r="HKJ121" s="26"/>
      <c r="HKK121" s="26"/>
      <c r="HKL121" s="26"/>
      <c r="HKM121" s="26"/>
      <c r="HKN121" s="26"/>
      <c r="HKO121" s="26"/>
      <c r="HKP121" s="26"/>
      <c r="HKQ121" s="26"/>
      <c r="HKR121" s="26"/>
      <c r="HKS121" s="26"/>
      <c r="HKT121" s="26"/>
      <c r="HKU121" s="26"/>
      <c r="HKV121" s="26"/>
      <c r="HKW121" s="26"/>
      <c r="HKX121" s="26"/>
      <c r="HKY121" s="26"/>
      <c r="HKZ121" s="26"/>
      <c r="HLA121" s="26"/>
      <c r="HLB121" s="26"/>
      <c r="HLC121" s="26"/>
      <c r="HLD121" s="26"/>
      <c r="HLE121" s="26"/>
      <c r="HLF121" s="26"/>
      <c r="HLG121" s="26"/>
      <c r="HLH121" s="26"/>
      <c r="HLI121" s="26"/>
      <c r="HLJ121" s="26"/>
      <c r="HLK121" s="26"/>
      <c r="HLL121" s="26"/>
      <c r="HLM121" s="26"/>
      <c r="HLN121" s="26"/>
      <c r="HLO121" s="26"/>
      <c r="HLP121" s="26"/>
      <c r="HLQ121" s="26"/>
      <c r="HLR121" s="26"/>
      <c r="HLS121" s="26"/>
      <c r="HLT121" s="26"/>
      <c r="HLU121" s="26"/>
      <c r="HLV121" s="26"/>
      <c r="HLW121" s="26"/>
      <c r="HLX121" s="26"/>
      <c r="HLY121" s="26"/>
      <c r="HLZ121" s="26"/>
      <c r="HMA121" s="26"/>
      <c r="HMB121" s="26"/>
      <c r="HMC121" s="26"/>
      <c r="HMD121" s="26"/>
      <c r="HME121" s="26"/>
      <c r="HMF121" s="26"/>
      <c r="HMG121" s="26"/>
      <c r="HMH121" s="26"/>
      <c r="HMI121" s="26"/>
      <c r="HMJ121" s="26"/>
      <c r="HMK121" s="26"/>
      <c r="HML121" s="26"/>
      <c r="HMM121" s="26"/>
      <c r="HMN121" s="26"/>
      <c r="HMO121" s="26"/>
      <c r="HMP121" s="26"/>
      <c r="HMQ121" s="26"/>
      <c r="HMR121" s="26"/>
      <c r="HMS121" s="26"/>
      <c r="HMT121" s="26"/>
      <c r="HMU121" s="26"/>
      <c r="HMV121" s="26"/>
      <c r="HMW121" s="26"/>
      <c r="HMX121" s="26"/>
      <c r="HMY121" s="26"/>
      <c r="HMZ121" s="26"/>
      <c r="HNA121" s="26"/>
      <c r="HNB121" s="26"/>
      <c r="HNC121" s="26"/>
      <c r="HND121" s="26"/>
      <c r="HNE121" s="26"/>
      <c r="HNF121" s="26"/>
      <c r="HNG121" s="26"/>
      <c r="HNH121" s="26"/>
      <c r="HNI121" s="26"/>
      <c r="HNJ121" s="26"/>
      <c r="HNK121" s="26"/>
      <c r="HNL121" s="26"/>
      <c r="HNM121" s="26"/>
      <c r="HNN121" s="26"/>
      <c r="HNO121" s="26"/>
      <c r="HNP121" s="26"/>
      <c r="HNQ121" s="26"/>
      <c r="HNR121" s="26"/>
      <c r="HNS121" s="26"/>
      <c r="HNT121" s="26"/>
      <c r="HNU121" s="26"/>
      <c r="HNV121" s="26"/>
      <c r="HNW121" s="26"/>
      <c r="HNX121" s="26"/>
      <c r="HNY121" s="26"/>
      <c r="HNZ121" s="26"/>
      <c r="HOA121" s="26"/>
      <c r="HOB121" s="26"/>
      <c r="HOC121" s="26"/>
      <c r="HOD121" s="26"/>
      <c r="HOE121" s="26"/>
      <c r="HOF121" s="26"/>
      <c r="HOG121" s="26"/>
      <c r="HOH121" s="26"/>
      <c r="HOI121" s="26"/>
      <c r="HOJ121" s="26"/>
      <c r="HOK121" s="26"/>
      <c r="HOL121" s="26"/>
      <c r="HOM121" s="26"/>
      <c r="HON121" s="26"/>
      <c r="HOO121" s="26"/>
      <c r="HOP121" s="26"/>
      <c r="HOQ121" s="26"/>
      <c r="HOR121" s="26"/>
      <c r="HOS121" s="26"/>
      <c r="HOT121" s="26"/>
      <c r="HOU121" s="26"/>
      <c r="HOV121" s="26"/>
      <c r="HOW121" s="26"/>
      <c r="HOX121" s="26"/>
      <c r="HOY121" s="26"/>
      <c r="HOZ121" s="26"/>
      <c r="HPA121" s="26"/>
      <c r="HPB121" s="26"/>
      <c r="HPC121" s="26"/>
      <c r="HPD121" s="26"/>
      <c r="HPE121" s="26"/>
      <c r="HPF121" s="26"/>
      <c r="HPG121" s="26"/>
      <c r="HPH121" s="26"/>
      <c r="HPI121" s="26"/>
      <c r="HPJ121" s="26"/>
      <c r="HPK121" s="26"/>
      <c r="HPL121" s="26"/>
      <c r="HPM121" s="26"/>
      <c r="HPN121" s="26"/>
      <c r="HPO121" s="26"/>
      <c r="HPP121" s="26"/>
      <c r="HPQ121" s="26"/>
      <c r="HPR121" s="26"/>
      <c r="HPS121" s="26"/>
      <c r="HPT121" s="26"/>
      <c r="HPU121" s="26"/>
      <c r="HPV121" s="26"/>
      <c r="HPW121" s="26"/>
      <c r="HPX121" s="26"/>
      <c r="HPY121" s="26"/>
      <c r="HPZ121" s="26"/>
      <c r="HQA121" s="26"/>
      <c r="HQB121" s="26"/>
      <c r="HQC121" s="26"/>
      <c r="HQD121" s="26"/>
      <c r="HQE121" s="26"/>
      <c r="HQF121" s="26"/>
      <c r="HQG121" s="26"/>
      <c r="HQH121" s="26"/>
      <c r="HQI121" s="26"/>
      <c r="HQJ121" s="26"/>
      <c r="HQK121" s="26"/>
      <c r="HQL121" s="26"/>
      <c r="HQM121" s="26"/>
      <c r="HQN121" s="26"/>
      <c r="HQO121" s="26"/>
      <c r="HQP121" s="26"/>
      <c r="HQQ121" s="26"/>
      <c r="HQR121" s="26"/>
      <c r="HQS121" s="26"/>
      <c r="HQT121" s="26"/>
      <c r="HQU121" s="26"/>
      <c r="HQV121" s="26"/>
      <c r="HQW121" s="26"/>
      <c r="HQX121" s="26"/>
      <c r="HQY121" s="26"/>
      <c r="HQZ121" s="26"/>
      <c r="HRA121" s="26"/>
      <c r="HRB121" s="26"/>
      <c r="HRC121" s="26"/>
      <c r="HRD121" s="26"/>
      <c r="HRE121" s="26"/>
      <c r="HRF121" s="26"/>
      <c r="HRG121" s="26"/>
      <c r="HRH121" s="26"/>
      <c r="HRI121" s="26"/>
      <c r="HRJ121" s="26"/>
      <c r="HRK121" s="26"/>
      <c r="HRL121" s="26"/>
      <c r="HRM121" s="26"/>
      <c r="HRN121" s="26"/>
      <c r="HRO121" s="26"/>
      <c r="HRP121" s="26"/>
      <c r="HRQ121" s="26"/>
      <c r="HRR121" s="26"/>
      <c r="HRS121" s="26"/>
      <c r="HRT121" s="26"/>
      <c r="HRU121" s="26"/>
      <c r="HRV121" s="26"/>
      <c r="HRW121" s="26"/>
      <c r="HRX121" s="26"/>
      <c r="HRY121" s="26"/>
      <c r="HRZ121" s="26"/>
      <c r="HSA121" s="26"/>
      <c r="HSB121" s="26"/>
      <c r="HSC121" s="26"/>
      <c r="HSD121" s="26"/>
      <c r="HSE121" s="26"/>
      <c r="HSF121" s="26"/>
      <c r="HSG121" s="26"/>
      <c r="HSH121" s="26"/>
      <c r="HSI121" s="26"/>
      <c r="HSJ121" s="26"/>
      <c r="HSK121" s="26"/>
      <c r="HSL121" s="26"/>
      <c r="HSM121" s="26"/>
      <c r="HSN121" s="26"/>
      <c r="HSO121" s="26"/>
      <c r="HSP121" s="26"/>
      <c r="HSQ121" s="26"/>
      <c r="HSR121" s="26"/>
      <c r="HSS121" s="26"/>
      <c r="HST121" s="26"/>
      <c r="HSU121" s="26"/>
      <c r="HSV121" s="26"/>
      <c r="HSW121" s="26"/>
      <c r="HSX121" s="26"/>
      <c r="HSY121" s="26"/>
      <c r="HSZ121" s="26"/>
      <c r="HTA121" s="26"/>
      <c r="HTB121" s="26"/>
      <c r="HTC121" s="26"/>
      <c r="HTD121" s="26"/>
      <c r="HTE121" s="26"/>
      <c r="HTF121" s="26"/>
      <c r="HTG121" s="26"/>
      <c r="HTH121" s="26"/>
      <c r="HTI121" s="26"/>
      <c r="HTJ121" s="26"/>
      <c r="HTK121" s="26"/>
      <c r="HTL121" s="26"/>
      <c r="HTM121" s="26"/>
      <c r="HTN121" s="26"/>
      <c r="HTO121" s="26"/>
      <c r="HTP121" s="26"/>
      <c r="HTQ121" s="26"/>
      <c r="HTR121" s="26"/>
      <c r="HTS121" s="26"/>
      <c r="HTT121" s="26"/>
      <c r="HTU121" s="26"/>
      <c r="HTV121" s="26"/>
      <c r="HTW121" s="26"/>
      <c r="HTX121" s="26"/>
      <c r="HTY121" s="26"/>
      <c r="HTZ121" s="26"/>
      <c r="HUA121" s="26"/>
      <c r="HUB121" s="26"/>
      <c r="HUC121" s="26"/>
      <c r="HUD121" s="26"/>
      <c r="HUE121" s="26"/>
      <c r="HUF121" s="26"/>
      <c r="HUG121" s="26"/>
      <c r="HUH121" s="26"/>
      <c r="HUI121" s="26"/>
      <c r="HUJ121" s="26"/>
      <c r="HUK121" s="26"/>
      <c r="HUL121" s="26"/>
      <c r="HUM121" s="26"/>
      <c r="HUN121" s="26"/>
      <c r="HUO121" s="26"/>
      <c r="HUP121" s="26"/>
      <c r="HUQ121" s="26"/>
      <c r="HUR121" s="26"/>
      <c r="HUS121" s="26"/>
      <c r="HUT121" s="26"/>
      <c r="HUU121" s="26"/>
      <c r="HUV121" s="26"/>
      <c r="HUW121" s="26"/>
      <c r="HUX121" s="26"/>
      <c r="HUY121" s="26"/>
      <c r="HUZ121" s="26"/>
      <c r="HVA121" s="26"/>
      <c r="HVB121" s="26"/>
      <c r="HVC121" s="26"/>
      <c r="HVD121" s="26"/>
      <c r="HVE121" s="26"/>
      <c r="HVF121" s="26"/>
      <c r="HVG121" s="26"/>
      <c r="HVH121" s="26"/>
      <c r="HVI121" s="26"/>
      <c r="HVJ121" s="26"/>
      <c r="HVK121" s="26"/>
      <c r="HVL121" s="26"/>
      <c r="HVM121" s="26"/>
      <c r="HVN121" s="26"/>
      <c r="HVO121" s="26"/>
      <c r="HVP121" s="26"/>
      <c r="HVQ121" s="26"/>
      <c r="HVR121" s="26"/>
      <c r="HVS121" s="26"/>
      <c r="HVT121" s="26"/>
      <c r="HVU121" s="26"/>
      <c r="HVV121" s="26"/>
      <c r="HVW121" s="26"/>
      <c r="HVX121" s="26"/>
      <c r="HVY121" s="26"/>
      <c r="HVZ121" s="26"/>
      <c r="HWA121" s="26"/>
      <c r="HWB121" s="26"/>
      <c r="HWC121" s="26"/>
      <c r="HWD121" s="26"/>
      <c r="HWE121" s="26"/>
      <c r="HWF121" s="26"/>
      <c r="HWG121" s="26"/>
      <c r="HWH121" s="26"/>
      <c r="HWI121" s="26"/>
      <c r="HWJ121" s="26"/>
      <c r="HWK121" s="26"/>
      <c r="HWL121" s="26"/>
      <c r="HWM121" s="26"/>
      <c r="HWN121" s="26"/>
      <c r="HWO121" s="26"/>
      <c r="HWP121" s="26"/>
      <c r="HWQ121" s="26"/>
      <c r="HWR121" s="26"/>
      <c r="HWS121" s="26"/>
      <c r="HWT121" s="26"/>
      <c r="HWU121" s="26"/>
      <c r="HWV121" s="26"/>
      <c r="HWW121" s="26"/>
      <c r="HWX121" s="26"/>
      <c r="HWY121" s="26"/>
      <c r="HWZ121" s="26"/>
      <c r="HXA121" s="26"/>
      <c r="HXB121" s="26"/>
      <c r="HXC121" s="26"/>
      <c r="HXD121" s="26"/>
      <c r="HXE121" s="26"/>
      <c r="HXF121" s="26"/>
      <c r="HXG121" s="26"/>
      <c r="HXH121" s="26"/>
      <c r="HXI121" s="26"/>
      <c r="HXJ121" s="26"/>
      <c r="HXK121" s="26"/>
      <c r="HXL121" s="26"/>
      <c r="HXM121" s="26"/>
      <c r="HXN121" s="26"/>
      <c r="HXO121" s="26"/>
      <c r="HXP121" s="26"/>
      <c r="HXQ121" s="26"/>
      <c r="HXR121" s="26"/>
      <c r="HXS121" s="26"/>
      <c r="HXT121" s="26"/>
      <c r="HXU121" s="26"/>
      <c r="HXV121" s="26"/>
      <c r="HXW121" s="26"/>
      <c r="HXX121" s="26"/>
      <c r="HXY121" s="26"/>
      <c r="HXZ121" s="26"/>
      <c r="HYA121" s="26"/>
      <c r="HYB121" s="26"/>
      <c r="HYC121" s="26"/>
      <c r="HYD121" s="26"/>
      <c r="HYE121" s="26"/>
      <c r="HYF121" s="26"/>
      <c r="HYG121" s="26"/>
      <c r="HYH121" s="26"/>
      <c r="HYI121" s="26"/>
      <c r="HYJ121" s="26"/>
      <c r="HYK121" s="26"/>
      <c r="HYL121" s="26"/>
      <c r="HYM121" s="26"/>
      <c r="HYN121" s="26"/>
      <c r="HYO121" s="26"/>
      <c r="HYP121" s="26"/>
      <c r="HYQ121" s="26"/>
      <c r="HYR121" s="26"/>
      <c r="HYS121" s="26"/>
      <c r="HYT121" s="26"/>
      <c r="HYU121" s="26"/>
      <c r="HYV121" s="26"/>
      <c r="HYW121" s="26"/>
      <c r="HYX121" s="26"/>
      <c r="HYY121" s="26"/>
      <c r="HYZ121" s="26"/>
      <c r="HZA121" s="26"/>
      <c r="HZB121" s="26"/>
      <c r="HZC121" s="26"/>
      <c r="HZD121" s="26"/>
      <c r="HZE121" s="26"/>
      <c r="HZF121" s="26"/>
      <c r="HZG121" s="26"/>
      <c r="HZH121" s="26"/>
      <c r="HZI121" s="26"/>
      <c r="HZJ121" s="26"/>
      <c r="HZK121" s="26"/>
      <c r="HZL121" s="26"/>
      <c r="HZM121" s="26"/>
      <c r="HZN121" s="26"/>
      <c r="HZO121" s="26"/>
      <c r="HZP121" s="26"/>
      <c r="HZQ121" s="26"/>
      <c r="HZR121" s="26"/>
      <c r="HZS121" s="26"/>
      <c r="HZT121" s="26"/>
      <c r="HZU121" s="26"/>
      <c r="HZV121" s="26"/>
      <c r="HZW121" s="26"/>
      <c r="HZX121" s="26"/>
      <c r="HZY121" s="26"/>
      <c r="HZZ121" s="26"/>
      <c r="IAA121" s="26"/>
      <c r="IAB121" s="26"/>
      <c r="IAC121" s="26"/>
      <c r="IAD121" s="26"/>
      <c r="IAE121" s="26"/>
      <c r="IAF121" s="26"/>
      <c r="IAG121" s="26"/>
      <c r="IAH121" s="26"/>
      <c r="IAI121" s="26"/>
      <c r="IAJ121" s="26"/>
      <c r="IAK121" s="26"/>
      <c r="IAL121" s="26"/>
      <c r="IAM121" s="26"/>
      <c r="IAN121" s="26"/>
      <c r="IAO121" s="26"/>
      <c r="IAP121" s="26"/>
      <c r="IAQ121" s="26"/>
      <c r="IAR121" s="26"/>
      <c r="IAS121" s="26"/>
      <c r="IAT121" s="26"/>
      <c r="IAU121" s="26"/>
      <c r="IAV121" s="26"/>
      <c r="IAW121" s="26"/>
      <c r="IAX121" s="26"/>
      <c r="IAY121" s="26"/>
      <c r="IAZ121" s="26"/>
      <c r="IBA121" s="26"/>
      <c r="IBB121" s="26"/>
      <c r="IBC121" s="26"/>
      <c r="IBD121" s="26"/>
      <c r="IBE121" s="26"/>
      <c r="IBF121" s="26"/>
      <c r="IBG121" s="26"/>
      <c r="IBH121" s="26"/>
      <c r="IBI121" s="26"/>
      <c r="IBJ121" s="26"/>
      <c r="IBK121" s="26"/>
      <c r="IBL121" s="26"/>
      <c r="IBM121" s="26"/>
      <c r="IBN121" s="26"/>
      <c r="IBO121" s="26"/>
      <c r="IBP121" s="26"/>
      <c r="IBQ121" s="26"/>
      <c r="IBR121" s="26"/>
      <c r="IBS121" s="26"/>
      <c r="IBT121" s="26"/>
      <c r="IBU121" s="26"/>
      <c r="IBV121" s="26"/>
      <c r="IBW121" s="26"/>
      <c r="IBX121" s="26"/>
      <c r="IBY121" s="26"/>
      <c r="IBZ121" s="26"/>
      <c r="ICA121" s="26"/>
      <c r="ICB121" s="26"/>
      <c r="ICC121" s="26"/>
      <c r="ICD121" s="26"/>
      <c r="ICE121" s="26"/>
      <c r="ICF121" s="26"/>
      <c r="ICG121" s="26"/>
      <c r="ICH121" s="26"/>
      <c r="ICI121" s="26"/>
      <c r="ICJ121" s="26"/>
      <c r="ICK121" s="26"/>
      <c r="ICL121" s="26"/>
      <c r="ICM121" s="26"/>
      <c r="ICN121" s="26"/>
      <c r="ICO121" s="26"/>
      <c r="ICP121" s="26"/>
      <c r="ICQ121" s="26"/>
      <c r="ICR121" s="26"/>
      <c r="ICS121" s="26"/>
      <c r="ICT121" s="26"/>
      <c r="ICU121" s="26"/>
      <c r="ICV121" s="26"/>
      <c r="ICW121" s="26"/>
      <c r="ICX121" s="26"/>
      <c r="ICY121" s="26"/>
      <c r="ICZ121" s="26"/>
      <c r="IDA121" s="26"/>
      <c r="IDB121" s="26"/>
      <c r="IDC121" s="26"/>
      <c r="IDD121" s="26"/>
      <c r="IDE121" s="26"/>
      <c r="IDF121" s="26"/>
      <c r="IDG121" s="26"/>
      <c r="IDH121" s="26"/>
      <c r="IDI121" s="26"/>
      <c r="IDJ121" s="26"/>
      <c r="IDK121" s="26"/>
      <c r="IDL121" s="26"/>
      <c r="IDM121" s="26"/>
      <c r="IDN121" s="26"/>
      <c r="IDO121" s="26"/>
      <c r="IDP121" s="26"/>
      <c r="IDQ121" s="26"/>
      <c r="IDR121" s="26"/>
      <c r="IDS121" s="26"/>
      <c r="IDT121" s="26"/>
      <c r="IDU121" s="26"/>
      <c r="IDV121" s="26"/>
      <c r="IDW121" s="26"/>
      <c r="IDX121" s="26"/>
      <c r="IDY121" s="26"/>
      <c r="IDZ121" s="26"/>
      <c r="IEA121" s="26"/>
      <c r="IEB121" s="26"/>
      <c r="IEC121" s="26"/>
      <c r="IED121" s="26"/>
      <c r="IEE121" s="26"/>
      <c r="IEF121" s="26"/>
      <c r="IEG121" s="26"/>
      <c r="IEH121" s="26"/>
      <c r="IEI121" s="26"/>
      <c r="IEJ121" s="26"/>
      <c r="IEK121" s="26"/>
      <c r="IEL121" s="26"/>
      <c r="IEM121" s="26"/>
      <c r="IEN121" s="26"/>
      <c r="IEO121" s="26"/>
      <c r="IEP121" s="26"/>
      <c r="IEQ121" s="26"/>
      <c r="IER121" s="26"/>
      <c r="IES121" s="26"/>
      <c r="IET121" s="26"/>
      <c r="IEU121" s="26"/>
      <c r="IEV121" s="26"/>
      <c r="IEW121" s="26"/>
      <c r="IEX121" s="26"/>
      <c r="IEY121" s="26"/>
      <c r="IEZ121" s="26"/>
      <c r="IFA121" s="26"/>
      <c r="IFB121" s="26"/>
      <c r="IFC121" s="26"/>
      <c r="IFD121" s="26"/>
      <c r="IFE121" s="26"/>
      <c r="IFF121" s="26"/>
      <c r="IFG121" s="26"/>
      <c r="IFH121" s="26"/>
      <c r="IFI121" s="26"/>
      <c r="IFJ121" s="26"/>
      <c r="IFK121" s="26"/>
      <c r="IFL121" s="26"/>
      <c r="IFM121" s="26"/>
      <c r="IFN121" s="26"/>
      <c r="IFO121" s="26"/>
      <c r="IFP121" s="26"/>
      <c r="IFQ121" s="26"/>
      <c r="IFR121" s="26"/>
      <c r="IFS121" s="26"/>
      <c r="IFT121" s="26"/>
      <c r="IFU121" s="26"/>
      <c r="IFV121" s="26"/>
      <c r="IFW121" s="26"/>
      <c r="IFX121" s="26"/>
      <c r="IFY121" s="26"/>
      <c r="IFZ121" s="26"/>
      <c r="IGA121" s="26"/>
      <c r="IGB121" s="26"/>
      <c r="IGC121" s="26"/>
      <c r="IGD121" s="26"/>
      <c r="IGE121" s="26"/>
      <c r="IGF121" s="26"/>
      <c r="IGG121" s="26"/>
      <c r="IGH121" s="26"/>
      <c r="IGI121" s="26"/>
      <c r="IGJ121" s="26"/>
      <c r="IGK121" s="26"/>
      <c r="IGL121" s="26"/>
      <c r="IGM121" s="26"/>
      <c r="IGN121" s="26"/>
      <c r="IGO121" s="26"/>
      <c r="IGP121" s="26"/>
      <c r="IGQ121" s="26"/>
      <c r="IGR121" s="26"/>
      <c r="IGS121" s="26"/>
      <c r="IGT121" s="26"/>
      <c r="IGU121" s="26"/>
      <c r="IGV121" s="26"/>
      <c r="IGW121" s="26"/>
      <c r="IGX121" s="26"/>
      <c r="IGY121" s="26"/>
      <c r="IGZ121" s="26"/>
      <c r="IHA121" s="26"/>
      <c r="IHB121" s="26"/>
      <c r="IHC121" s="26"/>
      <c r="IHD121" s="26"/>
      <c r="IHE121" s="26"/>
      <c r="IHF121" s="26"/>
      <c r="IHG121" s="26"/>
      <c r="IHH121" s="26"/>
      <c r="IHI121" s="26"/>
      <c r="IHJ121" s="26"/>
      <c r="IHK121" s="26"/>
      <c r="IHL121" s="26"/>
      <c r="IHM121" s="26"/>
      <c r="IHN121" s="26"/>
      <c r="IHO121" s="26"/>
      <c r="IHP121" s="26"/>
      <c r="IHQ121" s="26"/>
      <c r="IHR121" s="26"/>
      <c r="IHS121" s="26"/>
      <c r="IHT121" s="26"/>
      <c r="IHU121" s="26"/>
      <c r="IHV121" s="26"/>
      <c r="IHW121" s="26"/>
      <c r="IHX121" s="26"/>
      <c r="IHY121" s="26"/>
      <c r="IHZ121" s="26"/>
      <c r="IIA121" s="26"/>
      <c r="IIB121" s="26"/>
      <c r="IIC121" s="26"/>
      <c r="IID121" s="26"/>
      <c r="IIE121" s="26"/>
      <c r="IIF121" s="26"/>
      <c r="IIG121" s="26"/>
      <c r="IIH121" s="26"/>
      <c r="III121" s="26"/>
      <c r="IIJ121" s="26"/>
      <c r="IIK121" s="26"/>
      <c r="IIL121" s="26"/>
      <c r="IIM121" s="26"/>
      <c r="IIN121" s="26"/>
      <c r="IIO121" s="26"/>
      <c r="IIP121" s="26"/>
      <c r="IIQ121" s="26"/>
      <c r="IIR121" s="26"/>
      <c r="IIS121" s="26"/>
      <c r="IIT121" s="26"/>
      <c r="IIU121" s="26"/>
      <c r="IIV121" s="26"/>
      <c r="IIW121" s="26"/>
      <c r="IIX121" s="26"/>
      <c r="IIY121" s="26"/>
      <c r="IIZ121" s="26"/>
      <c r="IJA121" s="26"/>
      <c r="IJB121" s="26"/>
      <c r="IJC121" s="26"/>
      <c r="IJD121" s="26"/>
      <c r="IJE121" s="26"/>
      <c r="IJF121" s="26"/>
      <c r="IJG121" s="26"/>
      <c r="IJH121" s="26"/>
      <c r="IJI121" s="26"/>
      <c r="IJJ121" s="26"/>
      <c r="IJK121" s="26"/>
      <c r="IJL121" s="26"/>
      <c r="IJM121" s="26"/>
      <c r="IJN121" s="26"/>
      <c r="IJO121" s="26"/>
      <c r="IJP121" s="26"/>
      <c r="IJQ121" s="26"/>
      <c r="IJR121" s="26"/>
      <c r="IJS121" s="26"/>
      <c r="IJT121" s="26"/>
      <c r="IJU121" s="26"/>
      <c r="IJV121" s="26"/>
      <c r="IJW121" s="26"/>
      <c r="IJX121" s="26"/>
      <c r="IJY121" s="26"/>
      <c r="IJZ121" s="26"/>
      <c r="IKA121" s="26"/>
      <c r="IKB121" s="26"/>
      <c r="IKC121" s="26"/>
      <c r="IKD121" s="26"/>
      <c r="IKE121" s="26"/>
      <c r="IKF121" s="26"/>
      <c r="IKG121" s="26"/>
      <c r="IKH121" s="26"/>
      <c r="IKI121" s="26"/>
      <c r="IKJ121" s="26"/>
      <c r="IKK121" s="26"/>
      <c r="IKL121" s="26"/>
      <c r="IKM121" s="26"/>
      <c r="IKN121" s="26"/>
      <c r="IKO121" s="26"/>
      <c r="IKP121" s="26"/>
      <c r="IKQ121" s="26"/>
      <c r="IKR121" s="26"/>
      <c r="IKS121" s="26"/>
      <c r="IKT121" s="26"/>
      <c r="IKU121" s="26"/>
      <c r="IKV121" s="26"/>
      <c r="IKW121" s="26"/>
      <c r="IKX121" s="26"/>
      <c r="IKY121" s="26"/>
      <c r="IKZ121" s="26"/>
      <c r="ILA121" s="26"/>
      <c r="ILB121" s="26"/>
      <c r="ILC121" s="26"/>
      <c r="ILD121" s="26"/>
      <c r="ILE121" s="26"/>
      <c r="ILF121" s="26"/>
      <c r="ILG121" s="26"/>
      <c r="ILH121" s="26"/>
      <c r="ILI121" s="26"/>
      <c r="ILJ121" s="26"/>
      <c r="ILK121" s="26"/>
      <c r="ILL121" s="26"/>
      <c r="ILM121" s="26"/>
      <c r="ILN121" s="26"/>
      <c r="ILO121" s="26"/>
      <c r="ILP121" s="26"/>
      <c r="ILQ121" s="26"/>
      <c r="ILR121" s="26"/>
      <c r="ILS121" s="26"/>
      <c r="ILT121" s="26"/>
      <c r="ILU121" s="26"/>
      <c r="ILV121" s="26"/>
      <c r="ILW121" s="26"/>
      <c r="ILX121" s="26"/>
      <c r="ILY121" s="26"/>
      <c r="ILZ121" s="26"/>
      <c r="IMA121" s="26"/>
      <c r="IMB121" s="26"/>
      <c r="IMC121" s="26"/>
      <c r="IMD121" s="26"/>
      <c r="IME121" s="26"/>
      <c r="IMF121" s="26"/>
      <c r="IMG121" s="26"/>
      <c r="IMH121" s="26"/>
      <c r="IMI121" s="26"/>
      <c r="IMJ121" s="26"/>
      <c r="IMK121" s="26"/>
      <c r="IML121" s="26"/>
      <c r="IMM121" s="26"/>
      <c r="IMN121" s="26"/>
      <c r="IMO121" s="26"/>
      <c r="IMP121" s="26"/>
      <c r="IMQ121" s="26"/>
      <c r="IMR121" s="26"/>
      <c r="IMS121" s="26"/>
      <c r="IMT121" s="26"/>
      <c r="IMU121" s="26"/>
      <c r="IMV121" s="26"/>
      <c r="IMW121" s="26"/>
      <c r="IMX121" s="26"/>
      <c r="IMY121" s="26"/>
      <c r="IMZ121" s="26"/>
      <c r="INA121" s="26"/>
      <c r="INB121" s="26"/>
      <c r="INC121" s="26"/>
      <c r="IND121" s="26"/>
      <c r="INE121" s="26"/>
      <c r="INF121" s="26"/>
      <c r="ING121" s="26"/>
      <c r="INH121" s="26"/>
      <c r="INI121" s="26"/>
      <c r="INJ121" s="26"/>
      <c r="INK121" s="26"/>
      <c r="INL121" s="26"/>
      <c r="INM121" s="26"/>
      <c r="INN121" s="26"/>
      <c r="INO121" s="26"/>
      <c r="INP121" s="26"/>
      <c r="INQ121" s="26"/>
      <c r="INR121" s="26"/>
      <c r="INS121" s="26"/>
      <c r="INT121" s="26"/>
      <c r="INU121" s="26"/>
      <c r="INV121" s="26"/>
      <c r="INW121" s="26"/>
      <c r="INX121" s="26"/>
      <c r="INY121" s="26"/>
      <c r="INZ121" s="26"/>
      <c r="IOA121" s="26"/>
      <c r="IOB121" s="26"/>
      <c r="IOC121" s="26"/>
      <c r="IOD121" s="26"/>
      <c r="IOE121" s="26"/>
      <c r="IOF121" s="26"/>
      <c r="IOG121" s="26"/>
      <c r="IOH121" s="26"/>
      <c r="IOI121" s="26"/>
      <c r="IOJ121" s="26"/>
      <c r="IOK121" s="26"/>
      <c r="IOL121" s="26"/>
      <c r="IOM121" s="26"/>
      <c r="ION121" s="26"/>
      <c r="IOO121" s="26"/>
      <c r="IOP121" s="26"/>
      <c r="IOQ121" s="26"/>
      <c r="IOR121" s="26"/>
      <c r="IOS121" s="26"/>
      <c r="IOT121" s="26"/>
      <c r="IOU121" s="26"/>
      <c r="IOV121" s="26"/>
      <c r="IOW121" s="26"/>
      <c r="IOX121" s="26"/>
      <c r="IOY121" s="26"/>
      <c r="IOZ121" s="26"/>
      <c r="IPA121" s="26"/>
      <c r="IPB121" s="26"/>
      <c r="IPC121" s="26"/>
      <c r="IPD121" s="26"/>
      <c r="IPE121" s="26"/>
      <c r="IPF121" s="26"/>
      <c r="IPG121" s="26"/>
      <c r="IPH121" s="26"/>
      <c r="IPI121" s="26"/>
      <c r="IPJ121" s="26"/>
      <c r="IPK121" s="26"/>
      <c r="IPL121" s="26"/>
      <c r="IPM121" s="26"/>
      <c r="IPN121" s="26"/>
      <c r="IPO121" s="26"/>
      <c r="IPP121" s="26"/>
      <c r="IPQ121" s="26"/>
      <c r="IPR121" s="26"/>
      <c r="IPS121" s="26"/>
      <c r="IPT121" s="26"/>
      <c r="IPU121" s="26"/>
      <c r="IPV121" s="26"/>
      <c r="IPW121" s="26"/>
      <c r="IPX121" s="26"/>
      <c r="IPY121" s="26"/>
      <c r="IPZ121" s="26"/>
      <c r="IQA121" s="26"/>
      <c r="IQB121" s="26"/>
      <c r="IQC121" s="26"/>
      <c r="IQD121" s="26"/>
      <c r="IQE121" s="26"/>
      <c r="IQF121" s="26"/>
      <c r="IQG121" s="26"/>
      <c r="IQH121" s="26"/>
      <c r="IQI121" s="26"/>
      <c r="IQJ121" s="26"/>
      <c r="IQK121" s="26"/>
      <c r="IQL121" s="26"/>
      <c r="IQM121" s="26"/>
      <c r="IQN121" s="26"/>
      <c r="IQO121" s="26"/>
      <c r="IQP121" s="26"/>
      <c r="IQQ121" s="26"/>
      <c r="IQR121" s="26"/>
      <c r="IQS121" s="26"/>
      <c r="IQT121" s="26"/>
      <c r="IQU121" s="26"/>
      <c r="IQV121" s="26"/>
      <c r="IQW121" s="26"/>
      <c r="IQX121" s="26"/>
      <c r="IQY121" s="26"/>
      <c r="IQZ121" s="26"/>
      <c r="IRA121" s="26"/>
      <c r="IRB121" s="26"/>
      <c r="IRC121" s="26"/>
      <c r="IRD121" s="26"/>
      <c r="IRE121" s="26"/>
      <c r="IRF121" s="26"/>
      <c r="IRG121" s="26"/>
      <c r="IRH121" s="26"/>
      <c r="IRI121" s="26"/>
      <c r="IRJ121" s="26"/>
      <c r="IRK121" s="26"/>
      <c r="IRL121" s="26"/>
      <c r="IRM121" s="26"/>
      <c r="IRN121" s="26"/>
      <c r="IRO121" s="26"/>
      <c r="IRP121" s="26"/>
      <c r="IRQ121" s="26"/>
      <c r="IRR121" s="26"/>
      <c r="IRS121" s="26"/>
      <c r="IRT121" s="26"/>
      <c r="IRU121" s="26"/>
      <c r="IRV121" s="26"/>
      <c r="IRW121" s="26"/>
      <c r="IRX121" s="26"/>
      <c r="IRY121" s="26"/>
      <c r="IRZ121" s="26"/>
      <c r="ISA121" s="26"/>
      <c r="ISB121" s="26"/>
      <c r="ISC121" s="26"/>
      <c r="ISD121" s="26"/>
      <c r="ISE121" s="26"/>
      <c r="ISF121" s="26"/>
      <c r="ISG121" s="26"/>
      <c r="ISH121" s="26"/>
      <c r="ISI121" s="26"/>
      <c r="ISJ121" s="26"/>
      <c r="ISK121" s="26"/>
      <c r="ISL121" s="26"/>
      <c r="ISM121" s="26"/>
      <c r="ISN121" s="26"/>
      <c r="ISO121" s="26"/>
      <c r="ISP121" s="26"/>
      <c r="ISQ121" s="26"/>
      <c r="ISR121" s="26"/>
      <c r="ISS121" s="26"/>
      <c r="IST121" s="26"/>
      <c r="ISU121" s="26"/>
      <c r="ISV121" s="26"/>
      <c r="ISW121" s="26"/>
      <c r="ISX121" s="26"/>
      <c r="ISY121" s="26"/>
      <c r="ISZ121" s="26"/>
      <c r="ITA121" s="26"/>
      <c r="ITB121" s="26"/>
      <c r="ITC121" s="26"/>
      <c r="ITD121" s="26"/>
      <c r="ITE121" s="26"/>
      <c r="ITF121" s="26"/>
      <c r="ITG121" s="26"/>
      <c r="ITH121" s="26"/>
      <c r="ITI121" s="26"/>
      <c r="ITJ121" s="26"/>
      <c r="ITK121" s="26"/>
      <c r="ITL121" s="26"/>
      <c r="ITM121" s="26"/>
      <c r="ITN121" s="26"/>
      <c r="ITO121" s="26"/>
      <c r="ITP121" s="26"/>
      <c r="ITQ121" s="26"/>
      <c r="ITR121" s="26"/>
      <c r="ITS121" s="26"/>
      <c r="ITT121" s="26"/>
      <c r="ITU121" s="26"/>
      <c r="ITV121" s="26"/>
      <c r="ITW121" s="26"/>
      <c r="ITX121" s="26"/>
      <c r="ITY121" s="26"/>
      <c r="ITZ121" s="26"/>
      <c r="IUA121" s="26"/>
      <c r="IUB121" s="26"/>
      <c r="IUC121" s="26"/>
      <c r="IUD121" s="26"/>
      <c r="IUE121" s="26"/>
      <c r="IUF121" s="26"/>
      <c r="IUG121" s="26"/>
      <c r="IUH121" s="26"/>
      <c r="IUI121" s="26"/>
      <c r="IUJ121" s="26"/>
      <c r="IUK121" s="26"/>
      <c r="IUL121" s="26"/>
      <c r="IUM121" s="26"/>
      <c r="IUN121" s="26"/>
      <c r="IUO121" s="26"/>
      <c r="IUP121" s="26"/>
      <c r="IUQ121" s="26"/>
      <c r="IUR121" s="26"/>
      <c r="IUS121" s="26"/>
      <c r="IUT121" s="26"/>
      <c r="IUU121" s="26"/>
      <c r="IUV121" s="26"/>
      <c r="IUW121" s="26"/>
      <c r="IUX121" s="26"/>
      <c r="IUY121" s="26"/>
      <c r="IUZ121" s="26"/>
      <c r="IVA121" s="26"/>
      <c r="IVB121" s="26"/>
      <c r="IVC121" s="26"/>
      <c r="IVD121" s="26"/>
      <c r="IVE121" s="26"/>
      <c r="IVF121" s="26"/>
      <c r="IVG121" s="26"/>
      <c r="IVH121" s="26"/>
      <c r="IVI121" s="26"/>
      <c r="IVJ121" s="26"/>
      <c r="IVK121" s="26"/>
      <c r="IVL121" s="26"/>
      <c r="IVM121" s="26"/>
      <c r="IVN121" s="26"/>
      <c r="IVO121" s="26"/>
      <c r="IVP121" s="26"/>
      <c r="IVQ121" s="26"/>
      <c r="IVR121" s="26"/>
      <c r="IVS121" s="26"/>
      <c r="IVT121" s="26"/>
      <c r="IVU121" s="26"/>
      <c r="IVV121" s="26"/>
      <c r="IVW121" s="26"/>
      <c r="IVX121" s="26"/>
      <c r="IVY121" s="26"/>
      <c r="IVZ121" s="26"/>
      <c r="IWA121" s="26"/>
      <c r="IWB121" s="26"/>
      <c r="IWC121" s="26"/>
      <c r="IWD121" s="26"/>
      <c r="IWE121" s="26"/>
      <c r="IWF121" s="26"/>
      <c r="IWG121" s="26"/>
      <c r="IWH121" s="26"/>
      <c r="IWI121" s="26"/>
      <c r="IWJ121" s="26"/>
      <c r="IWK121" s="26"/>
      <c r="IWL121" s="26"/>
      <c r="IWM121" s="26"/>
      <c r="IWN121" s="26"/>
      <c r="IWO121" s="26"/>
      <c r="IWP121" s="26"/>
      <c r="IWQ121" s="26"/>
      <c r="IWR121" s="26"/>
      <c r="IWS121" s="26"/>
      <c r="IWT121" s="26"/>
      <c r="IWU121" s="26"/>
      <c r="IWV121" s="26"/>
      <c r="IWW121" s="26"/>
      <c r="IWX121" s="26"/>
      <c r="IWY121" s="26"/>
      <c r="IWZ121" s="26"/>
      <c r="IXA121" s="26"/>
      <c r="IXB121" s="26"/>
      <c r="IXC121" s="26"/>
      <c r="IXD121" s="26"/>
      <c r="IXE121" s="26"/>
      <c r="IXF121" s="26"/>
      <c r="IXG121" s="26"/>
      <c r="IXH121" s="26"/>
      <c r="IXI121" s="26"/>
      <c r="IXJ121" s="26"/>
      <c r="IXK121" s="26"/>
      <c r="IXL121" s="26"/>
      <c r="IXM121" s="26"/>
      <c r="IXN121" s="26"/>
      <c r="IXO121" s="26"/>
      <c r="IXP121" s="26"/>
      <c r="IXQ121" s="26"/>
      <c r="IXR121" s="26"/>
      <c r="IXS121" s="26"/>
      <c r="IXT121" s="26"/>
      <c r="IXU121" s="26"/>
      <c r="IXV121" s="26"/>
      <c r="IXW121" s="26"/>
      <c r="IXX121" s="26"/>
      <c r="IXY121" s="26"/>
      <c r="IXZ121" s="26"/>
      <c r="IYA121" s="26"/>
      <c r="IYB121" s="26"/>
      <c r="IYC121" s="26"/>
      <c r="IYD121" s="26"/>
      <c r="IYE121" s="26"/>
      <c r="IYF121" s="26"/>
      <c r="IYG121" s="26"/>
      <c r="IYH121" s="26"/>
      <c r="IYI121" s="26"/>
      <c r="IYJ121" s="26"/>
      <c r="IYK121" s="26"/>
      <c r="IYL121" s="26"/>
      <c r="IYM121" s="26"/>
      <c r="IYN121" s="26"/>
      <c r="IYO121" s="26"/>
      <c r="IYP121" s="26"/>
      <c r="IYQ121" s="26"/>
      <c r="IYR121" s="26"/>
      <c r="IYS121" s="26"/>
      <c r="IYT121" s="26"/>
      <c r="IYU121" s="26"/>
      <c r="IYV121" s="26"/>
      <c r="IYW121" s="26"/>
      <c r="IYX121" s="26"/>
      <c r="IYY121" s="26"/>
      <c r="IYZ121" s="26"/>
      <c r="IZA121" s="26"/>
      <c r="IZB121" s="26"/>
      <c r="IZC121" s="26"/>
      <c r="IZD121" s="26"/>
      <c r="IZE121" s="26"/>
      <c r="IZF121" s="26"/>
      <c r="IZG121" s="26"/>
      <c r="IZH121" s="26"/>
      <c r="IZI121" s="26"/>
      <c r="IZJ121" s="26"/>
      <c r="IZK121" s="26"/>
      <c r="IZL121" s="26"/>
      <c r="IZM121" s="26"/>
      <c r="IZN121" s="26"/>
      <c r="IZO121" s="26"/>
      <c r="IZP121" s="26"/>
      <c r="IZQ121" s="26"/>
      <c r="IZR121" s="26"/>
      <c r="IZS121" s="26"/>
      <c r="IZT121" s="26"/>
      <c r="IZU121" s="26"/>
      <c r="IZV121" s="26"/>
      <c r="IZW121" s="26"/>
      <c r="IZX121" s="26"/>
      <c r="IZY121" s="26"/>
      <c r="IZZ121" s="26"/>
      <c r="JAA121" s="26"/>
      <c r="JAB121" s="26"/>
      <c r="JAC121" s="26"/>
      <c r="JAD121" s="26"/>
      <c r="JAE121" s="26"/>
      <c r="JAF121" s="26"/>
      <c r="JAG121" s="26"/>
      <c r="JAH121" s="26"/>
      <c r="JAI121" s="26"/>
      <c r="JAJ121" s="26"/>
      <c r="JAK121" s="26"/>
      <c r="JAL121" s="26"/>
      <c r="JAM121" s="26"/>
      <c r="JAN121" s="26"/>
      <c r="JAO121" s="26"/>
      <c r="JAP121" s="26"/>
      <c r="JAQ121" s="26"/>
      <c r="JAR121" s="26"/>
      <c r="JAS121" s="26"/>
      <c r="JAT121" s="26"/>
      <c r="JAU121" s="26"/>
      <c r="JAV121" s="26"/>
      <c r="JAW121" s="26"/>
      <c r="JAX121" s="26"/>
      <c r="JAY121" s="26"/>
      <c r="JAZ121" s="26"/>
      <c r="JBA121" s="26"/>
      <c r="JBB121" s="26"/>
      <c r="JBC121" s="26"/>
      <c r="JBD121" s="26"/>
      <c r="JBE121" s="26"/>
      <c r="JBF121" s="26"/>
      <c r="JBG121" s="26"/>
      <c r="JBH121" s="26"/>
      <c r="JBI121" s="26"/>
      <c r="JBJ121" s="26"/>
      <c r="JBK121" s="26"/>
      <c r="JBL121" s="26"/>
      <c r="JBM121" s="26"/>
      <c r="JBN121" s="26"/>
      <c r="JBO121" s="26"/>
      <c r="JBP121" s="26"/>
      <c r="JBQ121" s="26"/>
      <c r="JBR121" s="26"/>
      <c r="JBS121" s="26"/>
      <c r="JBT121" s="26"/>
      <c r="JBU121" s="26"/>
      <c r="JBV121" s="26"/>
      <c r="JBW121" s="26"/>
      <c r="JBX121" s="26"/>
      <c r="JBY121" s="26"/>
      <c r="JBZ121" s="26"/>
      <c r="JCA121" s="26"/>
      <c r="JCB121" s="26"/>
      <c r="JCC121" s="26"/>
      <c r="JCD121" s="26"/>
      <c r="JCE121" s="26"/>
      <c r="JCF121" s="26"/>
      <c r="JCG121" s="26"/>
      <c r="JCH121" s="26"/>
      <c r="JCI121" s="26"/>
      <c r="JCJ121" s="26"/>
      <c r="JCK121" s="26"/>
      <c r="JCL121" s="26"/>
      <c r="JCM121" s="26"/>
      <c r="JCN121" s="26"/>
      <c r="JCO121" s="26"/>
      <c r="JCP121" s="26"/>
      <c r="JCQ121" s="26"/>
      <c r="JCR121" s="26"/>
      <c r="JCS121" s="26"/>
      <c r="JCT121" s="26"/>
      <c r="JCU121" s="26"/>
      <c r="JCV121" s="26"/>
      <c r="JCW121" s="26"/>
      <c r="JCX121" s="26"/>
      <c r="JCY121" s="26"/>
      <c r="JCZ121" s="26"/>
      <c r="JDA121" s="26"/>
      <c r="JDB121" s="26"/>
      <c r="JDC121" s="26"/>
      <c r="JDD121" s="26"/>
      <c r="JDE121" s="26"/>
      <c r="JDF121" s="26"/>
      <c r="JDG121" s="26"/>
      <c r="JDH121" s="26"/>
      <c r="JDI121" s="26"/>
      <c r="JDJ121" s="26"/>
      <c r="JDK121" s="26"/>
      <c r="JDL121" s="26"/>
      <c r="JDM121" s="26"/>
      <c r="JDN121" s="26"/>
      <c r="JDO121" s="26"/>
      <c r="JDP121" s="26"/>
      <c r="JDQ121" s="26"/>
      <c r="JDR121" s="26"/>
      <c r="JDS121" s="26"/>
      <c r="JDT121" s="26"/>
      <c r="JDU121" s="26"/>
      <c r="JDV121" s="26"/>
      <c r="JDW121" s="26"/>
      <c r="JDX121" s="26"/>
      <c r="JDY121" s="26"/>
      <c r="JDZ121" s="26"/>
      <c r="JEA121" s="26"/>
      <c r="JEB121" s="26"/>
      <c r="JEC121" s="26"/>
      <c r="JED121" s="26"/>
      <c r="JEE121" s="26"/>
      <c r="JEF121" s="26"/>
      <c r="JEG121" s="26"/>
      <c r="JEH121" s="26"/>
      <c r="JEI121" s="26"/>
      <c r="JEJ121" s="26"/>
      <c r="JEK121" s="26"/>
      <c r="JEL121" s="26"/>
      <c r="JEM121" s="26"/>
      <c r="JEN121" s="26"/>
      <c r="JEO121" s="26"/>
      <c r="JEP121" s="26"/>
      <c r="JEQ121" s="26"/>
      <c r="JER121" s="26"/>
      <c r="JES121" s="26"/>
      <c r="JET121" s="26"/>
      <c r="JEU121" s="26"/>
      <c r="JEV121" s="26"/>
      <c r="JEW121" s="26"/>
      <c r="JEX121" s="26"/>
      <c r="JEY121" s="26"/>
      <c r="JEZ121" s="26"/>
      <c r="JFA121" s="26"/>
      <c r="JFB121" s="26"/>
      <c r="JFC121" s="26"/>
      <c r="JFD121" s="26"/>
      <c r="JFE121" s="26"/>
      <c r="JFF121" s="26"/>
      <c r="JFG121" s="26"/>
      <c r="JFH121" s="26"/>
      <c r="JFI121" s="26"/>
      <c r="JFJ121" s="26"/>
      <c r="JFK121" s="26"/>
      <c r="JFL121" s="26"/>
      <c r="JFM121" s="26"/>
      <c r="JFN121" s="26"/>
      <c r="JFO121" s="26"/>
      <c r="JFP121" s="26"/>
      <c r="JFQ121" s="26"/>
      <c r="JFR121" s="26"/>
      <c r="JFS121" s="26"/>
      <c r="JFT121" s="26"/>
      <c r="JFU121" s="26"/>
      <c r="JFV121" s="26"/>
      <c r="JFW121" s="26"/>
      <c r="JFX121" s="26"/>
      <c r="JFY121" s="26"/>
      <c r="JFZ121" s="26"/>
      <c r="JGA121" s="26"/>
      <c r="JGB121" s="26"/>
      <c r="JGC121" s="26"/>
      <c r="JGD121" s="26"/>
      <c r="JGE121" s="26"/>
      <c r="JGF121" s="26"/>
      <c r="JGG121" s="26"/>
      <c r="JGH121" s="26"/>
      <c r="JGI121" s="26"/>
      <c r="JGJ121" s="26"/>
      <c r="JGK121" s="26"/>
      <c r="JGL121" s="26"/>
      <c r="JGM121" s="26"/>
      <c r="JGN121" s="26"/>
      <c r="JGO121" s="26"/>
      <c r="JGP121" s="26"/>
      <c r="JGQ121" s="26"/>
      <c r="JGR121" s="26"/>
      <c r="JGS121" s="26"/>
      <c r="JGT121" s="26"/>
      <c r="JGU121" s="26"/>
      <c r="JGV121" s="26"/>
      <c r="JGW121" s="26"/>
      <c r="JGX121" s="26"/>
      <c r="JGY121" s="26"/>
      <c r="JGZ121" s="26"/>
      <c r="JHA121" s="26"/>
      <c r="JHB121" s="26"/>
      <c r="JHC121" s="26"/>
      <c r="JHD121" s="26"/>
      <c r="JHE121" s="26"/>
      <c r="JHF121" s="26"/>
      <c r="JHG121" s="26"/>
      <c r="JHH121" s="26"/>
      <c r="JHI121" s="26"/>
      <c r="JHJ121" s="26"/>
      <c r="JHK121" s="26"/>
      <c r="JHL121" s="26"/>
      <c r="JHM121" s="26"/>
      <c r="JHN121" s="26"/>
      <c r="JHO121" s="26"/>
      <c r="JHP121" s="26"/>
      <c r="JHQ121" s="26"/>
      <c r="JHR121" s="26"/>
      <c r="JHS121" s="26"/>
      <c r="JHT121" s="26"/>
      <c r="JHU121" s="26"/>
      <c r="JHV121" s="26"/>
      <c r="JHW121" s="26"/>
      <c r="JHX121" s="26"/>
      <c r="JHY121" s="26"/>
      <c r="JHZ121" s="26"/>
      <c r="JIA121" s="26"/>
      <c r="JIB121" s="26"/>
      <c r="JIC121" s="26"/>
      <c r="JID121" s="26"/>
      <c r="JIE121" s="26"/>
      <c r="JIF121" s="26"/>
      <c r="JIG121" s="26"/>
      <c r="JIH121" s="26"/>
      <c r="JII121" s="26"/>
      <c r="JIJ121" s="26"/>
      <c r="JIK121" s="26"/>
      <c r="JIL121" s="26"/>
      <c r="JIM121" s="26"/>
      <c r="JIN121" s="26"/>
      <c r="JIO121" s="26"/>
      <c r="JIP121" s="26"/>
      <c r="JIQ121" s="26"/>
      <c r="JIR121" s="26"/>
      <c r="JIS121" s="26"/>
      <c r="JIT121" s="26"/>
      <c r="JIU121" s="26"/>
      <c r="JIV121" s="26"/>
      <c r="JIW121" s="26"/>
      <c r="JIX121" s="26"/>
      <c r="JIY121" s="26"/>
      <c r="JIZ121" s="26"/>
      <c r="JJA121" s="26"/>
      <c r="JJB121" s="26"/>
      <c r="JJC121" s="26"/>
      <c r="JJD121" s="26"/>
      <c r="JJE121" s="26"/>
      <c r="JJF121" s="26"/>
      <c r="JJG121" s="26"/>
      <c r="JJH121" s="26"/>
      <c r="JJI121" s="26"/>
      <c r="JJJ121" s="26"/>
      <c r="JJK121" s="26"/>
      <c r="JJL121" s="26"/>
      <c r="JJM121" s="26"/>
      <c r="JJN121" s="26"/>
      <c r="JJO121" s="26"/>
      <c r="JJP121" s="26"/>
      <c r="JJQ121" s="26"/>
      <c r="JJR121" s="26"/>
      <c r="JJS121" s="26"/>
      <c r="JJT121" s="26"/>
      <c r="JJU121" s="26"/>
      <c r="JJV121" s="26"/>
      <c r="JJW121" s="26"/>
      <c r="JJX121" s="26"/>
      <c r="JJY121" s="26"/>
      <c r="JJZ121" s="26"/>
      <c r="JKA121" s="26"/>
      <c r="JKB121" s="26"/>
      <c r="JKC121" s="26"/>
      <c r="JKD121" s="26"/>
      <c r="JKE121" s="26"/>
      <c r="JKF121" s="26"/>
      <c r="JKG121" s="26"/>
      <c r="JKH121" s="26"/>
      <c r="JKI121" s="26"/>
      <c r="JKJ121" s="26"/>
      <c r="JKK121" s="26"/>
      <c r="JKL121" s="26"/>
      <c r="JKM121" s="26"/>
      <c r="JKN121" s="26"/>
      <c r="JKO121" s="26"/>
      <c r="JKP121" s="26"/>
      <c r="JKQ121" s="26"/>
      <c r="JKR121" s="26"/>
      <c r="JKS121" s="26"/>
      <c r="JKT121" s="26"/>
      <c r="JKU121" s="26"/>
      <c r="JKV121" s="26"/>
      <c r="JKW121" s="26"/>
      <c r="JKX121" s="26"/>
      <c r="JKY121" s="26"/>
      <c r="JKZ121" s="26"/>
      <c r="JLA121" s="26"/>
      <c r="JLB121" s="26"/>
      <c r="JLC121" s="26"/>
      <c r="JLD121" s="26"/>
      <c r="JLE121" s="26"/>
      <c r="JLF121" s="26"/>
      <c r="JLG121" s="26"/>
      <c r="JLH121" s="26"/>
      <c r="JLI121" s="26"/>
      <c r="JLJ121" s="26"/>
      <c r="JLK121" s="26"/>
      <c r="JLL121" s="26"/>
      <c r="JLM121" s="26"/>
      <c r="JLN121" s="26"/>
      <c r="JLO121" s="26"/>
      <c r="JLP121" s="26"/>
      <c r="JLQ121" s="26"/>
      <c r="JLR121" s="26"/>
      <c r="JLS121" s="26"/>
      <c r="JLT121" s="26"/>
      <c r="JLU121" s="26"/>
      <c r="JLV121" s="26"/>
      <c r="JLW121" s="26"/>
      <c r="JLX121" s="26"/>
      <c r="JLY121" s="26"/>
      <c r="JLZ121" s="26"/>
      <c r="JMA121" s="26"/>
      <c r="JMB121" s="26"/>
      <c r="JMC121" s="26"/>
      <c r="JMD121" s="26"/>
      <c r="JME121" s="26"/>
      <c r="JMF121" s="26"/>
      <c r="JMG121" s="26"/>
      <c r="JMH121" s="26"/>
      <c r="JMI121" s="26"/>
      <c r="JMJ121" s="26"/>
      <c r="JMK121" s="26"/>
      <c r="JML121" s="26"/>
      <c r="JMM121" s="26"/>
      <c r="JMN121" s="26"/>
      <c r="JMO121" s="26"/>
      <c r="JMP121" s="26"/>
      <c r="JMQ121" s="26"/>
      <c r="JMR121" s="26"/>
      <c r="JMS121" s="26"/>
      <c r="JMT121" s="26"/>
      <c r="JMU121" s="26"/>
      <c r="JMV121" s="26"/>
      <c r="JMW121" s="26"/>
      <c r="JMX121" s="26"/>
      <c r="JMY121" s="26"/>
      <c r="JMZ121" s="26"/>
      <c r="JNA121" s="26"/>
      <c r="JNB121" s="26"/>
      <c r="JNC121" s="26"/>
      <c r="JND121" s="26"/>
      <c r="JNE121" s="26"/>
      <c r="JNF121" s="26"/>
      <c r="JNG121" s="26"/>
      <c r="JNH121" s="26"/>
      <c r="JNI121" s="26"/>
      <c r="JNJ121" s="26"/>
      <c r="JNK121" s="26"/>
      <c r="JNL121" s="26"/>
      <c r="JNM121" s="26"/>
      <c r="JNN121" s="26"/>
      <c r="JNO121" s="26"/>
      <c r="JNP121" s="26"/>
      <c r="JNQ121" s="26"/>
      <c r="JNR121" s="26"/>
      <c r="JNS121" s="26"/>
      <c r="JNT121" s="26"/>
      <c r="JNU121" s="26"/>
      <c r="JNV121" s="26"/>
      <c r="JNW121" s="26"/>
      <c r="JNX121" s="26"/>
      <c r="JNY121" s="26"/>
      <c r="JNZ121" s="26"/>
      <c r="JOA121" s="26"/>
      <c r="JOB121" s="26"/>
      <c r="JOC121" s="26"/>
      <c r="JOD121" s="26"/>
      <c r="JOE121" s="26"/>
      <c r="JOF121" s="26"/>
      <c r="JOG121" s="26"/>
      <c r="JOH121" s="26"/>
      <c r="JOI121" s="26"/>
      <c r="JOJ121" s="26"/>
      <c r="JOK121" s="26"/>
      <c r="JOL121" s="26"/>
      <c r="JOM121" s="26"/>
      <c r="JON121" s="26"/>
      <c r="JOO121" s="26"/>
      <c r="JOP121" s="26"/>
      <c r="JOQ121" s="26"/>
      <c r="JOR121" s="26"/>
      <c r="JOS121" s="26"/>
      <c r="JOT121" s="26"/>
      <c r="JOU121" s="26"/>
      <c r="JOV121" s="26"/>
      <c r="JOW121" s="26"/>
      <c r="JOX121" s="26"/>
      <c r="JOY121" s="26"/>
      <c r="JOZ121" s="26"/>
      <c r="JPA121" s="26"/>
      <c r="JPB121" s="26"/>
      <c r="JPC121" s="26"/>
      <c r="JPD121" s="26"/>
      <c r="JPE121" s="26"/>
      <c r="JPF121" s="26"/>
      <c r="JPG121" s="26"/>
      <c r="JPH121" s="26"/>
      <c r="JPI121" s="26"/>
      <c r="JPJ121" s="26"/>
      <c r="JPK121" s="26"/>
      <c r="JPL121" s="26"/>
      <c r="JPM121" s="26"/>
      <c r="JPN121" s="26"/>
      <c r="JPO121" s="26"/>
      <c r="JPP121" s="26"/>
      <c r="JPQ121" s="26"/>
      <c r="JPR121" s="26"/>
      <c r="JPS121" s="26"/>
      <c r="JPT121" s="26"/>
      <c r="JPU121" s="26"/>
      <c r="JPV121" s="26"/>
      <c r="JPW121" s="26"/>
      <c r="JPX121" s="26"/>
      <c r="JPY121" s="26"/>
      <c r="JPZ121" s="26"/>
      <c r="JQA121" s="26"/>
      <c r="JQB121" s="26"/>
      <c r="JQC121" s="26"/>
      <c r="JQD121" s="26"/>
      <c r="JQE121" s="26"/>
      <c r="JQF121" s="26"/>
      <c r="JQG121" s="26"/>
      <c r="JQH121" s="26"/>
      <c r="JQI121" s="26"/>
      <c r="JQJ121" s="26"/>
      <c r="JQK121" s="26"/>
      <c r="JQL121" s="26"/>
      <c r="JQM121" s="26"/>
      <c r="JQN121" s="26"/>
      <c r="JQO121" s="26"/>
      <c r="JQP121" s="26"/>
      <c r="JQQ121" s="26"/>
      <c r="JQR121" s="26"/>
      <c r="JQS121" s="26"/>
      <c r="JQT121" s="26"/>
      <c r="JQU121" s="26"/>
      <c r="JQV121" s="26"/>
      <c r="JQW121" s="26"/>
      <c r="JQX121" s="26"/>
      <c r="JQY121" s="26"/>
      <c r="JQZ121" s="26"/>
      <c r="JRA121" s="26"/>
      <c r="JRB121" s="26"/>
      <c r="JRC121" s="26"/>
      <c r="JRD121" s="26"/>
      <c r="JRE121" s="26"/>
      <c r="JRF121" s="26"/>
      <c r="JRG121" s="26"/>
      <c r="JRH121" s="26"/>
      <c r="JRI121" s="26"/>
      <c r="JRJ121" s="26"/>
      <c r="JRK121" s="26"/>
      <c r="JRL121" s="26"/>
      <c r="JRM121" s="26"/>
      <c r="JRN121" s="26"/>
      <c r="JRO121" s="26"/>
      <c r="JRP121" s="26"/>
      <c r="JRQ121" s="26"/>
      <c r="JRR121" s="26"/>
      <c r="JRS121" s="26"/>
      <c r="JRT121" s="26"/>
      <c r="JRU121" s="26"/>
      <c r="JRV121" s="26"/>
      <c r="JRW121" s="26"/>
      <c r="JRX121" s="26"/>
      <c r="JRY121" s="26"/>
      <c r="JRZ121" s="26"/>
      <c r="JSA121" s="26"/>
      <c r="JSB121" s="26"/>
      <c r="JSC121" s="26"/>
      <c r="JSD121" s="26"/>
      <c r="JSE121" s="26"/>
      <c r="JSF121" s="26"/>
      <c r="JSG121" s="26"/>
      <c r="JSH121" s="26"/>
      <c r="JSI121" s="26"/>
      <c r="JSJ121" s="26"/>
      <c r="JSK121" s="26"/>
      <c r="JSL121" s="26"/>
      <c r="JSM121" s="26"/>
      <c r="JSN121" s="26"/>
      <c r="JSO121" s="26"/>
      <c r="JSP121" s="26"/>
      <c r="JSQ121" s="26"/>
      <c r="JSR121" s="26"/>
      <c r="JSS121" s="26"/>
      <c r="JST121" s="26"/>
      <c r="JSU121" s="26"/>
      <c r="JSV121" s="26"/>
      <c r="JSW121" s="26"/>
      <c r="JSX121" s="26"/>
      <c r="JSY121" s="26"/>
      <c r="JSZ121" s="26"/>
      <c r="JTA121" s="26"/>
      <c r="JTB121" s="26"/>
      <c r="JTC121" s="26"/>
      <c r="JTD121" s="26"/>
      <c r="JTE121" s="26"/>
      <c r="JTF121" s="26"/>
      <c r="JTG121" s="26"/>
      <c r="JTH121" s="26"/>
      <c r="JTI121" s="26"/>
      <c r="JTJ121" s="26"/>
      <c r="JTK121" s="26"/>
      <c r="JTL121" s="26"/>
      <c r="JTM121" s="26"/>
      <c r="JTN121" s="26"/>
      <c r="JTO121" s="26"/>
      <c r="JTP121" s="26"/>
      <c r="JTQ121" s="26"/>
      <c r="JTR121" s="26"/>
      <c r="JTS121" s="26"/>
      <c r="JTT121" s="26"/>
      <c r="JTU121" s="26"/>
      <c r="JTV121" s="26"/>
      <c r="JTW121" s="26"/>
      <c r="JTX121" s="26"/>
      <c r="JTY121" s="26"/>
      <c r="JTZ121" s="26"/>
      <c r="JUA121" s="26"/>
      <c r="JUB121" s="26"/>
      <c r="JUC121" s="26"/>
      <c r="JUD121" s="26"/>
      <c r="JUE121" s="26"/>
      <c r="JUF121" s="26"/>
      <c r="JUG121" s="26"/>
      <c r="JUH121" s="26"/>
      <c r="JUI121" s="26"/>
      <c r="JUJ121" s="26"/>
      <c r="JUK121" s="26"/>
      <c r="JUL121" s="26"/>
      <c r="JUM121" s="26"/>
      <c r="JUN121" s="26"/>
      <c r="JUO121" s="26"/>
      <c r="JUP121" s="26"/>
      <c r="JUQ121" s="26"/>
      <c r="JUR121" s="26"/>
      <c r="JUS121" s="26"/>
      <c r="JUT121" s="26"/>
      <c r="JUU121" s="26"/>
      <c r="JUV121" s="26"/>
      <c r="JUW121" s="26"/>
      <c r="JUX121" s="26"/>
      <c r="JUY121" s="26"/>
      <c r="JUZ121" s="26"/>
      <c r="JVA121" s="26"/>
      <c r="JVB121" s="26"/>
      <c r="JVC121" s="26"/>
      <c r="JVD121" s="26"/>
      <c r="JVE121" s="26"/>
      <c r="JVF121" s="26"/>
      <c r="JVG121" s="26"/>
      <c r="JVH121" s="26"/>
      <c r="JVI121" s="26"/>
      <c r="JVJ121" s="26"/>
      <c r="JVK121" s="26"/>
      <c r="JVL121" s="26"/>
      <c r="JVM121" s="26"/>
      <c r="JVN121" s="26"/>
      <c r="JVO121" s="26"/>
      <c r="JVP121" s="26"/>
      <c r="JVQ121" s="26"/>
      <c r="JVR121" s="26"/>
      <c r="JVS121" s="26"/>
      <c r="JVT121" s="26"/>
      <c r="JVU121" s="26"/>
      <c r="JVV121" s="26"/>
      <c r="JVW121" s="26"/>
      <c r="JVX121" s="26"/>
      <c r="JVY121" s="26"/>
      <c r="JVZ121" s="26"/>
      <c r="JWA121" s="26"/>
      <c r="JWB121" s="26"/>
      <c r="JWC121" s="26"/>
      <c r="JWD121" s="26"/>
      <c r="JWE121" s="26"/>
      <c r="JWF121" s="26"/>
      <c r="JWG121" s="26"/>
      <c r="JWH121" s="26"/>
      <c r="JWI121" s="26"/>
      <c r="JWJ121" s="26"/>
      <c r="JWK121" s="26"/>
      <c r="JWL121" s="26"/>
      <c r="JWM121" s="26"/>
      <c r="JWN121" s="26"/>
      <c r="JWO121" s="26"/>
      <c r="JWP121" s="26"/>
      <c r="JWQ121" s="26"/>
      <c r="JWR121" s="26"/>
      <c r="JWS121" s="26"/>
      <c r="JWT121" s="26"/>
      <c r="JWU121" s="26"/>
      <c r="JWV121" s="26"/>
      <c r="JWW121" s="26"/>
      <c r="JWX121" s="26"/>
      <c r="JWY121" s="26"/>
      <c r="JWZ121" s="26"/>
      <c r="JXA121" s="26"/>
      <c r="JXB121" s="26"/>
      <c r="JXC121" s="26"/>
      <c r="JXD121" s="26"/>
      <c r="JXE121" s="26"/>
      <c r="JXF121" s="26"/>
      <c r="JXG121" s="26"/>
      <c r="JXH121" s="26"/>
      <c r="JXI121" s="26"/>
      <c r="JXJ121" s="26"/>
      <c r="JXK121" s="26"/>
      <c r="JXL121" s="26"/>
      <c r="JXM121" s="26"/>
      <c r="JXN121" s="26"/>
      <c r="JXO121" s="26"/>
      <c r="JXP121" s="26"/>
      <c r="JXQ121" s="26"/>
      <c r="JXR121" s="26"/>
      <c r="JXS121" s="26"/>
      <c r="JXT121" s="26"/>
      <c r="JXU121" s="26"/>
      <c r="JXV121" s="26"/>
      <c r="JXW121" s="26"/>
      <c r="JXX121" s="26"/>
      <c r="JXY121" s="26"/>
      <c r="JXZ121" s="26"/>
      <c r="JYA121" s="26"/>
      <c r="JYB121" s="26"/>
      <c r="JYC121" s="26"/>
      <c r="JYD121" s="26"/>
      <c r="JYE121" s="26"/>
      <c r="JYF121" s="26"/>
      <c r="JYG121" s="26"/>
      <c r="JYH121" s="26"/>
      <c r="JYI121" s="26"/>
      <c r="JYJ121" s="26"/>
      <c r="JYK121" s="26"/>
      <c r="JYL121" s="26"/>
      <c r="JYM121" s="26"/>
      <c r="JYN121" s="26"/>
      <c r="JYO121" s="26"/>
      <c r="JYP121" s="26"/>
      <c r="JYQ121" s="26"/>
      <c r="JYR121" s="26"/>
      <c r="JYS121" s="26"/>
      <c r="JYT121" s="26"/>
      <c r="JYU121" s="26"/>
      <c r="JYV121" s="26"/>
      <c r="JYW121" s="26"/>
      <c r="JYX121" s="26"/>
      <c r="JYY121" s="26"/>
      <c r="JYZ121" s="26"/>
      <c r="JZA121" s="26"/>
      <c r="JZB121" s="26"/>
      <c r="JZC121" s="26"/>
      <c r="JZD121" s="26"/>
      <c r="JZE121" s="26"/>
      <c r="JZF121" s="26"/>
      <c r="JZG121" s="26"/>
      <c r="JZH121" s="26"/>
      <c r="JZI121" s="26"/>
      <c r="JZJ121" s="26"/>
      <c r="JZK121" s="26"/>
      <c r="JZL121" s="26"/>
      <c r="JZM121" s="26"/>
      <c r="JZN121" s="26"/>
      <c r="JZO121" s="26"/>
      <c r="JZP121" s="26"/>
      <c r="JZQ121" s="26"/>
      <c r="JZR121" s="26"/>
      <c r="JZS121" s="26"/>
      <c r="JZT121" s="26"/>
      <c r="JZU121" s="26"/>
      <c r="JZV121" s="26"/>
      <c r="JZW121" s="26"/>
      <c r="JZX121" s="26"/>
      <c r="JZY121" s="26"/>
      <c r="JZZ121" s="26"/>
      <c r="KAA121" s="26"/>
      <c r="KAB121" s="26"/>
      <c r="KAC121" s="26"/>
      <c r="KAD121" s="26"/>
      <c r="KAE121" s="26"/>
      <c r="KAF121" s="26"/>
      <c r="KAG121" s="26"/>
      <c r="KAH121" s="26"/>
      <c r="KAI121" s="26"/>
      <c r="KAJ121" s="26"/>
      <c r="KAK121" s="26"/>
      <c r="KAL121" s="26"/>
      <c r="KAM121" s="26"/>
      <c r="KAN121" s="26"/>
      <c r="KAO121" s="26"/>
      <c r="KAP121" s="26"/>
      <c r="KAQ121" s="26"/>
      <c r="KAR121" s="26"/>
      <c r="KAS121" s="26"/>
      <c r="KAT121" s="26"/>
      <c r="KAU121" s="26"/>
      <c r="KAV121" s="26"/>
      <c r="KAW121" s="26"/>
      <c r="KAX121" s="26"/>
      <c r="KAY121" s="26"/>
      <c r="KAZ121" s="26"/>
      <c r="KBA121" s="26"/>
      <c r="KBB121" s="26"/>
      <c r="KBC121" s="26"/>
      <c r="KBD121" s="26"/>
      <c r="KBE121" s="26"/>
      <c r="KBF121" s="26"/>
      <c r="KBG121" s="26"/>
      <c r="KBH121" s="26"/>
      <c r="KBI121" s="26"/>
      <c r="KBJ121" s="26"/>
      <c r="KBK121" s="26"/>
      <c r="KBL121" s="26"/>
      <c r="KBM121" s="26"/>
      <c r="KBN121" s="26"/>
      <c r="KBO121" s="26"/>
      <c r="KBP121" s="26"/>
      <c r="KBQ121" s="26"/>
      <c r="KBR121" s="26"/>
      <c r="KBS121" s="26"/>
      <c r="KBT121" s="26"/>
      <c r="KBU121" s="26"/>
      <c r="KBV121" s="26"/>
      <c r="KBW121" s="26"/>
      <c r="KBX121" s="26"/>
      <c r="KBY121" s="26"/>
      <c r="KBZ121" s="26"/>
      <c r="KCA121" s="26"/>
      <c r="KCB121" s="26"/>
      <c r="KCC121" s="26"/>
      <c r="KCD121" s="26"/>
      <c r="KCE121" s="26"/>
      <c r="KCF121" s="26"/>
      <c r="KCG121" s="26"/>
      <c r="KCH121" s="26"/>
      <c r="KCI121" s="26"/>
      <c r="KCJ121" s="26"/>
      <c r="KCK121" s="26"/>
      <c r="KCL121" s="26"/>
      <c r="KCM121" s="26"/>
      <c r="KCN121" s="26"/>
      <c r="KCO121" s="26"/>
      <c r="KCP121" s="26"/>
      <c r="KCQ121" s="26"/>
      <c r="KCR121" s="26"/>
      <c r="KCS121" s="26"/>
      <c r="KCT121" s="26"/>
      <c r="KCU121" s="26"/>
      <c r="KCV121" s="26"/>
      <c r="KCW121" s="26"/>
      <c r="KCX121" s="26"/>
      <c r="KCY121" s="26"/>
      <c r="KCZ121" s="26"/>
      <c r="KDA121" s="26"/>
      <c r="KDB121" s="26"/>
      <c r="KDC121" s="26"/>
      <c r="KDD121" s="26"/>
      <c r="KDE121" s="26"/>
      <c r="KDF121" s="26"/>
      <c r="KDG121" s="26"/>
      <c r="KDH121" s="26"/>
      <c r="KDI121" s="26"/>
      <c r="KDJ121" s="26"/>
      <c r="KDK121" s="26"/>
      <c r="KDL121" s="26"/>
      <c r="KDM121" s="26"/>
      <c r="KDN121" s="26"/>
      <c r="KDO121" s="26"/>
      <c r="KDP121" s="26"/>
      <c r="KDQ121" s="26"/>
      <c r="KDR121" s="26"/>
      <c r="KDS121" s="26"/>
      <c r="KDT121" s="26"/>
      <c r="KDU121" s="26"/>
      <c r="KDV121" s="26"/>
      <c r="KDW121" s="26"/>
      <c r="KDX121" s="26"/>
      <c r="KDY121" s="26"/>
      <c r="KDZ121" s="26"/>
      <c r="KEA121" s="26"/>
      <c r="KEB121" s="26"/>
      <c r="KEC121" s="26"/>
      <c r="KED121" s="26"/>
      <c r="KEE121" s="26"/>
      <c r="KEF121" s="26"/>
      <c r="KEG121" s="26"/>
      <c r="KEH121" s="26"/>
      <c r="KEI121" s="26"/>
      <c r="KEJ121" s="26"/>
      <c r="KEK121" s="26"/>
      <c r="KEL121" s="26"/>
      <c r="KEM121" s="26"/>
      <c r="KEN121" s="26"/>
      <c r="KEO121" s="26"/>
      <c r="KEP121" s="26"/>
      <c r="KEQ121" s="26"/>
      <c r="KER121" s="26"/>
      <c r="KES121" s="26"/>
      <c r="KET121" s="26"/>
      <c r="KEU121" s="26"/>
      <c r="KEV121" s="26"/>
      <c r="KEW121" s="26"/>
      <c r="KEX121" s="26"/>
      <c r="KEY121" s="26"/>
      <c r="KEZ121" s="26"/>
      <c r="KFA121" s="26"/>
      <c r="KFB121" s="26"/>
      <c r="KFC121" s="26"/>
      <c r="KFD121" s="26"/>
      <c r="KFE121" s="26"/>
      <c r="KFF121" s="26"/>
      <c r="KFG121" s="26"/>
      <c r="KFH121" s="26"/>
      <c r="KFI121" s="26"/>
      <c r="KFJ121" s="26"/>
      <c r="KFK121" s="26"/>
      <c r="KFL121" s="26"/>
      <c r="KFM121" s="26"/>
      <c r="KFN121" s="26"/>
      <c r="KFO121" s="26"/>
      <c r="KFP121" s="26"/>
      <c r="KFQ121" s="26"/>
      <c r="KFR121" s="26"/>
      <c r="KFS121" s="26"/>
      <c r="KFT121" s="26"/>
      <c r="KFU121" s="26"/>
      <c r="KFV121" s="26"/>
      <c r="KFW121" s="26"/>
      <c r="KFX121" s="26"/>
      <c r="KFY121" s="26"/>
      <c r="KFZ121" s="26"/>
      <c r="KGA121" s="26"/>
      <c r="KGB121" s="26"/>
      <c r="KGC121" s="26"/>
      <c r="KGD121" s="26"/>
      <c r="KGE121" s="26"/>
      <c r="KGF121" s="26"/>
      <c r="KGG121" s="26"/>
      <c r="KGH121" s="26"/>
      <c r="KGI121" s="26"/>
      <c r="KGJ121" s="26"/>
      <c r="KGK121" s="26"/>
      <c r="KGL121" s="26"/>
      <c r="KGM121" s="26"/>
      <c r="KGN121" s="26"/>
      <c r="KGO121" s="26"/>
      <c r="KGP121" s="26"/>
      <c r="KGQ121" s="26"/>
      <c r="KGR121" s="26"/>
      <c r="KGS121" s="26"/>
      <c r="KGT121" s="26"/>
      <c r="KGU121" s="26"/>
      <c r="KGV121" s="26"/>
      <c r="KGW121" s="26"/>
      <c r="KGX121" s="26"/>
      <c r="KGY121" s="26"/>
      <c r="KGZ121" s="26"/>
      <c r="KHA121" s="26"/>
      <c r="KHB121" s="26"/>
      <c r="KHC121" s="26"/>
      <c r="KHD121" s="26"/>
      <c r="KHE121" s="26"/>
      <c r="KHF121" s="26"/>
      <c r="KHG121" s="26"/>
      <c r="KHH121" s="26"/>
      <c r="KHI121" s="26"/>
      <c r="KHJ121" s="26"/>
      <c r="KHK121" s="26"/>
      <c r="KHL121" s="26"/>
      <c r="KHM121" s="26"/>
      <c r="KHN121" s="26"/>
      <c r="KHO121" s="26"/>
      <c r="KHP121" s="26"/>
      <c r="KHQ121" s="26"/>
      <c r="KHR121" s="26"/>
      <c r="KHS121" s="26"/>
      <c r="KHT121" s="26"/>
      <c r="KHU121" s="26"/>
      <c r="KHV121" s="26"/>
      <c r="KHW121" s="26"/>
      <c r="KHX121" s="26"/>
      <c r="KHY121" s="26"/>
      <c r="KHZ121" s="26"/>
      <c r="KIA121" s="26"/>
      <c r="KIB121" s="26"/>
      <c r="KIC121" s="26"/>
      <c r="KID121" s="26"/>
      <c r="KIE121" s="26"/>
      <c r="KIF121" s="26"/>
      <c r="KIG121" s="26"/>
      <c r="KIH121" s="26"/>
      <c r="KII121" s="26"/>
      <c r="KIJ121" s="26"/>
      <c r="KIK121" s="26"/>
      <c r="KIL121" s="26"/>
      <c r="KIM121" s="26"/>
      <c r="KIN121" s="26"/>
      <c r="KIO121" s="26"/>
      <c r="KIP121" s="26"/>
      <c r="KIQ121" s="26"/>
      <c r="KIR121" s="26"/>
      <c r="KIS121" s="26"/>
      <c r="KIT121" s="26"/>
      <c r="KIU121" s="26"/>
      <c r="KIV121" s="26"/>
      <c r="KIW121" s="26"/>
      <c r="KIX121" s="26"/>
      <c r="KIY121" s="26"/>
      <c r="KIZ121" s="26"/>
      <c r="KJA121" s="26"/>
      <c r="KJB121" s="26"/>
      <c r="KJC121" s="26"/>
      <c r="KJD121" s="26"/>
      <c r="KJE121" s="26"/>
      <c r="KJF121" s="26"/>
      <c r="KJG121" s="26"/>
      <c r="KJH121" s="26"/>
      <c r="KJI121" s="26"/>
      <c r="KJJ121" s="26"/>
      <c r="KJK121" s="26"/>
      <c r="KJL121" s="26"/>
      <c r="KJM121" s="26"/>
      <c r="KJN121" s="26"/>
      <c r="KJO121" s="26"/>
      <c r="KJP121" s="26"/>
      <c r="KJQ121" s="26"/>
      <c r="KJR121" s="26"/>
      <c r="KJS121" s="26"/>
      <c r="KJT121" s="26"/>
      <c r="KJU121" s="26"/>
      <c r="KJV121" s="26"/>
      <c r="KJW121" s="26"/>
      <c r="KJX121" s="26"/>
      <c r="KJY121" s="26"/>
      <c r="KJZ121" s="26"/>
      <c r="KKA121" s="26"/>
      <c r="KKB121" s="26"/>
      <c r="KKC121" s="26"/>
      <c r="KKD121" s="26"/>
      <c r="KKE121" s="26"/>
      <c r="KKF121" s="26"/>
      <c r="KKG121" s="26"/>
      <c r="KKH121" s="26"/>
      <c r="KKI121" s="26"/>
      <c r="KKJ121" s="26"/>
      <c r="KKK121" s="26"/>
      <c r="KKL121" s="26"/>
      <c r="KKM121" s="26"/>
      <c r="KKN121" s="26"/>
      <c r="KKO121" s="26"/>
      <c r="KKP121" s="26"/>
      <c r="KKQ121" s="26"/>
      <c r="KKR121" s="26"/>
      <c r="KKS121" s="26"/>
      <c r="KKT121" s="26"/>
      <c r="KKU121" s="26"/>
      <c r="KKV121" s="26"/>
      <c r="KKW121" s="26"/>
      <c r="KKX121" s="26"/>
      <c r="KKY121" s="26"/>
      <c r="KKZ121" s="26"/>
      <c r="KLA121" s="26"/>
      <c r="KLB121" s="26"/>
      <c r="KLC121" s="26"/>
      <c r="KLD121" s="26"/>
      <c r="KLE121" s="26"/>
      <c r="KLF121" s="26"/>
      <c r="KLG121" s="26"/>
      <c r="KLH121" s="26"/>
      <c r="KLI121" s="26"/>
      <c r="KLJ121" s="26"/>
      <c r="KLK121" s="26"/>
      <c r="KLL121" s="26"/>
      <c r="KLM121" s="26"/>
      <c r="KLN121" s="26"/>
      <c r="KLO121" s="26"/>
      <c r="KLP121" s="26"/>
      <c r="KLQ121" s="26"/>
      <c r="KLR121" s="26"/>
      <c r="KLS121" s="26"/>
      <c r="KLT121" s="26"/>
      <c r="KLU121" s="26"/>
      <c r="KLV121" s="26"/>
      <c r="KLW121" s="26"/>
      <c r="KLX121" s="26"/>
      <c r="KLY121" s="26"/>
      <c r="KLZ121" s="26"/>
      <c r="KMA121" s="26"/>
      <c r="KMB121" s="26"/>
      <c r="KMC121" s="26"/>
      <c r="KMD121" s="26"/>
      <c r="KME121" s="26"/>
      <c r="KMF121" s="26"/>
      <c r="KMG121" s="26"/>
      <c r="KMH121" s="26"/>
      <c r="KMI121" s="26"/>
      <c r="KMJ121" s="26"/>
      <c r="KMK121" s="26"/>
      <c r="KML121" s="26"/>
      <c r="KMM121" s="26"/>
      <c r="KMN121" s="26"/>
      <c r="KMO121" s="26"/>
      <c r="KMP121" s="26"/>
      <c r="KMQ121" s="26"/>
      <c r="KMR121" s="26"/>
      <c r="KMS121" s="26"/>
      <c r="KMT121" s="26"/>
      <c r="KMU121" s="26"/>
      <c r="KMV121" s="26"/>
      <c r="KMW121" s="26"/>
      <c r="KMX121" s="26"/>
      <c r="KMY121" s="26"/>
      <c r="KMZ121" s="26"/>
      <c r="KNA121" s="26"/>
      <c r="KNB121" s="26"/>
      <c r="KNC121" s="26"/>
      <c r="KND121" s="26"/>
      <c r="KNE121" s="26"/>
      <c r="KNF121" s="26"/>
      <c r="KNG121" s="26"/>
      <c r="KNH121" s="26"/>
      <c r="KNI121" s="26"/>
      <c r="KNJ121" s="26"/>
      <c r="KNK121" s="26"/>
      <c r="KNL121" s="26"/>
      <c r="KNM121" s="26"/>
      <c r="KNN121" s="26"/>
      <c r="KNO121" s="26"/>
      <c r="KNP121" s="26"/>
      <c r="KNQ121" s="26"/>
      <c r="KNR121" s="26"/>
      <c r="KNS121" s="26"/>
      <c r="KNT121" s="26"/>
      <c r="KNU121" s="26"/>
      <c r="KNV121" s="26"/>
      <c r="KNW121" s="26"/>
      <c r="KNX121" s="26"/>
      <c r="KNY121" s="26"/>
      <c r="KNZ121" s="26"/>
      <c r="KOA121" s="26"/>
      <c r="KOB121" s="26"/>
      <c r="KOC121" s="26"/>
      <c r="KOD121" s="26"/>
      <c r="KOE121" s="26"/>
      <c r="KOF121" s="26"/>
      <c r="KOG121" s="26"/>
      <c r="KOH121" s="26"/>
      <c r="KOI121" s="26"/>
      <c r="KOJ121" s="26"/>
      <c r="KOK121" s="26"/>
      <c r="KOL121" s="26"/>
      <c r="KOM121" s="26"/>
      <c r="KON121" s="26"/>
      <c r="KOO121" s="26"/>
      <c r="KOP121" s="26"/>
      <c r="KOQ121" s="26"/>
      <c r="KOR121" s="26"/>
      <c r="KOS121" s="26"/>
      <c r="KOT121" s="26"/>
      <c r="KOU121" s="26"/>
      <c r="KOV121" s="26"/>
      <c r="KOW121" s="26"/>
      <c r="KOX121" s="26"/>
      <c r="KOY121" s="26"/>
      <c r="KOZ121" s="26"/>
      <c r="KPA121" s="26"/>
      <c r="KPB121" s="26"/>
      <c r="KPC121" s="26"/>
      <c r="KPD121" s="26"/>
      <c r="KPE121" s="26"/>
      <c r="KPF121" s="26"/>
      <c r="KPG121" s="26"/>
      <c r="KPH121" s="26"/>
      <c r="KPI121" s="26"/>
      <c r="KPJ121" s="26"/>
      <c r="KPK121" s="26"/>
      <c r="KPL121" s="26"/>
      <c r="KPM121" s="26"/>
      <c r="KPN121" s="26"/>
      <c r="KPO121" s="26"/>
      <c r="KPP121" s="26"/>
      <c r="KPQ121" s="26"/>
      <c r="KPR121" s="26"/>
      <c r="KPS121" s="26"/>
      <c r="KPT121" s="26"/>
      <c r="KPU121" s="26"/>
      <c r="KPV121" s="26"/>
      <c r="KPW121" s="26"/>
      <c r="KPX121" s="26"/>
      <c r="KPY121" s="26"/>
      <c r="KPZ121" s="26"/>
      <c r="KQA121" s="26"/>
      <c r="KQB121" s="26"/>
      <c r="KQC121" s="26"/>
      <c r="KQD121" s="26"/>
      <c r="KQE121" s="26"/>
      <c r="KQF121" s="26"/>
      <c r="KQG121" s="26"/>
      <c r="KQH121" s="26"/>
      <c r="KQI121" s="26"/>
      <c r="KQJ121" s="26"/>
      <c r="KQK121" s="26"/>
      <c r="KQL121" s="26"/>
      <c r="KQM121" s="26"/>
      <c r="KQN121" s="26"/>
      <c r="KQO121" s="26"/>
      <c r="KQP121" s="26"/>
      <c r="KQQ121" s="26"/>
      <c r="KQR121" s="26"/>
      <c r="KQS121" s="26"/>
      <c r="KQT121" s="26"/>
      <c r="KQU121" s="26"/>
      <c r="KQV121" s="26"/>
      <c r="KQW121" s="26"/>
      <c r="KQX121" s="26"/>
      <c r="KQY121" s="26"/>
      <c r="KQZ121" s="26"/>
      <c r="KRA121" s="26"/>
      <c r="KRB121" s="26"/>
      <c r="KRC121" s="26"/>
      <c r="KRD121" s="26"/>
      <c r="KRE121" s="26"/>
      <c r="KRF121" s="26"/>
      <c r="KRG121" s="26"/>
      <c r="KRH121" s="26"/>
      <c r="KRI121" s="26"/>
      <c r="KRJ121" s="26"/>
      <c r="KRK121" s="26"/>
      <c r="KRL121" s="26"/>
      <c r="KRM121" s="26"/>
      <c r="KRN121" s="26"/>
      <c r="KRO121" s="26"/>
      <c r="KRP121" s="26"/>
      <c r="KRQ121" s="26"/>
      <c r="KRR121" s="26"/>
      <c r="KRS121" s="26"/>
      <c r="KRT121" s="26"/>
      <c r="KRU121" s="26"/>
      <c r="KRV121" s="26"/>
      <c r="KRW121" s="26"/>
      <c r="KRX121" s="26"/>
      <c r="KRY121" s="26"/>
      <c r="KRZ121" s="26"/>
      <c r="KSA121" s="26"/>
      <c r="KSB121" s="26"/>
      <c r="KSC121" s="26"/>
      <c r="KSD121" s="26"/>
      <c r="KSE121" s="26"/>
      <c r="KSF121" s="26"/>
      <c r="KSG121" s="26"/>
      <c r="KSH121" s="26"/>
      <c r="KSI121" s="26"/>
      <c r="KSJ121" s="26"/>
      <c r="KSK121" s="26"/>
      <c r="KSL121" s="26"/>
      <c r="KSM121" s="26"/>
      <c r="KSN121" s="26"/>
      <c r="KSO121" s="26"/>
      <c r="KSP121" s="26"/>
      <c r="KSQ121" s="26"/>
      <c r="KSR121" s="26"/>
      <c r="KSS121" s="26"/>
      <c r="KST121" s="26"/>
      <c r="KSU121" s="26"/>
      <c r="KSV121" s="26"/>
      <c r="KSW121" s="26"/>
      <c r="KSX121" s="26"/>
      <c r="KSY121" s="26"/>
      <c r="KSZ121" s="26"/>
      <c r="KTA121" s="26"/>
      <c r="KTB121" s="26"/>
      <c r="KTC121" s="26"/>
      <c r="KTD121" s="26"/>
      <c r="KTE121" s="26"/>
      <c r="KTF121" s="26"/>
      <c r="KTG121" s="26"/>
      <c r="KTH121" s="26"/>
      <c r="KTI121" s="26"/>
      <c r="KTJ121" s="26"/>
      <c r="KTK121" s="26"/>
      <c r="KTL121" s="26"/>
      <c r="KTM121" s="26"/>
      <c r="KTN121" s="26"/>
      <c r="KTO121" s="26"/>
      <c r="KTP121" s="26"/>
      <c r="KTQ121" s="26"/>
      <c r="KTR121" s="26"/>
      <c r="KTS121" s="26"/>
      <c r="KTT121" s="26"/>
      <c r="KTU121" s="26"/>
      <c r="KTV121" s="26"/>
      <c r="KTW121" s="26"/>
      <c r="KTX121" s="26"/>
      <c r="KTY121" s="26"/>
      <c r="KTZ121" s="26"/>
      <c r="KUA121" s="26"/>
      <c r="KUB121" s="26"/>
      <c r="KUC121" s="26"/>
      <c r="KUD121" s="26"/>
      <c r="KUE121" s="26"/>
      <c r="KUF121" s="26"/>
      <c r="KUG121" s="26"/>
      <c r="KUH121" s="26"/>
      <c r="KUI121" s="26"/>
      <c r="KUJ121" s="26"/>
      <c r="KUK121" s="26"/>
      <c r="KUL121" s="26"/>
      <c r="KUM121" s="26"/>
      <c r="KUN121" s="26"/>
      <c r="KUO121" s="26"/>
      <c r="KUP121" s="26"/>
      <c r="KUQ121" s="26"/>
      <c r="KUR121" s="26"/>
      <c r="KUS121" s="26"/>
      <c r="KUT121" s="26"/>
      <c r="KUU121" s="26"/>
      <c r="KUV121" s="26"/>
      <c r="KUW121" s="26"/>
      <c r="KUX121" s="26"/>
      <c r="KUY121" s="26"/>
      <c r="KUZ121" s="26"/>
      <c r="KVA121" s="26"/>
      <c r="KVB121" s="26"/>
      <c r="KVC121" s="26"/>
      <c r="KVD121" s="26"/>
      <c r="KVE121" s="26"/>
      <c r="KVF121" s="26"/>
      <c r="KVG121" s="26"/>
      <c r="KVH121" s="26"/>
      <c r="KVI121" s="26"/>
      <c r="KVJ121" s="26"/>
      <c r="KVK121" s="26"/>
      <c r="KVL121" s="26"/>
      <c r="KVM121" s="26"/>
      <c r="KVN121" s="26"/>
      <c r="KVO121" s="26"/>
      <c r="KVP121" s="26"/>
      <c r="KVQ121" s="26"/>
      <c r="KVR121" s="26"/>
      <c r="KVS121" s="26"/>
      <c r="KVT121" s="26"/>
      <c r="KVU121" s="26"/>
      <c r="KVV121" s="26"/>
      <c r="KVW121" s="26"/>
      <c r="KVX121" s="26"/>
      <c r="KVY121" s="26"/>
      <c r="KVZ121" s="26"/>
      <c r="KWA121" s="26"/>
      <c r="KWB121" s="26"/>
      <c r="KWC121" s="26"/>
      <c r="KWD121" s="26"/>
      <c r="KWE121" s="26"/>
      <c r="KWF121" s="26"/>
      <c r="KWG121" s="26"/>
      <c r="KWH121" s="26"/>
      <c r="KWI121" s="26"/>
      <c r="KWJ121" s="26"/>
      <c r="KWK121" s="26"/>
      <c r="KWL121" s="26"/>
      <c r="KWM121" s="26"/>
      <c r="KWN121" s="26"/>
      <c r="KWO121" s="26"/>
      <c r="KWP121" s="26"/>
      <c r="KWQ121" s="26"/>
      <c r="KWR121" s="26"/>
      <c r="KWS121" s="26"/>
      <c r="KWT121" s="26"/>
      <c r="KWU121" s="26"/>
      <c r="KWV121" s="26"/>
      <c r="KWW121" s="26"/>
      <c r="KWX121" s="26"/>
      <c r="KWY121" s="26"/>
      <c r="KWZ121" s="26"/>
      <c r="KXA121" s="26"/>
      <c r="KXB121" s="26"/>
      <c r="KXC121" s="26"/>
      <c r="KXD121" s="26"/>
      <c r="KXE121" s="26"/>
      <c r="KXF121" s="26"/>
      <c r="KXG121" s="26"/>
      <c r="KXH121" s="26"/>
      <c r="KXI121" s="26"/>
      <c r="KXJ121" s="26"/>
      <c r="KXK121" s="26"/>
      <c r="KXL121" s="26"/>
      <c r="KXM121" s="26"/>
      <c r="KXN121" s="26"/>
      <c r="KXO121" s="26"/>
      <c r="KXP121" s="26"/>
      <c r="KXQ121" s="26"/>
      <c r="KXR121" s="26"/>
      <c r="KXS121" s="26"/>
      <c r="KXT121" s="26"/>
      <c r="KXU121" s="26"/>
      <c r="KXV121" s="26"/>
      <c r="KXW121" s="26"/>
      <c r="KXX121" s="26"/>
      <c r="KXY121" s="26"/>
      <c r="KXZ121" s="26"/>
      <c r="KYA121" s="26"/>
      <c r="KYB121" s="26"/>
      <c r="KYC121" s="26"/>
      <c r="KYD121" s="26"/>
      <c r="KYE121" s="26"/>
      <c r="KYF121" s="26"/>
      <c r="KYG121" s="26"/>
      <c r="KYH121" s="26"/>
      <c r="KYI121" s="26"/>
      <c r="KYJ121" s="26"/>
      <c r="KYK121" s="26"/>
      <c r="KYL121" s="26"/>
      <c r="KYM121" s="26"/>
      <c r="KYN121" s="26"/>
      <c r="KYO121" s="26"/>
      <c r="KYP121" s="26"/>
      <c r="KYQ121" s="26"/>
      <c r="KYR121" s="26"/>
      <c r="KYS121" s="26"/>
      <c r="KYT121" s="26"/>
      <c r="KYU121" s="26"/>
      <c r="KYV121" s="26"/>
      <c r="KYW121" s="26"/>
      <c r="KYX121" s="26"/>
      <c r="KYY121" s="26"/>
      <c r="KYZ121" s="26"/>
      <c r="KZA121" s="26"/>
      <c r="KZB121" s="26"/>
      <c r="KZC121" s="26"/>
      <c r="KZD121" s="26"/>
      <c r="KZE121" s="26"/>
      <c r="KZF121" s="26"/>
      <c r="KZG121" s="26"/>
      <c r="KZH121" s="26"/>
      <c r="KZI121" s="26"/>
      <c r="KZJ121" s="26"/>
      <c r="KZK121" s="26"/>
      <c r="KZL121" s="26"/>
      <c r="KZM121" s="26"/>
      <c r="KZN121" s="26"/>
      <c r="KZO121" s="26"/>
      <c r="KZP121" s="26"/>
      <c r="KZQ121" s="26"/>
      <c r="KZR121" s="26"/>
      <c r="KZS121" s="26"/>
      <c r="KZT121" s="26"/>
      <c r="KZU121" s="26"/>
      <c r="KZV121" s="26"/>
      <c r="KZW121" s="26"/>
      <c r="KZX121" s="26"/>
      <c r="KZY121" s="26"/>
      <c r="KZZ121" s="26"/>
      <c r="LAA121" s="26"/>
      <c r="LAB121" s="26"/>
      <c r="LAC121" s="26"/>
      <c r="LAD121" s="26"/>
      <c r="LAE121" s="26"/>
      <c r="LAF121" s="26"/>
      <c r="LAG121" s="26"/>
      <c r="LAH121" s="26"/>
      <c r="LAI121" s="26"/>
      <c r="LAJ121" s="26"/>
      <c r="LAK121" s="26"/>
      <c r="LAL121" s="26"/>
      <c r="LAM121" s="26"/>
      <c r="LAN121" s="26"/>
      <c r="LAO121" s="26"/>
      <c r="LAP121" s="26"/>
      <c r="LAQ121" s="26"/>
      <c r="LAR121" s="26"/>
      <c r="LAS121" s="26"/>
      <c r="LAT121" s="26"/>
      <c r="LAU121" s="26"/>
      <c r="LAV121" s="26"/>
      <c r="LAW121" s="26"/>
      <c r="LAX121" s="26"/>
      <c r="LAY121" s="26"/>
      <c r="LAZ121" s="26"/>
      <c r="LBA121" s="26"/>
      <c r="LBB121" s="26"/>
      <c r="LBC121" s="26"/>
      <c r="LBD121" s="26"/>
      <c r="LBE121" s="26"/>
      <c r="LBF121" s="26"/>
      <c r="LBG121" s="26"/>
      <c r="LBH121" s="26"/>
      <c r="LBI121" s="26"/>
      <c r="LBJ121" s="26"/>
      <c r="LBK121" s="26"/>
      <c r="LBL121" s="26"/>
      <c r="LBM121" s="26"/>
      <c r="LBN121" s="26"/>
      <c r="LBO121" s="26"/>
      <c r="LBP121" s="26"/>
      <c r="LBQ121" s="26"/>
      <c r="LBR121" s="26"/>
      <c r="LBS121" s="26"/>
      <c r="LBT121" s="26"/>
      <c r="LBU121" s="26"/>
      <c r="LBV121" s="26"/>
      <c r="LBW121" s="26"/>
      <c r="LBX121" s="26"/>
      <c r="LBY121" s="26"/>
      <c r="LBZ121" s="26"/>
      <c r="LCA121" s="26"/>
      <c r="LCB121" s="26"/>
      <c r="LCC121" s="26"/>
      <c r="LCD121" s="26"/>
      <c r="LCE121" s="26"/>
      <c r="LCF121" s="26"/>
      <c r="LCG121" s="26"/>
      <c r="LCH121" s="26"/>
      <c r="LCI121" s="26"/>
      <c r="LCJ121" s="26"/>
      <c r="LCK121" s="26"/>
      <c r="LCL121" s="26"/>
      <c r="LCM121" s="26"/>
      <c r="LCN121" s="26"/>
      <c r="LCO121" s="26"/>
      <c r="LCP121" s="26"/>
      <c r="LCQ121" s="26"/>
      <c r="LCR121" s="26"/>
      <c r="LCS121" s="26"/>
      <c r="LCT121" s="26"/>
      <c r="LCU121" s="26"/>
      <c r="LCV121" s="26"/>
      <c r="LCW121" s="26"/>
      <c r="LCX121" s="26"/>
      <c r="LCY121" s="26"/>
      <c r="LCZ121" s="26"/>
      <c r="LDA121" s="26"/>
      <c r="LDB121" s="26"/>
      <c r="LDC121" s="26"/>
      <c r="LDD121" s="26"/>
      <c r="LDE121" s="26"/>
      <c r="LDF121" s="26"/>
      <c r="LDG121" s="26"/>
      <c r="LDH121" s="26"/>
      <c r="LDI121" s="26"/>
      <c r="LDJ121" s="26"/>
      <c r="LDK121" s="26"/>
      <c r="LDL121" s="26"/>
      <c r="LDM121" s="26"/>
      <c r="LDN121" s="26"/>
      <c r="LDO121" s="26"/>
      <c r="LDP121" s="26"/>
      <c r="LDQ121" s="26"/>
      <c r="LDR121" s="26"/>
      <c r="LDS121" s="26"/>
      <c r="LDT121" s="26"/>
      <c r="LDU121" s="26"/>
      <c r="LDV121" s="26"/>
      <c r="LDW121" s="26"/>
      <c r="LDX121" s="26"/>
      <c r="LDY121" s="26"/>
      <c r="LDZ121" s="26"/>
      <c r="LEA121" s="26"/>
      <c r="LEB121" s="26"/>
      <c r="LEC121" s="26"/>
      <c r="LED121" s="26"/>
      <c r="LEE121" s="26"/>
      <c r="LEF121" s="26"/>
      <c r="LEG121" s="26"/>
      <c r="LEH121" s="26"/>
      <c r="LEI121" s="26"/>
      <c r="LEJ121" s="26"/>
      <c r="LEK121" s="26"/>
      <c r="LEL121" s="26"/>
      <c r="LEM121" s="26"/>
      <c r="LEN121" s="26"/>
      <c r="LEO121" s="26"/>
      <c r="LEP121" s="26"/>
      <c r="LEQ121" s="26"/>
      <c r="LER121" s="26"/>
      <c r="LES121" s="26"/>
      <c r="LET121" s="26"/>
      <c r="LEU121" s="26"/>
      <c r="LEV121" s="26"/>
      <c r="LEW121" s="26"/>
      <c r="LEX121" s="26"/>
      <c r="LEY121" s="26"/>
      <c r="LEZ121" s="26"/>
      <c r="LFA121" s="26"/>
      <c r="LFB121" s="26"/>
      <c r="LFC121" s="26"/>
      <c r="LFD121" s="26"/>
      <c r="LFE121" s="26"/>
      <c r="LFF121" s="26"/>
      <c r="LFG121" s="26"/>
      <c r="LFH121" s="26"/>
      <c r="LFI121" s="26"/>
      <c r="LFJ121" s="26"/>
      <c r="LFK121" s="26"/>
      <c r="LFL121" s="26"/>
      <c r="LFM121" s="26"/>
      <c r="LFN121" s="26"/>
      <c r="LFO121" s="26"/>
      <c r="LFP121" s="26"/>
      <c r="LFQ121" s="26"/>
      <c r="LFR121" s="26"/>
      <c r="LFS121" s="26"/>
      <c r="LFT121" s="26"/>
      <c r="LFU121" s="26"/>
      <c r="LFV121" s="26"/>
      <c r="LFW121" s="26"/>
      <c r="LFX121" s="26"/>
      <c r="LFY121" s="26"/>
      <c r="LFZ121" s="26"/>
      <c r="LGA121" s="26"/>
      <c r="LGB121" s="26"/>
      <c r="LGC121" s="26"/>
      <c r="LGD121" s="26"/>
      <c r="LGE121" s="26"/>
      <c r="LGF121" s="26"/>
      <c r="LGG121" s="26"/>
      <c r="LGH121" s="26"/>
      <c r="LGI121" s="26"/>
      <c r="LGJ121" s="26"/>
      <c r="LGK121" s="26"/>
      <c r="LGL121" s="26"/>
      <c r="LGM121" s="26"/>
      <c r="LGN121" s="26"/>
      <c r="LGO121" s="26"/>
      <c r="LGP121" s="26"/>
      <c r="LGQ121" s="26"/>
      <c r="LGR121" s="26"/>
      <c r="LGS121" s="26"/>
      <c r="LGT121" s="26"/>
      <c r="LGU121" s="26"/>
      <c r="LGV121" s="26"/>
      <c r="LGW121" s="26"/>
      <c r="LGX121" s="26"/>
      <c r="LGY121" s="26"/>
      <c r="LGZ121" s="26"/>
      <c r="LHA121" s="26"/>
      <c r="LHB121" s="26"/>
      <c r="LHC121" s="26"/>
      <c r="LHD121" s="26"/>
      <c r="LHE121" s="26"/>
      <c r="LHF121" s="26"/>
      <c r="LHG121" s="26"/>
      <c r="LHH121" s="26"/>
      <c r="LHI121" s="26"/>
      <c r="LHJ121" s="26"/>
      <c r="LHK121" s="26"/>
      <c r="LHL121" s="26"/>
      <c r="LHM121" s="26"/>
      <c r="LHN121" s="26"/>
      <c r="LHO121" s="26"/>
      <c r="LHP121" s="26"/>
      <c r="LHQ121" s="26"/>
      <c r="LHR121" s="26"/>
      <c r="LHS121" s="26"/>
      <c r="LHT121" s="26"/>
      <c r="LHU121" s="26"/>
      <c r="LHV121" s="26"/>
      <c r="LHW121" s="26"/>
      <c r="LHX121" s="26"/>
      <c r="LHY121" s="26"/>
      <c r="LHZ121" s="26"/>
      <c r="LIA121" s="26"/>
      <c r="LIB121" s="26"/>
      <c r="LIC121" s="26"/>
      <c r="LID121" s="26"/>
      <c r="LIE121" s="26"/>
      <c r="LIF121" s="26"/>
      <c r="LIG121" s="26"/>
      <c r="LIH121" s="26"/>
      <c r="LII121" s="26"/>
      <c r="LIJ121" s="26"/>
      <c r="LIK121" s="26"/>
      <c r="LIL121" s="26"/>
      <c r="LIM121" s="26"/>
      <c r="LIN121" s="26"/>
      <c r="LIO121" s="26"/>
      <c r="LIP121" s="26"/>
      <c r="LIQ121" s="26"/>
      <c r="LIR121" s="26"/>
      <c r="LIS121" s="26"/>
      <c r="LIT121" s="26"/>
      <c r="LIU121" s="26"/>
      <c r="LIV121" s="26"/>
      <c r="LIW121" s="26"/>
      <c r="LIX121" s="26"/>
      <c r="LIY121" s="26"/>
      <c r="LIZ121" s="26"/>
      <c r="LJA121" s="26"/>
      <c r="LJB121" s="26"/>
      <c r="LJC121" s="26"/>
      <c r="LJD121" s="26"/>
      <c r="LJE121" s="26"/>
      <c r="LJF121" s="26"/>
      <c r="LJG121" s="26"/>
      <c r="LJH121" s="26"/>
      <c r="LJI121" s="26"/>
      <c r="LJJ121" s="26"/>
      <c r="LJK121" s="26"/>
      <c r="LJL121" s="26"/>
      <c r="LJM121" s="26"/>
      <c r="LJN121" s="26"/>
      <c r="LJO121" s="26"/>
      <c r="LJP121" s="26"/>
      <c r="LJQ121" s="26"/>
      <c r="LJR121" s="26"/>
      <c r="LJS121" s="26"/>
      <c r="LJT121" s="26"/>
      <c r="LJU121" s="26"/>
      <c r="LJV121" s="26"/>
      <c r="LJW121" s="26"/>
      <c r="LJX121" s="26"/>
      <c r="LJY121" s="26"/>
      <c r="LJZ121" s="26"/>
      <c r="LKA121" s="26"/>
      <c r="LKB121" s="26"/>
      <c r="LKC121" s="26"/>
      <c r="LKD121" s="26"/>
      <c r="LKE121" s="26"/>
      <c r="LKF121" s="26"/>
      <c r="LKG121" s="26"/>
      <c r="LKH121" s="26"/>
      <c r="LKI121" s="26"/>
      <c r="LKJ121" s="26"/>
      <c r="LKK121" s="26"/>
      <c r="LKL121" s="26"/>
      <c r="LKM121" s="26"/>
      <c r="LKN121" s="26"/>
      <c r="LKO121" s="26"/>
      <c r="LKP121" s="26"/>
      <c r="LKQ121" s="26"/>
      <c r="LKR121" s="26"/>
      <c r="LKS121" s="26"/>
      <c r="LKT121" s="26"/>
      <c r="LKU121" s="26"/>
      <c r="LKV121" s="26"/>
      <c r="LKW121" s="26"/>
      <c r="LKX121" s="26"/>
      <c r="LKY121" s="26"/>
      <c r="LKZ121" s="26"/>
      <c r="LLA121" s="26"/>
      <c r="LLB121" s="26"/>
      <c r="LLC121" s="26"/>
      <c r="LLD121" s="26"/>
      <c r="LLE121" s="26"/>
      <c r="LLF121" s="26"/>
      <c r="LLG121" s="26"/>
      <c r="LLH121" s="26"/>
      <c r="LLI121" s="26"/>
      <c r="LLJ121" s="26"/>
      <c r="LLK121" s="26"/>
      <c r="LLL121" s="26"/>
      <c r="LLM121" s="26"/>
      <c r="LLN121" s="26"/>
      <c r="LLO121" s="26"/>
      <c r="LLP121" s="26"/>
      <c r="LLQ121" s="26"/>
      <c r="LLR121" s="26"/>
      <c r="LLS121" s="26"/>
      <c r="LLT121" s="26"/>
      <c r="LLU121" s="26"/>
      <c r="LLV121" s="26"/>
      <c r="LLW121" s="26"/>
      <c r="LLX121" s="26"/>
      <c r="LLY121" s="26"/>
      <c r="LLZ121" s="26"/>
      <c r="LMA121" s="26"/>
      <c r="LMB121" s="26"/>
      <c r="LMC121" s="26"/>
      <c r="LMD121" s="26"/>
      <c r="LME121" s="26"/>
      <c r="LMF121" s="26"/>
      <c r="LMG121" s="26"/>
      <c r="LMH121" s="26"/>
      <c r="LMI121" s="26"/>
      <c r="LMJ121" s="26"/>
      <c r="LMK121" s="26"/>
      <c r="LML121" s="26"/>
      <c r="LMM121" s="26"/>
      <c r="LMN121" s="26"/>
      <c r="LMO121" s="26"/>
      <c r="LMP121" s="26"/>
      <c r="LMQ121" s="26"/>
      <c r="LMR121" s="26"/>
      <c r="LMS121" s="26"/>
      <c r="LMT121" s="26"/>
      <c r="LMU121" s="26"/>
      <c r="LMV121" s="26"/>
      <c r="LMW121" s="26"/>
      <c r="LMX121" s="26"/>
      <c r="LMY121" s="26"/>
      <c r="LMZ121" s="26"/>
      <c r="LNA121" s="26"/>
      <c r="LNB121" s="26"/>
      <c r="LNC121" s="26"/>
      <c r="LND121" s="26"/>
      <c r="LNE121" s="26"/>
      <c r="LNF121" s="26"/>
      <c r="LNG121" s="26"/>
      <c r="LNH121" s="26"/>
      <c r="LNI121" s="26"/>
      <c r="LNJ121" s="26"/>
      <c r="LNK121" s="26"/>
      <c r="LNL121" s="26"/>
      <c r="LNM121" s="26"/>
      <c r="LNN121" s="26"/>
      <c r="LNO121" s="26"/>
      <c r="LNP121" s="26"/>
      <c r="LNQ121" s="26"/>
      <c r="LNR121" s="26"/>
      <c r="LNS121" s="26"/>
      <c r="LNT121" s="26"/>
      <c r="LNU121" s="26"/>
      <c r="LNV121" s="26"/>
      <c r="LNW121" s="26"/>
      <c r="LNX121" s="26"/>
      <c r="LNY121" s="26"/>
      <c r="LNZ121" s="26"/>
      <c r="LOA121" s="26"/>
      <c r="LOB121" s="26"/>
      <c r="LOC121" s="26"/>
      <c r="LOD121" s="26"/>
      <c r="LOE121" s="26"/>
      <c r="LOF121" s="26"/>
      <c r="LOG121" s="26"/>
      <c r="LOH121" s="26"/>
      <c r="LOI121" s="26"/>
      <c r="LOJ121" s="26"/>
      <c r="LOK121" s="26"/>
      <c r="LOL121" s="26"/>
      <c r="LOM121" s="26"/>
      <c r="LON121" s="26"/>
      <c r="LOO121" s="26"/>
      <c r="LOP121" s="26"/>
      <c r="LOQ121" s="26"/>
      <c r="LOR121" s="26"/>
      <c r="LOS121" s="26"/>
      <c r="LOT121" s="26"/>
      <c r="LOU121" s="26"/>
      <c r="LOV121" s="26"/>
      <c r="LOW121" s="26"/>
      <c r="LOX121" s="26"/>
      <c r="LOY121" s="26"/>
      <c r="LOZ121" s="26"/>
      <c r="LPA121" s="26"/>
      <c r="LPB121" s="26"/>
      <c r="LPC121" s="26"/>
      <c r="LPD121" s="26"/>
      <c r="LPE121" s="26"/>
      <c r="LPF121" s="26"/>
      <c r="LPG121" s="26"/>
      <c r="LPH121" s="26"/>
      <c r="LPI121" s="26"/>
      <c r="LPJ121" s="26"/>
      <c r="LPK121" s="26"/>
      <c r="LPL121" s="26"/>
      <c r="LPM121" s="26"/>
      <c r="LPN121" s="26"/>
      <c r="LPO121" s="26"/>
      <c r="LPP121" s="26"/>
      <c r="LPQ121" s="26"/>
      <c r="LPR121" s="26"/>
      <c r="LPS121" s="26"/>
      <c r="LPT121" s="26"/>
      <c r="LPU121" s="26"/>
      <c r="LPV121" s="26"/>
      <c r="LPW121" s="26"/>
      <c r="LPX121" s="26"/>
      <c r="LPY121" s="26"/>
      <c r="LPZ121" s="26"/>
      <c r="LQA121" s="26"/>
      <c r="LQB121" s="26"/>
      <c r="LQC121" s="26"/>
      <c r="LQD121" s="26"/>
      <c r="LQE121" s="26"/>
      <c r="LQF121" s="26"/>
      <c r="LQG121" s="26"/>
      <c r="LQH121" s="26"/>
      <c r="LQI121" s="26"/>
      <c r="LQJ121" s="26"/>
      <c r="LQK121" s="26"/>
      <c r="LQL121" s="26"/>
      <c r="LQM121" s="26"/>
      <c r="LQN121" s="26"/>
      <c r="LQO121" s="26"/>
      <c r="LQP121" s="26"/>
      <c r="LQQ121" s="26"/>
      <c r="LQR121" s="26"/>
      <c r="LQS121" s="26"/>
      <c r="LQT121" s="26"/>
      <c r="LQU121" s="26"/>
      <c r="LQV121" s="26"/>
      <c r="LQW121" s="26"/>
      <c r="LQX121" s="26"/>
      <c r="LQY121" s="26"/>
      <c r="LQZ121" s="26"/>
      <c r="LRA121" s="26"/>
      <c r="LRB121" s="26"/>
      <c r="LRC121" s="26"/>
      <c r="LRD121" s="26"/>
      <c r="LRE121" s="26"/>
      <c r="LRF121" s="26"/>
      <c r="LRG121" s="26"/>
      <c r="LRH121" s="26"/>
      <c r="LRI121" s="26"/>
      <c r="LRJ121" s="26"/>
      <c r="LRK121" s="26"/>
      <c r="LRL121" s="26"/>
      <c r="LRM121" s="26"/>
      <c r="LRN121" s="26"/>
      <c r="LRO121" s="26"/>
      <c r="LRP121" s="26"/>
      <c r="LRQ121" s="26"/>
      <c r="LRR121" s="26"/>
      <c r="LRS121" s="26"/>
      <c r="LRT121" s="26"/>
      <c r="LRU121" s="26"/>
      <c r="LRV121" s="26"/>
      <c r="LRW121" s="26"/>
      <c r="LRX121" s="26"/>
      <c r="LRY121" s="26"/>
      <c r="LRZ121" s="26"/>
      <c r="LSA121" s="26"/>
      <c r="LSB121" s="26"/>
      <c r="LSC121" s="26"/>
      <c r="LSD121" s="26"/>
      <c r="LSE121" s="26"/>
      <c r="LSF121" s="26"/>
      <c r="LSG121" s="26"/>
      <c r="LSH121" s="26"/>
      <c r="LSI121" s="26"/>
      <c r="LSJ121" s="26"/>
      <c r="LSK121" s="26"/>
      <c r="LSL121" s="26"/>
      <c r="LSM121" s="26"/>
      <c r="LSN121" s="26"/>
      <c r="LSO121" s="26"/>
      <c r="LSP121" s="26"/>
      <c r="LSQ121" s="26"/>
      <c r="LSR121" s="26"/>
      <c r="LSS121" s="26"/>
      <c r="LST121" s="26"/>
      <c r="LSU121" s="26"/>
      <c r="LSV121" s="26"/>
      <c r="LSW121" s="26"/>
      <c r="LSX121" s="26"/>
      <c r="LSY121" s="26"/>
      <c r="LSZ121" s="26"/>
      <c r="LTA121" s="26"/>
      <c r="LTB121" s="26"/>
      <c r="LTC121" s="26"/>
      <c r="LTD121" s="26"/>
      <c r="LTE121" s="26"/>
      <c r="LTF121" s="26"/>
      <c r="LTG121" s="26"/>
      <c r="LTH121" s="26"/>
      <c r="LTI121" s="26"/>
      <c r="LTJ121" s="26"/>
      <c r="LTK121" s="26"/>
      <c r="LTL121" s="26"/>
      <c r="LTM121" s="26"/>
      <c r="LTN121" s="26"/>
      <c r="LTO121" s="26"/>
      <c r="LTP121" s="26"/>
      <c r="LTQ121" s="26"/>
      <c r="LTR121" s="26"/>
      <c r="LTS121" s="26"/>
      <c r="LTT121" s="26"/>
      <c r="LTU121" s="26"/>
      <c r="LTV121" s="26"/>
      <c r="LTW121" s="26"/>
      <c r="LTX121" s="26"/>
      <c r="LTY121" s="26"/>
      <c r="LTZ121" s="26"/>
      <c r="LUA121" s="26"/>
      <c r="LUB121" s="26"/>
      <c r="LUC121" s="26"/>
      <c r="LUD121" s="26"/>
      <c r="LUE121" s="26"/>
      <c r="LUF121" s="26"/>
      <c r="LUG121" s="26"/>
      <c r="LUH121" s="26"/>
      <c r="LUI121" s="26"/>
      <c r="LUJ121" s="26"/>
      <c r="LUK121" s="26"/>
      <c r="LUL121" s="26"/>
      <c r="LUM121" s="26"/>
      <c r="LUN121" s="26"/>
      <c r="LUO121" s="26"/>
      <c r="LUP121" s="26"/>
      <c r="LUQ121" s="26"/>
      <c r="LUR121" s="26"/>
      <c r="LUS121" s="26"/>
      <c r="LUT121" s="26"/>
      <c r="LUU121" s="26"/>
      <c r="LUV121" s="26"/>
      <c r="LUW121" s="26"/>
      <c r="LUX121" s="26"/>
      <c r="LUY121" s="26"/>
      <c r="LUZ121" s="26"/>
      <c r="LVA121" s="26"/>
      <c r="LVB121" s="26"/>
      <c r="LVC121" s="26"/>
      <c r="LVD121" s="26"/>
      <c r="LVE121" s="26"/>
      <c r="LVF121" s="26"/>
      <c r="LVG121" s="26"/>
      <c r="LVH121" s="26"/>
      <c r="LVI121" s="26"/>
      <c r="LVJ121" s="26"/>
      <c r="LVK121" s="26"/>
      <c r="LVL121" s="26"/>
      <c r="LVM121" s="26"/>
      <c r="LVN121" s="26"/>
      <c r="LVO121" s="26"/>
      <c r="LVP121" s="26"/>
      <c r="LVQ121" s="26"/>
      <c r="LVR121" s="26"/>
      <c r="LVS121" s="26"/>
      <c r="LVT121" s="26"/>
      <c r="LVU121" s="26"/>
      <c r="LVV121" s="26"/>
      <c r="LVW121" s="26"/>
      <c r="LVX121" s="26"/>
      <c r="LVY121" s="26"/>
      <c r="LVZ121" s="26"/>
      <c r="LWA121" s="26"/>
      <c r="LWB121" s="26"/>
      <c r="LWC121" s="26"/>
      <c r="LWD121" s="26"/>
      <c r="LWE121" s="26"/>
      <c r="LWF121" s="26"/>
      <c r="LWG121" s="26"/>
      <c r="LWH121" s="26"/>
      <c r="LWI121" s="26"/>
      <c r="LWJ121" s="26"/>
      <c r="LWK121" s="26"/>
      <c r="LWL121" s="26"/>
      <c r="LWM121" s="26"/>
      <c r="LWN121" s="26"/>
      <c r="LWO121" s="26"/>
      <c r="LWP121" s="26"/>
      <c r="LWQ121" s="26"/>
      <c r="LWR121" s="26"/>
      <c r="LWS121" s="26"/>
      <c r="LWT121" s="26"/>
      <c r="LWU121" s="26"/>
      <c r="LWV121" s="26"/>
      <c r="LWW121" s="26"/>
      <c r="LWX121" s="26"/>
      <c r="LWY121" s="26"/>
      <c r="LWZ121" s="26"/>
      <c r="LXA121" s="26"/>
      <c r="LXB121" s="26"/>
      <c r="LXC121" s="26"/>
      <c r="LXD121" s="26"/>
      <c r="LXE121" s="26"/>
      <c r="LXF121" s="26"/>
      <c r="LXG121" s="26"/>
      <c r="LXH121" s="26"/>
      <c r="LXI121" s="26"/>
      <c r="LXJ121" s="26"/>
      <c r="LXK121" s="26"/>
      <c r="LXL121" s="26"/>
      <c r="LXM121" s="26"/>
      <c r="LXN121" s="26"/>
      <c r="LXO121" s="26"/>
      <c r="LXP121" s="26"/>
      <c r="LXQ121" s="26"/>
      <c r="LXR121" s="26"/>
      <c r="LXS121" s="26"/>
      <c r="LXT121" s="26"/>
      <c r="LXU121" s="26"/>
      <c r="LXV121" s="26"/>
      <c r="LXW121" s="26"/>
      <c r="LXX121" s="26"/>
      <c r="LXY121" s="26"/>
      <c r="LXZ121" s="26"/>
      <c r="LYA121" s="26"/>
      <c r="LYB121" s="26"/>
      <c r="LYC121" s="26"/>
      <c r="LYD121" s="26"/>
      <c r="LYE121" s="26"/>
      <c r="LYF121" s="26"/>
      <c r="LYG121" s="26"/>
      <c r="LYH121" s="26"/>
      <c r="LYI121" s="26"/>
      <c r="LYJ121" s="26"/>
      <c r="LYK121" s="26"/>
      <c r="LYL121" s="26"/>
      <c r="LYM121" s="26"/>
      <c r="LYN121" s="26"/>
      <c r="LYO121" s="26"/>
      <c r="LYP121" s="26"/>
      <c r="LYQ121" s="26"/>
      <c r="LYR121" s="26"/>
      <c r="LYS121" s="26"/>
      <c r="LYT121" s="26"/>
      <c r="LYU121" s="26"/>
      <c r="LYV121" s="26"/>
      <c r="LYW121" s="26"/>
      <c r="LYX121" s="26"/>
      <c r="LYY121" s="26"/>
      <c r="LYZ121" s="26"/>
      <c r="LZA121" s="26"/>
      <c r="LZB121" s="26"/>
      <c r="LZC121" s="26"/>
      <c r="LZD121" s="26"/>
      <c r="LZE121" s="26"/>
      <c r="LZF121" s="26"/>
      <c r="LZG121" s="26"/>
      <c r="LZH121" s="26"/>
      <c r="LZI121" s="26"/>
      <c r="LZJ121" s="26"/>
      <c r="LZK121" s="26"/>
      <c r="LZL121" s="26"/>
      <c r="LZM121" s="26"/>
      <c r="LZN121" s="26"/>
      <c r="LZO121" s="26"/>
      <c r="LZP121" s="26"/>
      <c r="LZQ121" s="26"/>
      <c r="LZR121" s="26"/>
      <c r="LZS121" s="26"/>
      <c r="LZT121" s="26"/>
      <c r="LZU121" s="26"/>
      <c r="LZV121" s="26"/>
      <c r="LZW121" s="26"/>
      <c r="LZX121" s="26"/>
      <c r="LZY121" s="26"/>
      <c r="LZZ121" s="26"/>
      <c r="MAA121" s="26"/>
      <c r="MAB121" s="26"/>
      <c r="MAC121" s="26"/>
      <c r="MAD121" s="26"/>
      <c r="MAE121" s="26"/>
      <c r="MAF121" s="26"/>
      <c r="MAG121" s="26"/>
      <c r="MAH121" s="26"/>
      <c r="MAI121" s="26"/>
      <c r="MAJ121" s="26"/>
      <c r="MAK121" s="26"/>
      <c r="MAL121" s="26"/>
      <c r="MAM121" s="26"/>
      <c r="MAN121" s="26"/>
      <c r="MAO121" s="26"/>
      <c r="MAP121" s="26"/>
      <c r="MAQ121" s="26"/>
      <c r="MAR121" s="26"/>
      <c r="MAS121" s="26"/>
      <c r="MAT121" s="26"/>
      <c r="MAU121" s="26"/>
      <c r="MAV121" s="26"/>
      <c r="MAW121" s="26"/>
      <c r="MAX121" s="26"/>
      <c r="MAY121" s="26"/>
      <c r="MAZ121" s="26"/>
      <c r="MBA121" s="26"/>
      <c r="MBB121" s="26"/>
      <c r="MBC121" s="26"/>
      <c r="MBD121" s="26"/>
      <c r="MBE121" s="26"/>
      <c r="MBF121" s="26"/>
      <c r="MBG121" s="26"/>
      <c r="MBH121" s="26"/>
      <c r="MBI121" s="26"/>
      <c r="MBJ121" s="26"/>
      <c r="MBK121" s="26"/>
      <c r="MBL121" s="26"/>
      <c r="MBM121" s="26"/>
      <c r="MBN121" s="26"/>
      <c r="MBO121" s="26"/>
      <c r="MBP121" s="26"/>
      <c r="MBQ121" s="26"/>
      <c r="MBR121" s="26"/>
      <c r="MBS121" s="26"/>
      <c r="MBT121" s="26"/>
      <c r="MBU121" s="26"/>
      <c r="MBV121" s="26"/>
      <c r="MBW121" s="26"/>
      <c r="MBX121" s="26"/>
      <c r="MBY121" s="26"/>
      <c r="MBZ121" s="26"/>
      <c r="MCA121" s="26"/>
      <c r="MCB121" s="26"/>
      <c r="MCC121" s="26"/>
      <c r="MCD121" s="26"/>
      <c r="MCE121" s="26"/>
      <c r="MCF121" s="26"/>
      <c r="MCG121" s="26"/>
      <c r="MCH121" s="26"/>
      <c r="MCI121" s="26"/>
      <c r="MCJ121" s="26"/>
      <c r="MCK121" s="26"/>
      <c r="MCL121" s="26"/>
      <c r="MCM121" s="26"/>
      <c r="MCN121" s="26"/>
      <c r="MCO121" s="26"/>
      <c r="MCP121" s="26"/>
      <c r="MCQ121" s="26"/>
      <c r="MCR121" s="26"/>
      <c r="MCS121" s="26"/>
      <c r="MCT121" s="26"/>
      <c r="MCU121" s="26"/>
      <c r="MCV121" s="26"/>
      <c r="MCW121" s="26"/>
      <c r="MCX121" s="26"/>
      <c r="MCY121" s="26"/>
      <c r="MCZ121" s="26"/>
      <c r="MDA121" s="26"/>
      <c r="MDB121" s="26"/>
      <c r="MDC121" s="26"/>
      <c r="MDD121" s="26"/>
      <c r="MDE121" s="26"/>
      <c r="MDF121" s="26"/>
      <c r="MDG121" s="26"/>
      <c r="MDH121" s="26"/>
      <c r="MDI121" s="26"/>
      <c r="MDJ121" s="26"/>
      <c r="MDK121" s="26"/>
      <c r="MDL121" s="26"/>
      <c r="MDM121" s="26"/>
      <c r="MDN121" s="26"/>
      <c r="MDO121" s="26"/>
      <c r="MDP121" s="26"/>
      <c r="MDQ121" s="26"/>
      <c r="MDR121" s="26"/>
      <c r="MDS121" s="26"/>
      <c r="MDT121" s="26"/>
      <c r="MDU121" s="26"/>
      <c r="MDV121" s="26"/>
      <c r="MDW121" s="26"/>
      <c r="MDX121" s="26"/>
      <c r="MDY121" s="26"/>
      <c r="MDZ121" s="26"/>
      <c r="MEA121" s="26"/>
      <c r="MEB121" s="26"/>
      <c r="MEC121" s="26"/>
      <c r="MED121" s="26"/>
      <c r="MEE121" s="26"/>
      <c r="MEF121" s="26"/>
      <c r="MEG121" s="26"/>
      <c r="MEH121" s="26"/>
      <c r="MEI121" s="26"/>
      <c r="MEJ121" s="26"/>
      <c r="MEK121" s="26"/>
      <c r="MEL121" s="26"/>
      <c r="MEM121" s="26"/>
      <c r="MEN121" s="26"/>
      <c r="MEO121" s="26"/>
      <c r="MEP121" s="26"/>
      <c r="MEQ121" s="26"/>
      <c r="MER121" s="26"/>
      <c r="MES121" s="26"/>
      <c r="MET121" s="26"/>
      <c r="MEU121" s="26"/>
      <c r="MEV121" s="26"/>
      <c r="MEW121" s="26"/>
      <c r="MEX121" s="26"/>
      <c r="MEY121" s="26"/>
      <c r="MEZ121" s="26"/>
      <c r="MFA121" s="26"/>
      <c r="MFB121" s="26"/>
      <c r="MFC121" s="26"/>
      <c r="MFD121" s="26"/>
      <c r="MFE121" s="26"/>
      <c r="MFF121" s="26"/>
      <c r="MFG121" s="26"/>
      <c r="MFH121" s="26"/>
      <c r="MFI121" s="26"/>
      <c r="MFJ121" s="26"/>
      <c r="MFK121" s="26"/>
      <c r="MFL121" s="26"/>
      <c r="MFM121" s="26"/>
      <c r="MFN121" s="26"/>
      <c r="MFO121" s="26"/>
      <c r="MFP121" s="26"/>
      <c r="MFQ121" s="26"/>
      <c r="MFR121" s="26"/>
      <c r="MFS121" s="26"/>
      <c r="MFT121" s="26"/>
      <c r="MFU121" s="26"/>
      <c r="MFV121" s="26"/>
      <c r="MFW121" s="26"/>
      <c r="MFX121" s="26"/>
      <c r="MFY121" s="26"/>
      <c r="MFZ121" s="26"/>
      <c r="MGA121" s="26"/>
      <c r="MGB121" s="26"/>
      <c r="MGC121" s="26"/>
      <c r="MGD121" s="26"/>
      <c r="MGE121" s="26"/>
      <c r="MGF121" s="26"/>
      <c r="MGG121" s="26"/>
      <c r="MGH121" s="26"/>
      <c r="MGI121" s="26"/>
      <c r="MGJ121" s="26"/>
      <c r="MGK121" s="26"/>
      <c r="MGL121" s="26"/>
      <c r="MGM121" s="26"/>
      <c r="MGN121" s="26"/>
      <c r="MGO121" s="26"/>
      <c r="MGP121" s="26"/>
      <c r="MGQ121" s="26"/>
      <c r="MGR121" s="26"/>
      <c r="MGS121" s="26"/>
      <c r="MGT121" s="26"/>
      <c r="MGU121" s="26"/>
      <c r="MGV121" s="26"/>
      <c r="MGW121" s="26"/>
      <c r="MGX121" s="26"/>
      <c r="MGY121" s="26"/>
      <c r="MGZ121" s="26"/>
      <c r="MHA121" s="26"/>
      <c r="MHB121" s="26"/>
      <c r="MHC121" s="26"/>
      <c r="MHD121" s="26"/>
      <c r="MHE121" s="26"/>
      <c r="MHF121" s="26"/>
      <c r="MHG121" s="26"/>
      <c r="MHH121" s="26"/>
      <c r="MHI121" s="26"/>
      <c r="MHJ121" s="26"/>
      <c r="MHK121" s="26"/>
      <c r="MHL121" s="26"/>
      <c r="MHM121" s="26"/>
      <c r="MHN121" s="26"/>
      <c r="MHO121" s="26"/>
      <c r="MHP121" s="26"/>
      <c r="MHQ121" s="26"/>
      <c r="MHR121" s="26"/>
      <c r="MHS121" s="26"/>
      <c r="MHT121" s="26"/>
      <c r="MHU121" s="26"/>
      <c r="MHV121" s="26"/>
      <c r="MHW121" s="26"/>
      <c r="MHX121" s="26"/>
      <c r="MHY121" s="26"/>
      <c r="MHZ121" s="26"/>
      <c r="MIA121" s="26"/>
      <c r="MIB121" s="26"/>
      <c r="MIC121" s="26"/>
      <c r="MID121" s="26"/>
      <c r="MIE121" s="26"/>
      <c r="MIF121" s="26"/>
      <c r="MIG121" s="26"/>
      <c r="MIH121" s="26"/>
      <c r="MII121" s="26"/>
      <c r="MIJ121" s="26"/>
      <c r="MIK121" s="26"/>
      <c r="MIL121" s="26"/>
      <c r="MIM121" s="26"/>
      <c r="MIN121" s="26"/>
      <c r="MIO121" s="26"/>
      <c r="MIP121" s="26"/>
      <c r="MIQ121" s="26"/>
      <c r="MIR121" s="26"/>
      <c r="MIS121" s="26"/>
      <c r="MIT121" s="26"/>
      <c r="MIU121" s="26"/>
      <c r="MIV121" s="26"/>
      <c r="MIW121" s="26"/>
      <c r="MIX121" s="26"/>
      <c r="MIY121" s="26"/>
      <c r="MIZ121" s="26"/>
      <c r="MJA121" s="26"/>
      <c r="MJB121" s="26"/>
      <c r="MJC121" s="26"/>
      <c r="MJD121" s="26"/>
      <c r="MJE121" s="26"/>
      <c r="MJF121" s="26"/>
      <c r="MJG121" s="26"/>
      <c r="MJH121" s="26"/>
      <c r="MJI121" s="26"/>
      <c r="MJJ121" s="26"/>
      <c r="MJK121" s="26"/>
      <c r="MJL121" s="26"/>
      <c r="MJM121" s="26"/>
      <c r="MJN121" s="26"/>
      <c r="MJO121" s="26"/>
      <c r="MJP121" s="26"/>
      <c r="MJQ121" s="26"/>
      <c r="MJR121" s="26"/>
      <c r="MJS121" s="26"/>
      <c r="MJT121" s="26"/>
      <c r="MJU121" s="26"/>
      <c r="MJV121" s="26"/>
      <c r="MJW121" s="26"/>
      <c r="MJX121" s="26"/>
      <c r="MJY121" s="26"/>
      <c r="MJZ121" s="26"/>
      <c r="MKA121" s="26"/>
      <c r="MKB121" s="26"/>
      <c r="MKC121" s="26"/>
      <c r="MKD121" s="26"/>
      <c r="MKE121" s="26"/>
      <c r="MKF121" s="26"/>
      <c r="MKG121" s="26"/>
      <c r="MKH121" s="26"/>
      <c r="MKI121" s="26"/>
      <c r="MKJ121" s="26"/>
      <c r="MKK121" s="26"/>
      <c r="MKL121" s="26"/>
      <c r="MKM121" s="26"/>
      <c r="MKN121" s="26"/>
      <c r="MKO121" s="26"/>
      <c r="MKP121" s="26"/>
      <c r="MKQ121" s="26"/>
      <c r="MKR121" s="26"/>
      <c r="MKS121" s="26"/>
      <c r="MKT121" s="26"/>
      <c r="MKU121" s="26"/>
      <c r="MKV121" s="26"/>
      <c r="MKW121" s="26"/>
      <c r="MKX121" s="26"/>
      <c r="MKY121" s="26"/>
      <c r="MKZ121" s="26"/>
      <c r="MLA121" s="26"/>
      <c r="MLB121" s="26"/>
      <c r="MLC121" s="26"/>
      <c r="MLD121" s="26"/>
      <c r="MLE121" s="26"/>
      <c r="MLF121" s="26"/>
      <c r="MLG121" s="26"/>
      <c r="MLH121" s="26"/>
      <c r="MLI121" s="26"/>
      <c r="MLJ121" s="26"/>
      <c r="MLK121" s="26"/>
      <c r="MLL121" s="26"/>
      <c r="MLM121" s="26"/>
      <c r="MLN121" s="26"/>
      <c r="MLO121" s="26"/>
      <c r="MLP121" s="26"/>
      <c r="MLQ121" s="26"/>
      <c r="MLR121" s="26"/>
      <c r="MLS121" s="26"/>
      <c r="MLT121" s="26"/>
      <c r="MLU121" s="26"/>
      <c r="MLV121" s="26"/>
      <c r="MLW121" s="26"/>
      <c r="MLX121" s="26"/>
      <c r="MLY121" s="26"/>
      <c r="MLZ121" s="26"/>
      <c r="MMA121" s="26"/>
      <c r="MMB121" s="26"/>
      <c r="MMC121" s="26"/>
      <c r="MMD121" s="26"/>
      <c r="MME121" s="26"/>
      <c r="MMF121" s="26"/>
      <c r="MMG121" s="26"/>
      <c r="MMH121" s="26"/>
      <c r="MMI121" s="26"/>
      <c r="MMJ121" s="26"/>
      <c r="MMK121" s="26"/>
      <c r="MML121" s="26"/>
      <c r="MMM121" s="26"/>
      <c r="MMN121" s="26"/>
      <c r="MMO121" s="26"/>
      <c r="MMP121" s="26"/>
      <c r="MMQ121" s="26"/>
      <c r="MMR121" s="26"/>
      <c r="MMS121" s="26"/>
      <c r="MMT121" s="26"/>
      <c r="MMU121" s="26"/>
      <c r="MMV121" s="26"/>
      <c r="MMW121" s="26"/>
      <c r="MMX121" s="26"/>
      <c r="MMY121" s="26"/>
      <c r="MMZ121" s="26"/>
      <c r="MNA121" s="26"/>
      <c r="MNB121" s="26"/>
      <c r="MNC121" s="26"/>
      <c r="MND121" s="26"/>
      <c r="MNE121" s="26"/>
      <c r="MNF121" s="26"/>
      <c r="MNG121" s="26"/>
      <c r="MNH121" s="26"/>
      <c r="MNI121" s="26"/>
      <c r="MNJ121" s="26"/>
      <c r="MNK121" s="26"/>
      <c r="MNL121" s="26"/>
      <c r="MNM121" s="26"/>
      <c r="MNN121" s="26"/>
      <c r="MNO121" s="26"/>
      <c r="MNP121" s="26"/>
      <c r="MNQ121" s="26"/>
      <c r="MNR121" s="26"/>
      <c r="MNS121" s="26"/>
      <c r="MNT121" s="26"/>
      <c r="MNU121" s="26"/>
      <c r="MNV121" s="26"/>
      <c r="MNW121" s="26"/>
      <c r="MNX121" s="26"/>
      <c r="MNY121" s="26"/>
      <c r="MNZ121" s="26"/>
      <c r="MOA121" s="26"/>
      <c r="MOB121" s="26"/>
      <c r="MOC121" s="26"/>
      <c r="MOD121" s="26"/>
      <c r="MOE121" s="26"/>
      <c r="MOF121" s="26"/>
      <c r="MOG121" s="26"/>
      <c r="MOH121" s="26"/>
      <c r="MOI121" s="26"/>
      <c r="MOJ121" s="26"/>
      <c r="MOK121" s="26"/>
      <c r="MOL121" s="26"/>
      <c r="MOM121" s="26"/>
      <c r="MON121" s="26"/>
      <c r="MOO121" s="26"/>
      <c r="MOP121" s="26"/>
      <c r="MOQ121" s="26"/>
      <c r="MOR121" s="26"/>
      <c r="MOS121" s="26"/>
      <c r="MOT121" s="26"/>
      <c r="MOU121" s="26"/>
      <c r="MOV121" s="26"/>
      <c r="MOW121" s="26"/>
      <c r="MOX121" s="26"/>
      <c r="MOY121" s="26"/>
      <c r="MOZ121" s="26"/>
      <c r="MPA121" s="26"/>
      <c r="MPB121" s="26"/>
      <c r="MPC121" s="26"/>
      <c r="MPD121" s="26"/>
      <c r="MPE121" s="26"/>
      <c r="MPF121" s="26"/>
      <c r="MPG121" s="26"/>
      <c r="MPH121" s="26"/>
      <c r="MPI121" s="26"/>
      <c r="MPJ121" s="26"/>
      <c r="MPK121" s="26"/>
      <c r="MPL121" s="26"/>
      <c r="MPM121" s="26"/>
      <c r="MPN121" s="26"/>
      <c r="MPO121" s="26"/>
      <c r="MPP121" s="26"/>
      <c r="MPQ121" s="26"/>
      <c r="MPR121" s="26"/>
      <c r="MPS121" s="26"/>
      <c r="MPT121" s="26"/>
      <c r="MPU121" s="26"/>
      <c r="MPV121" s="26"/>
      <c r="MPW121" s="26"/>
      <c r="MPX121" s="26"/>
      <c r="MPY121" s="26"/>
      <c r="MPZ121" s="26"/>
      <c r="MQA121" s="26"/>
      <c r="MQB121" s="26"/>
      <c r="MQC121" s="26"/>
      <c r="MQD121" s="26"/>
      <c r="MQE121" s="26"/>
      <c r="MQF121" s="26"/>
      <c r="MQG121" s="26"/>
      <c r="MQH121" s="26"/>
      <c r="MQI121" s="26"/>
      <c r="MQJ121" s="26"/>
      <c r="MQK121" s="26"/>
      <c r="MQL121" s="26"/>
      <c r="MQM121" s="26"/>
      <c r="MQN121" s="26"/>
      <c r="MQO121" s="26"/>
      <c r="MQP121" s="26"/>
      <c r="MQQ121" s="26"/>
      <c r="MQR121" s="26"/>
      <c r="MQS121" s="26"/>
      <c r="MQT121" s="26"/>
      <c r="MQU121" s="26"/>
      <c r="MQV121" s="26"/>
      <c r="MQW121" s="26"/>
      <c r="MQX121" s="26"/>
      <c r="MQY121" s="26"/>
      <c r="MQZ121" s="26"/>
      <c r="MRA121" s="26"/>
      <c r="MRB121" s="26"/>
      <c r="MRC121" s="26"/>
      <c r="MRD121" s="26"/>
      <c r="MRE121" s="26"/>
      <c r="MRF121" s="26"/>
      <c r="MRG121" s="26"/>
      <c r="MRH121" s="26"/>
      <c r="MRI121" s="26"/>
      <c r="MRJ121" s="26"/>
      <c r="MRK121" s="26"/>
      <c r="MRL121" s="26"/>
      <c r="MRM121" s="26"/>
      <c r="MRN121" s="26"/>
      <c r="MRO121" s="26"/>
      <c r="MRP121" s="26"/>
      <c r="MRQ121" s="26"/>
      <c r="MRR121" s="26"/>
      <c r="MRS121" s="26"/>
      <c r="MRT121" s="26"/>
      <c r="MRU121" s="26"/>
      <c r="MRV121" s="26"/>
      <c r="MRW121" s="26"/>
      <c r="MRX121" s="26"/>
      <c r="MRY121" s="26"/>
      <c r="MRZ121" s="26"/>
      <c r="MSA121" s="26"/>
      <c r="MSB121" s="26"/>
      <c r="MSC121" s="26"/>
      <c r="MSD121" s="26"/>
      <c r="MSE121" s="26"/>
      <c r="MSF121" s="26"/>
      <c r="MSG121" s="26"/>
      <c r="MSH121" s="26"/>
      <c r="MSI121" s="26"/>
      <c r="MSJ121" s="26"/>
      <c r="MSK121" s="26"/>
      <c r="MSL121" s="26"/>
      <c r="MSM121" s="26"/>
      <c r="MSN121" s="26"/>
      <c r="MSO121" s="26"/>
      <c r="MSP121" s="26"/>
      <c r="MSQ121" s="26"/>
      <c r="MSR121" s="26"/>
      <c r="MSS121" s="26"/>
      <c r="MST121" s="26"/>
      <c r="MSU121" s="26"/>
      <c r="MSV121" s="26"/>
      <c r="MSW121" s="26"/>
      <c r="MSX121" s="26"/>
      <c r="MSY121" s="26"/>
      <c r="MSZ121" s="26"/>
      <c r="MTA121" s="26"/>
      <c r="MTB121" s="26"/>
      <c r="MTC121" s="26"/>
      <c r="MTD121" s="26"/>
      <c r="MTE121" s="26"/>
      <c r="MTF121" s="26"/>
      <c r="MTG121" s="26"/>
      <c r="MTH121" s="26"/>
      <c r="MTI121" s="26"/>
      <c r="MTJ121" s="26"/>
      <c r="MTK121" s="26"/>
      <c r="MTL121" s="26"/>
      <c r="MTM121" s="26"/>
      <c r="MTN121" s="26"/>
      <c r="MTO121" s="26"/>
      <c r="MTP121" s="26"/>
      <c r="MTQ121" s="26"/>
      <c r="MTR121" s="26"/>
      <c r="MTS121" s="26"/>
      <c r="MTT121" s="26"/>
      <c r="MTU121" s="26"/>
      <c r="MTV121" s="26"/>
      <c r="MTW121" s="26"/>
      <c r="MTX121" s="26"/>
      <c r="MTY121" s="26"/>
      <c r="MTZ121" s="26"/>
      <c r="MUA121" s="26"/>
      <c r="MUB121" s="26"/>
      <c r="MUC121" s="26"/>
      <c r="MUD121" s="26"/>
      <c r="MUE121" s="26"/>
      <c r="MUF121" s="26"/>
      <c r="MUG121" s="26"/>
      <c r="MUH121" s="26"/>
      <c r="MUI121" s="26"/>
      <c r="MUJ121" s="26"/>
      <c r="MUK121" s="26"/>
      <c r="MUL121" s="26"/>
      <c r="MUM121" s="26"/>
      <c r="MUN121" s="26"/>
      <c r="MUO121" s="26"/>
      <c r="MUP121" s="26"/>
      <c r="MUQ121" s="26"/>
      <c r="MUR121" s="26"/>
      <c r="MUS121" s="26"/>
      <c r="MUT121" s="26"/>
      <c r="MUU121" s="26"/>
      <c r="MUV121" s="26"/>
      <c r="MUW121" s="26"/>
      <c r="MUX121" s="26"/>
      <c r="MUY121" s="26"/>
      <c r="MUZ121" s="26"/>
      <c r="MVA121" s="26"/>
      <c r="MVB121" s="26"/>
      <c r="MVC121" s="26"/>
      <c r="MVD121" s="26"/>
      <c r="MVE121" s="26"/>
      <c r="MVF121" s="26"/>
      <c r="MVG121" s="26"/>
      <c r="MVH121" s="26"/>
      <c r="MVI121" s="26"/>
      <c r="MVJ121" s="26"/>
      <c r="MVK121" s="26"/>
      <c r="MVL121" s="26"/>
      <c r="MVM121" s="26"/>
      <c r="MVN121" s="26"/>
      <c r="MVO121" s="26"/>
      <c r="MVP121" s="26"/>
      <c r="MVQ121" s="26"/>
      <c r="MVR121" s="26"/>
      <c r="MVS121" s="26"/>
      <c r="MVT121" s="26"/>
      <c r="MVU121" s="26"/>
      <c r="MVV121" s="26"/>
      <c r="MVW121" s="26"/>
      <c r="MVX121" s="26"/>
      <c r="MVY121" s="26"/>
      <c r="MVZ121" s="26"/>
      <c r="MWA121" s="26"/>
      <c r="MWB121" s="26"/>
      <c r="MWC121" s="26"/>
      <c r="MWD121" s="26"/>
      <c r="MWE121" s="26"/>
      <c r="MWF121" s="26"/>
      <c r="MWG121" s="26"/>
      <c r="MWH121" s="26"/>
      <c r="MWI121" s="26"/>
      <c r="MWJ121" s="26"/>
      <c r="MWK121" s="26"/>
      <c r="MWL121" s="26"/>
      <c r="MWM121" s="26"/>
      <c r="MWN121" s="26"/>
      <c r="MWO121" s="26"/>
      <c r="MWP121" s="26"/>
      <c r="MWQ121" s="26"/>
      <c r="MWR121" s="26"/>
      <c r="MWS121" s="26"/>
      <c r="MWT121" s="26"/>
      <c r="MWU121" s="26"/>
      <c r="MWV121" s="26"/>
      <c r="MWW121" s="26"/>
      <c r="MWX121" s="26"/>
      <c r="MWY121" s="26"/>
      <c r="MWZ121" s="26"/>
      <c r="MXA121" s="26"/>
      <c r="MXB121" s="26"/>
      <c r="MXC121" s="26"/>
      <c r="MXD121" s="26"/>
      <c r="MXE121" s="26"/>
      <c r="MXF121" s="26"/>
      <c r="MXG121" s="26"/>
      <c r="MXH121" s="26"/>
      <c r="MXI121" s="26"/>
      <c r="MXJ121" s="26"/>
      <c r="MXK121" s="26"/>
      <c r="MXL121" s="26"/>
      <c r="MXM121" s="26"/>
      <c r="MXN121" s="26"/>
      <c r="MXO121" s="26"/>
      <c r="MXP121" s="26"/>
      <c r="MXQ121" s="26"/>
      <c r="MXR121" s="26"/>
      <c r="MXS121" s="26"/>
      <c r="MXT121" s="26"/>
      <c r="MXU121" s="26"/>
      <c r="MXV121" s="26"/>
      <c r="MXW121" s="26"/>
      <c r="MXX121" s="26"/>
      <c r="MXY121" s="26"/>
      <c r="MXZ121" s="26"/>
      <c r="MYA121" s="26"/>
      <c r="MYB121" s="26"/>
      <c r="MYC121" s="26"/>
      <c r="MYD121" s="26"/>
      <c r="MYE121" s="26"/>
      <c r="MYF121" s="26"/>
      <c r="MYG121" s="26"/>
      <c r="MYH121" s="26"/>
      <c r="MYI121" s="26"/>
      <c r="MYJ121" s="26"/>
      <c r="MYK121" s="26"/>
      <c r="MYL121" s="26"/>
      <c r="MYM121" s="26"/>
      <c r="MYN121" s="26"/>
      <c r="MYO121" s="26"/>
      <c r="MYP121" s="26"/>
      <c r="MYQ121" s="26"/>
      <c r="MYR121" s="26"/>
      <c r="MYS121" s="26"/>
      <c r="MYT121" s="26"/>
      <c r="MYU121" s="26"/>
      <c r="MYV121" s="26"/>
      <c r="MYW121" s="26"/>
      <c r="MYX121" s="26"/>
      <c r="MYY121" s="26"/>
      <c r="MYZ121" s="26"/>
      <c r="MZA121" s="26"/>
      <c r="MZB121" s="26"/>
      <c r="MZC121" s="26"/>
      <c r="MZD121" s="26"/>
      <c r="MZE121" s="26"/>
      <c r="MZF121" s="26"/>
      <c r="MZG121" s="26"/>
      <c r="MZH121" s="26"/>
      <c r="MZI121" s="26"/>
      <c r="MZJ121" s="26"/>
      <c r="MZK121" s="26"/>
      <c r="MZL121" s="26"/>
      <c r="MZM121" s="26"/>
      <c r="MZN121" s="26"/>
      <c r="MZO121" s="26"/>
      <c r="MZP121" s="26"/>
      <c r="MZQ121" s="26"/>
      <c r="MZR121" s="26"/>
      <c r="MZS121" s="26"/>
      <c r="MZT121" s="26"/>
      <c r="MZU121" s="26"/>
      <c r="MZV121" s="26"/>
      <c r="MZW121" s="26"/>
      <c r="MZX121" s="26"/>
      <c r="MZY121" s="26"/>
      <c r="MZZ121" s="26"/>
      <c r="NAA121" s="26"/>
      <c r="NAB121" s="26"/>
      <c r="NAC121" s="26"/>
      <c r="NAD121" s="26"/>
      <c r="NAE121" s="26"/>
      <c r="NAF121" s="26"/>
      <c r="NAG121" s="26"/>
      <c r="NAH121" s="26"/>
      <c r="NAI121" s="26"/>
      <c r="NAJ121" s="26"/>
      <c r="NAK121" s="26"/>
      <c r="NAL121" s="26"/>
      <c r="NAM121" s="26"/>
      <c r="NAN121" s="26"/>
      <c r="NAO121" s="26"/>
      <c r="NAP121" s="26"/>
      <c r="NAQ121" s="26"/>
      <c r="NAR121" s="26"/>
      <c r="NAS121" s="26"/>
      <c r="NAT121" s="26"/>
      <c r="NAU121" s="26"/>
      <c r="NAV121" s="26"/>
      <c r="NAW121" s="26"/>
      <c r="NAX121" s="26"/>
      <c r="NAY121" s="26"/>
      <c r="NAZ121" s="26"/>
      <c r="NBA121" s="26"/>
      <c r="NBB121" s="26"/>
      <c r="NBC121" s="26"/>
      <c r="NBD121" s="26"/>
      <c r="NBE121" s="26"/>
      <c r="NBF121" s="26"/>
      <c r="NBG121" s="26"/>
      <c r="NBH121" s="26"/>
      <c r="NBI121" s="26"/>
      <c r="NBJ121" s="26"/>
      <c r="NBK121" s="26"/>
      <c r="NBL121" s="26"/>
      <c r="NBM121" s="26"/>
      <c r="NBN121" s="26"/>
      <c r="NBO121" s="26"/>
      <c r="NBP121" s="26"/>
      <c r="NBQ121" s="26"/>
      <c r="NBR121" s="26"/>
      <c r="NBS121" s="26"/>
      <c r="NBT121" s="26"/>
      <c r="NBU121" s="26"/>
      <c r="NBV121" s="26"/>
      <c r="NBW121" s="26"/>
      <c r="NBX121" s="26"/>
      <c r="NBY121" s="26"/>
      <c r="NBZ121" s="26"/>
      <c r="NCA121" s="26"/>
      <c r="NCB121" s="26"/>
      <c r="NCC121" s="26"/>
      <c r="NCD121" s="26"/>
      <c r="NCE121" s="26"/>
      <c r="NCF121" s="26"/>
      <c r="NCG121" s="26"/>
      <c r="NCH121" s="26"/>
      <c r="NCI121" s="26"/>
      <c r="NCJ121" s="26"/>
      <c r="NCK121" s="26"/>
      <c r="NCL121" s="26"/>
      <c r="NCM121" s="26"/>
      <c r="NCN121" s="26"/>
      <c r="NCO121" s="26"/>
      <c r="NCP121" s="26"/>
      <c r="NCQ121" s="26"/>
      <c r="NCR121" s="26"/>
      <c r="NCS121" s="26"/>
      <c r="NCT121" s="26"/>
      <c r="NCU121" s="26"/>
      <c r="NCV121" s="26"/>
      <c r="NCW121" s="26"/>
      <c r="NCX121" s="26"/>
      <c r="NCY121" s="26"/>
      <c r="NCZ121" s="26"/>
      <c r="NDA121" s="26"/>
      <c r="NDB121" s="26"/>
      <c r="NDC121" s="26"/>
      <c r="NDD121" s="26"/>
      <c r="NDE121" s="26"/>
      <c r="NDF121" s="26"/>
      <c r="NDG121" s="26"/>
      <c r="NDH121" s="26"/>
      <c r="NDI121" s="26"/>
      <c r="NDJ121" s="26"/>
      <c r="NDK121" s="26"/>
      <c r="NDL121" s="26"/>
      <c r="NDM121" s="26"/>
      <c r="NDN121" s="26"/>
      <c r="NDO121" s="26"/>
      <c r="NDP121" s="26"/>
      <c r="NDQ121" s="26"/>
      <c r="NDR121" s="26"/>
      <c r="NDS121" s="26"/>
      <c r="NDT121" s="26"/>
      <c r="NDU121" s="26"/>
      <c r="NDV121" s="26"/>
      <c r="NDW121" s="26"/>
      <c r="NDX121" s="26"/>
      <c r="NDY121" s="26"/>
      <c r="NDZ121" s="26"/>
      <c r="NEA121" s="26"/>
      <c r="NEB121" s="26"/>
      <c r="NEC121" s="26"/>
      <c r="NED121" s="26"/>
      <c r="NEE121" s="26"/>
      <c r="NEF121" s="26"/>
      <c r="NEG121" s="26"/>
      <c r="NEH121" s="26"/>
      <c r="NEI121" s="26"/>
      <c r="NEJ121" s="26"/>
      <c r="NEK121" s="26"/>
      <c r="NEL121" s="26"/>
      <c r="NEM121" s="26"/>
      <c r="NEN121" s="26"/>
      <c r="NEO121" s="26"/>
      <c r="NEP121" s="26"/>
      <c r="NEQ121" s="26"/>
      <c r="NER121" s="26"/>
      <c r="NES121" s="26"/>
      <c r="NET121" s="26"/>
      <c r="NEU121" s="26"/>
      <c r="NEV121" s="26"/>
      <c r="NEW121" s="26"/>
      <c r="NEX121" s="26"/>
      <c r="NEY121" s="26"/>
      <c r="NEZ121" s="26"/>
      <c r="NFA121" s="26"/>
      <c r="NFB121" s="26"/>
      <c r="NFC121" s="26"/>
      <c r="NFD121" s="26"/>
      <c r="NFE121" s="26"/>
      <c r="NFF121" s="26"/>
      <c r="NFG121" s="26"/>
      <c r="NFH121" s="26"/>
      <c r="NFI121" s="26"/>
      <c r="NFJ121" s="26"/>
      <c r="NFK121" s="26"/>
      <c r="NFL121" s="26"/>
      <c r="NFM121" s="26"/>
      <c r="NFN121" s="26"/>
      <c r="NFO121" s="26"/>
      <c r="NFP121" s="26"/>
      <c r="NFQ121" s="26"/>
      <c r="NFR121" s="26"/>
      <c r="NFS121" s="26"/>
      <c r="NFT121" s="26"/>
      <c r="NFU121" s="26"/>
      <c r="NFV121" s="26"/>
      <c r="NFW121" s="26"/>
      <c r="NFX121" s="26"/>
      <c r="NFY121" s="26"/>
      <c r="NFZ121" s="26"/>
      <c r="NGA121" s="26"/>
      <c r="NGB121" s="26"/>
      <c r="NGC121" s="26"/>
      <c r="NGD121" s="26"/>
      <c r="NGE121" s="26"/>
      <c r="NGF121" s="26"/>
      <c r="NGG121" s="26"/>
      <c r="NGH121" s="26"/>
      <c r="NGI121" s="26"/>
      <c r="NGJ121" s="26"/>
      <c r="NGK121" s="26"/>
      <c r="NGL121" s="26"/>
      <c r="NGM121" s="26"/>
      <c r="NGN121" s="26"/>
      <c r="NGO121" s="26"/>
      <c r="NGP121" s="26"/>
      <c r="NGQ121" s="26"/>
      <c r="NGR121" s="26"/>
      <c r="NGS121" s="26"/>
      <c r="NGT121" s="26"/>
      <c r="NGU121" s="26"/>
      <c r="NGV121" s="26"/>
      <c r="NGW121" s="26"/>
      <c r="NGX121" s="26"/>
      <c r="NGY121" s="26"/>
      <c r="NGZ121" s="26"/>
      <c r="NHA121" s="26"/>
      <c r="NHB121" s="26"/>
      <c r="NHC121" s="26"/>
      <c r="NHD121" s="26"/>
      <c r="NHE121" s="26"/>
      <c r="NHF121" s="26"/>
      <c r="NHG121" s="26"/>
      <c r="NHH121" s="26"/>
      <c r="NHI121" s="26"/>
      <c r="NHJ121" s="26"/>
      <c r="NHK121" s="26"/>
      <c r="NHL121" s="26"/>
      <c r="NHM121" s="26"/>
      <c r="NHN121" s="26"/>
      <c r="NHO121" s="26"/>
      <c r="NHP121" s="26"/>
      <c r="NHQ121" s="26"/>
      <c r="NHR121" s="26"/>
      <c r="NHS121" s="26"/>
      <c r="NHT121" s="26"/>
      <c r="NHU121" s="26"/>
      <c r="NHV121" s="26"/>
      <c r="NHW121" s="26"/>
      <c r="NHX121" s="26"/>
      <c r="NHY121" s="26"/>
      <c r="NHZ121" s="26"/>
      <c r="NIA121" s="26"/>
      <c r="NIB121" s="26"/>
      <c r="NIC121" s="26"/>
      <c r="NID121" s="26"/>
      <c r="NIE121" s="26"/>
      <c r="NIF121" s="26"/>
      <c r="NIG121" s="26"/>
      <c r="NIH121" s="26"/>
      <c r="NII121" s="26"/>
      <c r="NIJ121" s="26"/>
      <c r="NIK121" s="26"/>
      <c r="NIL121" s="26"/>
      <c r="NIM121" s="26"/>
      <c r="NIN121" s="26"/>
      <c r="NIO121" s="26"/>
      <c r="NIP121" s="26"/>
      <c r="NIQ121" s="26"/>
      <c r="NIR121" s="26"/>
      <c r="NIS121" s="26"/>
      <c r="NIT121" s="26"/>
      <c r="NIU121" s="26"/>
      <c r="NIV121" s="26"/>
      <c r="NIW121" s="26"/>
      <c r="NIX121" s="26"/>
      <c r="NIY121" s="26"/>
      <c r="NIZ121" s="26"/>
      <c r="NJA121" s="26"/>
      <c r="NJB121" s="26"/>
      <c r="NJC121" s="26"/>
      <c r="NJD121" s="26"/>
      <c r="NJE121" s="26"/>
      <c r="NJF121" s="26"/>
      <c r="NJG121" s="26"/>
      <c r="NJH121" s="26"/>
      <c r="NJI121" s="26"/>
      <c r="NJJ121" s="26"/>
      <c r="NJK121" s="26"/>
      <c r="NJL121" s="26"/>
      <c r="NJM121" s="26"/>
      <c r="NJN121" s="26"/>
      <c r="NJO121" s="26"/>
      <c r="NJP121" s="26"/>
      <c r="NJQ121" s="26"/>
      <c r="NJR121" s="26"/>
      <c r="NJS121" s="26"/>
      <c r="NJT121" s="26"/>
      <c r="NJU121" s="26"/>
      <c r="NJV121" s="26"/>
      <c r="NJW121" s="26"/>
      <c r="NJX121" s="26"/>
      <c r="NJY121" s="26"/>
      <c r="NJZ121" s="26"/>
      <c r="NKA121" s="26"/>
      <c r="NKB121" s="26"/>
      <c r="NKC121" s="26"/>
      <c r="NKD121" s="26"/>
      <c r="NKE121" s="26"/>
      <c r="NKF121" s="26"/>
      <c r="NKG121" s="26"/>
      <c r="NKH121" s="26"/>
      <c r="NKI121" s="26"/>
      <c r="NKJ121" s="26"/>
      <c r="NKK121" s="26"/>
      <c r="NKL121" s="26"/>
      <c r="NKM121" s="26"/>
      <c r="NKN121" s="26"/>
      <c r="NKO121" s="26"/>
      <c r="NKP121" s="26"/>
      <c r="NKQ121" s="26"/>
      <c r="NKR121" s="26"/>
      <c r="NKS121" s="26"/>
      <c r="NKT121" s="26"/>
      <c r="NKU121" s="26"/>
      <c r="NKV121" s="26"/>
      <c r="NKW121" s="26"/>
      <c r="NKX121" s="26"/>
      <c r="NKY121" s="26"/>
      <c r="NKZ121" s="26"/>
      <c r="NLA121" s="26"/>
      <c r="NLB121" s="26"/>
      <c r="NLC121" s="26"/>
      <c r="NLD121" s="26"/>
      <c r="NLE121" s="26"/>
      <c r="NLF121" s="26"/>
      <c r="NLG121" s="26"/>
      <c r="NLH121" s="26"/>
      <c r="NLI121" s="26"/>
      <c r="NLJ121" s="26"/>
      <c r="NLK121" s="26"/>
      <c r="NLL121" s="26"/>
      <c r="NLM121" s="26"/>
      <c r="NLN121" s="26"/>
      <c r="NLO121" s="26"/>
      <c r="NLP121" s="26"/>
      <c r="NLQ121" s="26"/>
      <c r="NLR121" s="26"/>
      <c r="NLS121" s="26"/>
      <c r="NLT121" s="26"/>
      <c r="NLU121" s="26"/>
      <c r="NLV121" s="26"/>
      <c r="NLW121" s="26"/>
      <c r="NLX121" s="26"/>
      <c r="NLY121" s="26"/>
      <c r="NLZ121" s="26"/>
      <c r="NMA121" s="26"/>
      <c r="NMB121" s="26"/>
      <c r="NMC121" s="26"/>
      <c r="NMD121" s="26"/>
      <c r="NME121" s="26"/>
      <c r="NMF121" s="26"/>
      <c r="NMG121" s="26"/>
      <c r="NMH121" s="26"/>
      <c r="NMI121" s="26"/>
      <c r="NMJ121" s="26"/>
      <c r="NMK121" s="26"/>
      <c r="NML121" s="26"/>
      <c r="NMM121" s="26"/>
      <c r="NMN121" s="26"/>
      <c r="NMO121" s="26"/>
      <c r="NMP121" s="26"/>
      <c r="NMQ121" s="26"/>
      <c r="NMR121" s="26"/>
      <c r="NMS121" s="26"/>
      <c r="NMT121" s="26"/>
      <c r="NMU121" s="26"/>
      <c r="NMV121" s="26"/>
      <c r="NMW121" s="26"/>
      <c r="NMX121" s="26"/>
      <c r="NMY121" s="26"/>
      <c r="NMZ121" s="26"/>
      <c r="NNA121" s="26"/>
      <c r="NNB121" s="26"/>
      <c r="NNC121" s="26"/>
      <c r="NND121" s="26"/>
      <c r="NNE121" s="26"/>
      <c r="NNF121" s="26"/>
      <c r="NNG121" s="26"/>
      <c r="NNH121" s="26"/>
      <c r="NNI121" s="26"/>
      <c r="NNJ121" s="26"/>
      <c r="NNK121" s="26"/>
      <c r="NNL121" s="26"/>
      <c r="NNM121" s="26"/>
      <c r="NNN121" s="26"/>
      <c r="NNO121" s="26"/>
      <c r="NNP121" s="26"/>
      <c r="NNQ121" s="26"/>
      <c r="NNR121" s="26"/>
      <c r="NNS121" s="26"/>
      <c r="NNT121" s="26"/>
      <c r="NNU121" s="26"/>
      <c r="NNV121" s="26"/>
      <c r="NNW121" s="26"/>
      <c r="NNX121" s="26"/>
      <c r="NNY121" s="26"/>
      <c r="NNZ121" s="26"/>
      <c r="NOA121" s="26"/>
      <c r="NOB121" s="26"/>
      <c r="NOC121" s="26"/>
      <c r="NOD121" s="26"/>
      <c r="NOE121" s="26"/>
      <c r="NOF121" s="26"/>
      <c r="NOG121" s="26"/>
      <c r="NOH121" s="26"/>
      <c r="NOI121" s="26"/>
      <c r="NOJ121" s="26"/>
      <c r="NOK121" s="26"/>
      <c r="NOL121" s="26"/>
      <c r="NOM121" s="26"/>
      <c r="NON121" s="26"/>
      <c r="NOO121" s="26"/>
      <c r="NOP121" s="26"/>
      <c r="NOQ121" s="26"/>
      <c r="NOR121" s="26"/>
      <c r="NOS121" s="26"/>
      <c r="NOT121" s="26"/>
      <c r="NOU121" s="26"/>
      <c r="NOV121" s="26"/>
      <c r="NOW121" s="26"/>
      <c r="NOX121" s="26"/>
      <c r="NOY121" s="26"/>
      <c r="NOZ121" s="26"/>
      <c r="NPA121" s="26"/>
      <c r="NPB121" s="26"/>
      <c r="NPC121" s="26"/>
      <c r="NPD121" s="26"/>
      <c r="NPE121" s="26"/>
      <c r="NPF121" s="26"/>
      <c r="NPG121" s="26"/>
      <c r="NPH121" s="26"/>
      <c r="NPI121" s="26"/>
      <c r="NPJ121" s="26"/>
      <c r="NPK121" s="26"/>
      <c r="NPL121" s="26"/>
      <c r="NPM121" s="26"/>
      <c r="NPN121" s="26"/>
      <c r="NPO121" s="26"/>
      <c r="NPP121" s="26"/>
      <c r="NPQ121" s="26"/>
      <c r="NPR121" s="26"/>
      <c r="NPS121" s="26"/>
      <c r="NPT121" s="26"/>
      <c r="NPU121" s="26"/>
      <c r="NPV121" s="26"/>
      <c r="NPW121" s="26"/>
      <c r="NPX121" s="26"/>
      <c r="NPY121" s="26"/>
      <c r="NPZ121" s="26"/>
      <c r="NQA121" s="26"/>
      <c r="NQB121" s="26"/>
      <c r="NQC121" s="26"/>
      <c r="NQD121" s="26"/>
      <c r="NQE121" s="26"/>
      <c r="NQF121" s="26"/>
      <c r="NQG121" s="26"/>
      <c r="NQH121" s="26"/>
      <c r="NQI121" s="26"/>
      <c r="NQJ121" s="26"/>
      <c r="NQK121" s="26"/>
      <c r="NQL121" s="26"/>
      <c r="NQM121" s="26"/>
      <c r="NQN121" s="26"/>
      <c r="NQO121" s="26"/>
      <c r="NQP121" s="26"/>
      <c r="NQQ121" s="26"/>
      <c r="NQR121" s="26"/>
      <c r="NQS121" s="26"/>
      <c r="NQT121" s="26"/>
      <c r="NQU121" s="26"/>
      <c r="NQV121" s="26"/>
      <c r="NQW121" s="26"/>
      <c r="NQX121" s="26"/>
      <c r="NQY121" s="26"/>
      <c r="NQZ121" s="26"/>
      <c r="NRA121" s="26"/>
      <c r="NRB121" s="26"/>
      <c r="NRC121" s="26"/>
      <c r="NRD121" s="26"/>
      <c r="NRE121" s="26"/>
      <c r="NRF121" s="26"/>
      <c r="NRG121" s="26"/>
      <c r="NRH121" s="26"/>
      <c r="NRI121" s="26"/>
      <c r="NRJ121" s="26"/>
      <c r="NRK121" s="26"/>
      <c r="NRL121" s="26"/>
      <c r="NRM121" s="26"/>
      <c r="NRN121" s="26"/>
      <c r="NRO121" s="26"/>
      <c r="NRP121" s="26"/>
      <c r="NRQ121" s="26"/>
      <c r="NRR121" s="26"/>
      <c r="NRS121" s="26"/>
      <c r="NRT121" s="26"/>
      <c r="NRU121" s="26"/>
      <c r="NRV121" s="26"/>
      <c r="NRW121" s="26"/>
      <c r="NRX121" s="26"/>
      <c r="NRY121" s="26"/>
      <c r="NRZ121" s="26"/>
      <c r="NSA121" s="26"/>
      <c r="NSB121" s="26"/>
      <c r="NSC121" s="26"/>
      <c r="NSD121" s="26"/>
      <c r="NSE121" s="26"/>
      <c r="NSF121" s="26"/>
      <c r="NSG121" s="26"/>
      <c r="NSH121" s="26"/>
      <c r="NSI121" s="26"/>
      <c r="NSJ121" s="26"/>
      <c r="NSK121" s="26"/>
      <c r="NSL121" s="26"/>
      <c r="NSM121" s="26"/>
      <c r="NSN121" s="26"/>
      <c r="NSO121" s="26"/>
      <c r="NSP121" s="26"/>
      <c r="NSQ121" s="26"/>
      <c r="NSR121" s="26"/>
      <c r="NSS121" s="26"/>
      <c r="NST121" s="26"/>
      <c r="NSU121" s="26"/>
      <c r="NSV121" s="26"/>
      <c r="NSW121" s="26"/>
      <c r="NSX121" s="26"/>
      <c r="NSY121" s="26"/>
      <c r="NSZ121" s="26"/>
      <c r="NTA121" s="26"/>
      <c r="NTB121" s="26"/>
      <c r="NTC121" s="26"/>
      <c r="NTD121" s="26"/>
      <c r="NTE121" s="26"/>
      <c r="NTF121" s="26"/>
      <c r="NTG121" s="26"/>
      <c r="NTH121" s="26"/>
      <c r="NTI121" s="26"/>
      <c r="NTJ121" s="26"/>
      <c r="NTK121" s="26"/>
      <c r="NTL121" s="26"/>
      <c r="NTM121" s="26"/>
      <c r="NTN121" s="26"/>
      <c r="NTO121" s="26"/>
      <c r="NTP121" s="26"/>
      <c r="NTQ121" s="26"/>
      <c r="NTR121" s="26"/>
      <c r="NTS121" s="26"/>
      <c r="NTT121" s="26"/>
      <c r="NTU121" s="26"/>
      <c r="NTV121" s="26"/>
      <c r="NTW121" s="26"/>
      <c r="NTX121" s="26"/>
      <c r="NTY121" s="26"/>
      <c r="NTZ121" s="26"/>
      <c r="NUA121" s="26"/>
      <c r="NUB121" s="26"/>
      <c r="NUC121" s="26"/>
      <c r="NUD121" s="26"/>
      <c r="NUE121" s="26"/>
      <c r="NUF121" s="26"/>
      <c r="NUG121" s="26"/>
      <c r="NUH121" s="26"/>
      <c r="NUI121" s="26"/>
      <c r="NUJ121" s="26"/>
      <c r="NUK121" s="26"/>
      <c r="NUL121" s="26"/>
      <c r="NUM121" s="26"/>
      <c r="NUN121" s="26"/>
      <c r="NUO121" s="26"/>
      <c r="NUP121" s="26"/>
      <c r="NUQ121" s="26"/>
      <c r="NUR121" s="26"/>
      <c r="NUS121" s="26"/>
      <c r="NUT121" s="26"/>
      <c r="NUU121" s="26"/>
      <c r="NUV121" s="26"/>
      <c r="NUW121" s="26"/>
      <c r="NUX121" s="26"/>
      <c r="NUY121" s="26"/>
      <c r="NUZ121" s="26"/>
      <c r="NVA121" s="26"/>
      <c r="NVB121" s="26"/>
      <c r="NVC121" s="26"/>
      <c r="NVD121" s="26"/>
      <c r="NVE121" s="26"/>
      <c r="NVF121" s="26"/>
      <c r="NVG121" s="26"/>
      <c r="NVH121" s="26"/>
      <c r="NVI121" s="26"/>
      <c r="NVJ121" s="26"/>
      <c r="NVK121" s="26"/>
      <c r="NVL121" s="26"/>
      <c r="NVM121" s="26"/>
      <c r="NVN121" s="26"/>
      <c r="NVO121" s="26"/>
      <c r="NVP121" s="26"/>
      <c r="NVQ121" s="26"/>
      <c r="NVR121" s="26"/>
      <c r="NVS121" s="26"/>
      <c r="NVT121" s="26"/>
      <c r="NVU121" s="26"/>
      <c r="NVV121" s="26"/>
      <c r="NVW121" s="26"/>
      <c r="NVX121" s="26"/>
      <c r="NVY121" s="26"/>
      <c r="NVZ121" s="26"/>
      <c r="NWA121" s="26"/>
      <c r="NWB121" s="26"/>
      <c r="NWC121" s="26"/>
      <c r="NWD121" s="26"/>
      <c r="NWE121" s="26"/>
      <c r="NWF121" s="26"/>
      <c r="NWG121" s="26"/>
      <c r="NWH121" s="26"/>
      <c r="NWI121" s="26"/>
      <c r="NWJ121" s="26"/>
      <c r="NWK121" s="26"/>
      <c r="NWL121" s="26"/>
      <c r="NWM121" s="26"/>
      <c r="NWN121" s="26"/>
      <c r="NWO121" s="26"/>
      <c r="NWP121" s="26"/>
      <c r="NWQ121" s="26"/>
      <c r="NWR121" s="26"/>
      <c r="NWS121" s="26"/>
      <c r="NWT121" s="26"/>
      <c r="NWU121" s="26"/>
      <c r="NWV121" s="26"/>
      <c r="NWW121" s="26"/>
      <c r="NWX121" s="26"/>
      <c r="NWY121" s="26"/>
      <c r="NWZ121" s="26"/>
      <c r="NXA121" s="26"/>
      <c r="NXB121" s="26"/>
      <c r="NXC121" s="26"/>
      <c r="NXD121" s="26"/>
      <c r="NXE121" s="26"/>
      <c r="NXF121" s="26"/>
      <c r="NXG121" s="26"/>
      <c r="NXH121" s="26"/>
      <c r="NXI121" s="26"/>
      <c r="NXJ121" s="26"/>
      <c r="NXK121" s="26"/>
      <c r="NXL121" s="26"/>
      <c r="NXM121" s="26"/>
      <c r="NXN121" s="26"/>
      <c r="NXO121" s="26"/>
      <c r="NXP121" s="26"/>
      <c r="NXQ121" s="26"/>
      <c r="NXR121" s="26"/>
      <c r="NXS121" s="26"/>
      <c r="NXT121" s="26"/>
      <c r="NXU121" s="26"/>
      <c r="NXV121" s="26"/>
      <c r="NXW121" s="26"/>
      <c r="NXX121" s="26"/>
      <c r="NXY121" s="26"/>
      <c r="NXZ121" s="26"/>
      <c r="NYA121" s="26"/>
      <c r="NYB121" s="26"/>
      <c r="NYC121" s="26"/>
      <c r="NYD121" s="26"/>
      <c r="NYE121" s="26"/>
      <c r="NYF121" s="26"/>
      <c r="NYG121" s="26"/>
      <c r="NYH121" s="26"/>
      <c r="NYI121" s="26"/>
      <c r="NYJ121" s="26"/>
      <c r="NYK121" s="26"/>
      <c r="NYL121" s="26"/>
      <c r="NYM121" s="26"/>
      <c r="NYN121" s="26"/>
      <c r="NYO121" s="26"/>
      <c r="NYP121" s="26"/>
      <c r="NYQ121" s="26"/>
      <c r="NYR121" s="26"/>
      <c r="NYS121" s="26"/>
      <c r="NYT121" s="26"/>
      <c r="NYU121" s="26"/>
      <c r="NYV121" s="26"/>
      <c r="NYW121" s="26"/>
      <c r="NYX121" s="26"/>
      <c r="NYY121" s="26"/>
      <c r="NYZ121" s="26"/>
      <c r="NZA121" s="26"/>
      <c r="NZB121" s="26"/>
      <c r="NZC121" s="26"/>
      <c r="NZD121" s="26"/>
      <c r="NZE121" s="26"/>
      <c r="NZF121" s="26"/>
      <c r="NZG121" s="26"/>
      <c r="NZH121" s="26"/>
      <c r="NZI121" s="26"/>
      <c r="NZJ121" s="26"/>
      <c r="NZK121" s="26"/>
      <c r="NZL121" s="26"/>
      <c r="NZM121" s="26"/>
      <c r="NZN121" s="26"/>
      <c r="NZO121" s="26"/>
      <c r="NZP121" s="26"/>
      <c r="NZQ121" s="26"/>
      <c r="NZR121" s="26"/>
      <c r="NZS121" s="26"/>
      <c r="NZT121" s="26"/>
      <c r="NZU121" s="26"/>
      <c r="NZV121" s="26"/>
      <c r="NZW121" s="26"/>
      <c r="NZX121" s="26"/>
      <c r="NZY121" s="26"/>
      <c r="NZZ121" s="26"/>
      <c r="OAA121" s="26"/>
      <c r="OAB121" s="26"/>
      <c r="OAC121" s="26"/>
      <c r="OAD121" s="26"/>
      <c r="OAE121" s="26"/>
      <c r="OAF121" s="26"/>
      <c r="OAG121" s="26"/>
      <c r="OAH121" s="26"/>
      <c r="OAI121" s="26"/>
      <c r="OAJ121" s="26"/>
      <c r="OAK121" s="26"/>
      <c r="OAL121" s="26"/>
      <c r="OAM121" s="26"/>
      <c r="OAN121" s="26"/>
      <c r="OAO121" s="26"/>
      <c r="OAP121" s="26"/>
      <c r="OAQ121" s="26"/>
      <c r="OAR121" s="26"/>
      <c r="OAS121" s="26"/>
      <c r="OAT121" s="26"/>
      <c r="OAU121" s="26"/>
      <c r="OAV121" s="26"/>
      <c r="OAW121" s="26"/>
      <c r="OAX121" s="26"/>
      <c r="OAY121" s="26"/>
      <c r="OAZ121" s="26"/>
      <c r="OBA121" s="26"/>
      <c r="OBB121" s="26"/>
      <c r="OBC121" s="26"/>
      <c r="OBD121" s="26"/>
      <c r="OBE121" s="26"/>
      <c r="OBF121" s="26"/>
      <c r="OBG121" s="26"/>
      <c r="OBH121" s="26"/>
      <c r="OBI121" s="26"/>
      <c r="OBJ121" s="26"/>
      <c r="OBK121" s="26"/>
      <c r="OBL121" s="26"/>
      <c r="OBM121" s="26"/>
      <c r="OBN121" s="26"/>
      <c r="OBO121" s="26"/>
      <c r="OBP121" s="26"/>
      <c r="OBQ121" s="26"/>
      <c r="OBR121" s="26"/>
      <c r="OBS121" s="26"/>
      <c r="OBT121" s="26"/>
      <c r="OBU121" s="26"/>
      <c r="OBV121" s="26"/>
      <c r="OBW121" s="26"/>
      <c r="OBX121" s="26"/>
      <c r="OBY121" s="26"/>
      <c r="OBZ121" s="26"/>
      <c r="OCA121" s="26"/>
      <c r="OCB121" s="26"/>
      <c r="OCC121" s="26"/>
      <c r="OCD121" s="26"/>
      <c r="OCE121" s="26"/>
      <c r="OCF121" s="26"/>
      <c r="OCG121" s="26"/>
      <c r="OCH121" s="26"/>
      <c r="OCI121" s="26"/>
      <c r="OCJ121" s="26"/>
      <c r="OCK121" s="26"/>
      <c r="OCL121" s="26"/>
      <c r="OCM121" s="26"/>
      <c r="OCN121" s="26"/>
      <c r="OCO121" s="26"/>
      <c r="OCP121" s="26"/>
      <c r="OCQ121" s="26"/>
      <c r="OCR121" s="26"/>
      <c r="OCS121" s="26"/>
      <c r="OCT121" s="26"/>
      <c r="OCU121" s="26"/>
      <c r="OCV121" s="26"/>
      <c r="OCW121" s="26"/>
      <c r="OCX121" s="26"/>
      <c r="OCY121" s="26"/>
      <c r="OCZ121" s="26"/>
      <c r="ODA121" s="26"/>
      <c r="ODB121" s="26"/>
      <c r="ODC121" s="26"/>
      <c r="ODD121" s="26"/>
      <c r="ODE121" s="26"/>
      <c r="ODF121" s="26"/>
      <c r="ODG121" s="26"/>
      <c r="ODH121" s="26"/>
      <c r="ODI121" s="26"/>
      <c r="ODJ121" s="26"/>
      <c r="ODK121" s="26"/>
      <c r="ODL121" s="26"/>
      <c r="ODM121" s="26"/>
      <c r="ODN121" s="26"/>
      <c r="ODO121" s="26"/>
      <c r="ODP121" s="26"/>
      <c r="ODQ121" s="26"/>
      <c r="ODR121" s="26"/>
      <c r="ODS121" s="26"/>
      <c r="ODT121" s="26"/>
      <c r="ODU121" s="26"/>
      <c r="ODV121" s="26"/>
      <c r="ODW121" s="26"/>
      <c r="ODX121" s="26"/>
      <c r="ODY121" s="26"/>
      <c r="ODZ121" s="26"/>
      <c r="OEA121" s="26"/>
      <c r="OEB121" s="26"/>
      <c r="OEC121" s="26"/>
      <c r="OED121" s="26"/>
      <c r="OEE121" s="26"/>
      <c r="OEF121" s="26"/>
      <c r="OEG121" s="26"/>
      <c r="OEH121" s="26"/>
      <c r="OEI121" s="26"/>
      <c r="OEJ121" s="26"/>
      <c r="OEK121" s="26"/>
      <c r="OEL121" s="26"/>
      <c r="OEM121" s="26"/>
      <c r="OEN121" s="26"/>
      <c r="OEO121" s="26"/>
      <c r="OEP121" s="26"/>
      <c r="OEQ121" s="26"/>
      <c r="OER121" s="26"/>
      <c r="OES121" s="26"/>
      <c r="OET121" s="26"/>
      <c r="OEU121" s="26"/>
      <c r="OEV121" s="26"/>
      <c r="OEW121" s="26"/>
      <c r="OEX121" s="26"/>
      <c r="OEY121" s="26"/>
      <c r="OEZ121" s="26"/>
      <c r="OFA121" s="26"/>
      <c r="OFB121" s="26"/>
      <c r="OFC121" s="26"/>
      <c r="OFD121" s="26"/>
      <c r="OFE121" s="26"/>
      <c r="OFF121" s="26"/>
      <c r="OFG121" s="26"/>
      <c r="OFH121" s="26"/>
      <c r="OFI121" s="26"/>
      <c r="OFJ121" s="26"/>
      <c r="OFK121" s="26"/>
      <c r="OFL121" s="26"/>
      <c r="OFM121" s="26"/>
      <c r="OFN121" s="26"/>
      <c r="OFO121" s="26"/>
      <c r="OFP121" s="26"/>
      <c r="OFQ121" s="26"/>
      <c r="OFR121" s="26"/>
      <c r="OFS121" s="26"/>
      <c r="OFT121" s="26"/>
      <c r="OFU121" s="26"/>
      <c r="OFV121" s="26"/>
      <c r="OFW121" s="26"/>
      <c r="OFX121" s="26"/>
      <c r="OFY121" s="26"/>
      <c r="OFZ121" s="26"/>
      <c r="OGA121" s="26"/>
      <c r="OGB121" s="26"/>
      <c r="OGC121" s="26"/>
      <c r="OGD121" s="26"/>
      <c r="OGE121" s="26"/>
      <c r="OGF121" s="26"/>
      <c r="OGG121" s="26"/>
      <c r="OGH121" s="26"/>
      <c r="OGI121" s="26"/>
      <c r="OGJ121" s="26"/>
      <c r="OGK121" s="26"/>
      <c r="OGL121" s="26"/>
      <c r="OGM121" s="26"/>
      <c r="OGN121" s="26"/>
      <c r="OGO121" s="26"/>
      <c r="OGP121" s="26"/>
      <c r="OGQ121" s="26"/>
      <c r="OGR121" s="26"/>
      <c r="OGS121" s="26"/>
      <c r="OGT121" s="26"/>
      <c r="OGU121" s="26"/>
      <c r="OGV121" s="26"/>
      <c r="OGW121" s="26"/>
      <c r="OGX121" s="26"/>
      <c r="OGY121" s="26"/>
      <c r="OGZ121" s="26"/>
      <c r="OHA121" s="26"/>
      <c r="OHB121" s="26"/>
      <c r="OHC121" s="26"/>
      <c r="OHD121" s="26"/>
      <c r="OHE121" s="26"/>
      <c r="OHF121" s="26"/>
      <c r="OHG121" s="26"/>
      <c r="OHH121" s="26"/>
      <c r="OHI121" s="26"/>
      <c r="OHJ121" s="26"/>
      <c r="OHK121" s="26"/>
      <c r="OHL121" s="26"/>
      <c r="OHM121" s="26"/>
      <c r="OHN121" s="26"/>
      <c r="OHO121" s="26"/>
      <c r="OHP121" s="26"/>
      <c r="OHQ121" s="26"/>
      <c r="OHR121" s="26"/>
      <c r="OHS121" s="26"/>
      <c r="OHT121" s="26"/>
      <c r="OHU121" s="26"/>
      <c r="OHV121" s="26"/>
      <c r="OHW121" s="26"/>
      <c r="OHX121" s="26"/>
      <c r="OHY121" s="26"/>
      <c r="OHZ121" s="26"/>
      <c r="OIA121" s="26"/>
      <c r="OIB121" s="26"/>
      <c r="OIC121" s="26"/>
      <c r="OID121" s="26"/>
      <c r="OIE121" s="26"/>
      <c r="OIF121" s="26"/>
      <c r="OIG121" s="26"/>
      <c r="OIH121" s="26"/>
      <c r="OII121" s="26"/>
      <c r="OIJ121" s="26"/>
      <c r="OIK121" s="26"/>
      <c r="OIL121" s="26"/>
      <c r="OIM121" s="26"/>
      <c r="OIN121" s="26"/>
      <c r="OIO121" s="26"/>
      <c r="OIP121" s="26"/>
      <c r="OIQ121" s="26"/>
      <c r="OIR121" s="26"/>
      <c r="OIS121" s="26"/>
      <c r="OIT121" s="26"/>
      <c r="OIU121" s="26"/>
      <c r="OIV121" s="26"/>
      <c r="OIW121" s="26"/>
      <c r="OIX121" s="26"/>
      <c r="OIY121" s="26"/>
      <c r="OIZ121" s="26"/>
      <c r="OJA121" s="26"/>
      <c r="OJB121" s="26"/>
      <c r="OJC121" s="26"/>
      <c r="OJD121" s="26"/>
      <c r="OJE121" s="26"/>
      <c r="OJF121" s="26"/>
      <c r="OJG121" s="26"/>
      <c r="OJH121" s="26"/>
      <c r="OJI121" s="26"/>
      <c r="OJJ121" s="26"/>
      <c r="OJK121" s="26"/>
      <c r="OJL121" s="26"/>
      <c r="OJM121" s="26"/>
      <c r="OJN121" s="26"/>
      <c r="OJO121" s="26"/>
      <c r="OJP121" s="26"/>
      <c r="OJQ121" s="26"/>
      <c r="OJR121" s="26"/>
      <c r="OJS121" s="26"/>
      <c r="OJT121" s="26"/>
      <c r="OJU121" s="26"/>
      <c r="OJV121" s="26"/>
      <c r="OJW121" s="26"/>
      <c r="OJX121" s="26"/>
      <c r="OJY121" s="26"/>
      <c r="OJZ121" s="26"/>
      <c r="OKA121" s="26"/>
      <c r="OKB121" s="26"/>
      <c r="OKC121" s="26"/>
      <c r="OKD121" s="26"/>
      <c r="OKE121" s="26"/>
      <c r="OKF121" s="26"/>
      <c r="OKG121" s="26"/>
      <c r="OKH121" s="26"/>
      <c r="OKI121" s="26"/>
      <c r="OKJ121" s="26"/>
      <c r="OKK121" s="26"/>
      <c r="OKL121" s="26"/>
      <c r="OKM121" s="26"/>
      <c r="OKN121" s="26"/>
      <c r="OKO121" s="26"/>
      <c r="OKP121" s="26"/>
      <c r="OKQ121" s="26"/>
      <c r="OKR121" s="26"/>
      <c r="OKS121" s="26"/>
      <c r="OKT121" s="26"/>
      <c r="OKU121" s="26"/>
      <c r="OKV121" s="26"/>
      <c r="OKW121" s="26"/>
      <c r="OKX121" s="26"/>
      <c r="OKY121" s="26"/>
      <c r="OKZ121" s="26"/>
      <c r="OLA121" s="26"/>
      <c r="OLB121" s="26"/>
      <c r="OLC121" s="26"/>
      <c r="OLD121" s="26"/>
      <c r="OLE121" s="26"/>
      <c r="OLF121" s="26"/>
      <c r="OLG121" s="26"/>
      <c r="OLH121" s="26"/>
      <c r="OLI121" s="26"/>
      <c r="OLJ121" s="26"/>
      <c r="OLK121" s="26"/>
      <c r="OLL121" s="26"/>
      <c r="OLM121" s="26"/>
      <c r="OLN121" s="26"/>
      <c r="OLO121" s="26"/>
      <c r="OLP121" s="26"/>
      <c r="OLQ121" s="26"/>
      <c r="OLR121" s="26"/>
      <c r="OLS121" s="26"/>
      <c r="OLT121" s="26"/>
      <c r="OLU121" s="26"/>
      <c r="OLV121" s="26"/>
      <c r="OLW121" s="26"/>
      <c r="OLX121" s="26"/>
      <c r="OLY121" s="26"/>
      <c r="OLZ121" s="26"/>
      <c r="OMA121" s="26"/>
      <c r="OMB121" s="26"/>
      <c r="OMC121" s="26"/>
      <c r="OMD121" s="26"/>
      <c r="OME121" s="26"/>
      <c r="OMF121" s="26"/>
      <c r="OMG121" s="26"/>
      <c r="OMH121" s="26"/>
      <c r="OMI121" s="26"/>
      <c r="OMJ121" s="26"/>
      <c r="OMK121" s="26"/>
      <c r="OML121" s="26"/>
      <c r="OMM121" s="26"/>
      <c r="OMN121" s="26"/>
      <c r="OMO121" s="26"/>
      <c r="OMP121" s="26"/>
      <c r="OMQ121" s="26"/>
      <c r="OMR121" s="26"/>
      <c r="OMS121" s="26"/>
      <c r="OMT121" s="26"/>
      <c r="OMU121" s="26"/>
      <c r="OMV121" s="26"/>
      <c r="OMW121" s="26"/>
      <c r="OMX121" s="26"/>
      <c r="OMY121" s="26"/>
      <c r="OMZ121" s="26"/>
      <c r="ONA121" s="26"/>
      <c r="ONB121" s="26"/>
      <c r="ONC121" s="26"/>
      <c r="OND121" s="26"/>
      <c r="ONE121" s="26"/>
      <c r="ONF121" s="26"/>
      <c r="ONG121" s="26"/>
      <c r="ONH121" s="26"/>
      <c r="ONI121" s="26"/>
      <c r="ONJ121" s="26"/>
      <c r="ONK121" s="26"/>
      <c r="ONL121" s="26"/>
      <c r="ONM121" s="26"/>
      <c r="ONN121" s="26"/>
      <c r="ONO121" s="26"/>
      <c r="ONP121" s="26"/>
      <c r="ONQ121" s="26"/>
      <c r="ONR121" s="26"/>
      <c r="ONS121" s="26"/>
      <c r="ONT121" s="26"/>
      <c r="ONU121" s="26"/>
      <c r="ONV121" s="26"/>
      <c r="ONW121" s="26"/>
      <c r="ONX121" s="26"/>
      <c r="ONY121" s="26"/>
      <c r="ONZ121" s="26"/>
      <c r="OOA121" s="26"/>
      <c r="OOB121" s="26"/>
      <c r="OOC121" s="26"/>
      <c r="OOD121" s="26"/>
      <c r="OOE121" s="26"/>
      <c r="OOF121" s="26"/>
      <c r="OOG121" s="26"/>
      <c r="OOH121" s="26"/>
      <c r="OOI121" s="26"/>
      <c r="OOJ121" s="26"/>
      <c r="OOK121" s="26"/>
      <c r="OOL121" s="26"/>
      <c r="OOM121" s="26"/>
      <c r="OON121" s="26"/>
      <c r="OOO121" s="26"/>
      <c r="OOP121" s="26"/>
      <c r="OOQ121" s="26"/>
      <c r="OOR121" s="26"/>
      <c r="OOS121" s="26"/>
      <c r="OOT121" s="26"/>
      <c r="OOU121" s="26"/>
      <c r="OOV121" s="26"/>
      <c r="OOW121" s="26"/>
      <c r="OOX121" s="26"/>
      <c r="OOY121" s="26"/>
      <c r="OOZ121" s="26"/>
      <c r="OPA121" s="26"/>
      <c r="OPB121" s="26"/>
      <c r="OPC121" s="26"/>
      <c r="OPD121" s="26"/>
      <c r="OPE121" s="26"/>
      <c r="OPF121" s="26"/>
      <c r="OPG121" s="26"/>
      <c r="OPH121" s="26"/>
      <c r="OPI121" s="26"/>
      <c r="OPJ121" s="26"/>
      <c r="OPK121" s="26"/>
      <c r="OPL121" s="26"/>
      <c r="OPM121" s="26"/>
      <c r="OPN121" s="26"/>
      <c r="OPO121" s="26"/>
      <c r="OPP121" s="26"/>
      <c r="OPQ121" s="26"/>
      <c r="OPR121" s="26"/>
      <c r="OPS121" s="26"/>
      <c r="OPT121" s="26"/>
      <c r="OPU121" s="26"/>
      <c r="OPV121" s="26"/>
      <c r="OPW121" s="26"/>
      <c r="OPX121" s="26"/>
      <c r="OPY121" s="26"/>
      <c r="OPZ121" s="26"/>
      <c r="OQA121" s="26"/>
      <c r="OQB121" s="26"/>
      <c r="OQC121" s="26"/>
      <c r="OQD121" s="26"/>
      <c r="OQE121" s="26"/>
      <c r="OQF121" s="26"/>
      <c r="OQG121" s="26"/>
      <c r="OQH121" s="26"/>
      <c r="OQI121" s="26"/>
      <c r="OQJ121" s="26"/>
      <c r="OQK121" s="26"/>
      <c r="OQL121" s="26"/>
      <c r="OQM121" s="26"/>
      <c r="OQN121" s="26"/>
      <c r="OQO121" s="26"/>
      <c r="OQP121" s="26"/>
      <c r="OQQ121" s="26"/>
      <c r="OQR121" s="26"/>
      <c r="OQS121" s="26"/>
      <c r="OQT121" s="26"/>
      <c r="OQU121" s="26"/>
      <c r="OQV121" s="26"/>
      <c r="OQW121" s="26"/>
      <c r="OQX121" s="26"/>
      <c r="OQY121" s="26"/>
      <c r="OQZ121" s="26"/>
      <c r="ORA121" s="26"/>
      <c r="ORB121" s="26"/>
      <c r="ORC121" s="26"/>
      <c r="ORD121" s="26"/>
      <c r="ORE121" s="26"/>
      <c r="ORF121" s="26"/>
      <c r="ORG121" s="26"/>
      <c r="ORH121" s="26"/>
      <c r="ORI121" s="26"/>
      <c r="ORJ121" s="26"/>
      <c r="ORK121" s="26"/>
      <c r="ORL121" s="26"/>
      <c r="ORM121" s="26"/>
      <c r="ORN121" s="26"/>
      <c r="ORO121" s="26"/>
      <c r="ORP121" s="26"/>
      <c r="ORQ121" s="26"/>
      <c r="ORR121" s="26"/>
      <c r="ORS121" s="26"/>
      <c r="ORT121" s="26"/>
      <c r="ORU121" s="26"/>
      <c r="ORV121" s="26"/>
      <c r="ORW121" s="26"/>
      <c r="ORX121" s="26"/>
      <c r="ORY121" s="26"/>
      <c r="ORZ121" s="26"/>
      <c r="OSA121" s="26"/>
      <c r="OSB121" s="26"/>
      <c r="OSC121" s="26"/>
      <c r="OSD121" s="26"/>
      <c r="OSE121" s="26"/>
      <c r="OSF121" s="26"/>
      <c r="OSG121" s="26"/>
      <c r="OSH121" s="26"/>
      <c r="OSI121" s="26"/>
      <c r="OSJ121" s="26"/>
      <c r="OSK121" s="26"/>
      <c r="OSL121" s="26"/>
      <c r="OSM121" s="26"/>
      <c r="OSN121" s="26"/>
      <c r="OSO121" s="26"/>
      <c r="OSP121" s="26"/>
      <c r="OSQ121" s="26"/>
      <c r="OSR121" s="26"/>
      <c r="OSS121" s="26"/>
      <c r="OST121" s="26"/>
      <c r="OSU121" s="26"/>
      <c r="OSV121" s="26"/>
      <c r="OSW121" s="26"/>
      <c r="OSX121" s="26"/>
      <c r="OSY121" s="26"/>
      <c r="OSZ121" s="26"/>
      <c r="OTA121" s="26"/>
      <c r="OTB121" s="26"/>
      <c r="OTC121" s="26"/>
      <c r="OTD121" s="26"/>
      <c r="OTE121" s="26"/>
      <c r="OTF121" s="26"/>
      <c r="OTG121" s="26"/>
      <c r="OTH121" s="26"/>
      <c r="OTI121" s="26"/>
      <c r="OTJ121" s="26"/>
      <c r="OTK121" s="26"/>
      <c r="OTL121" s="26"/>
      <c r="OTM121" s="26"/>
      <c r="OTN121" s="26"/>
      <c r="OTO121" s="26"/>
      <c r="OTP121" s="26"/>
      <c r="OTQ121" s="26"/>
      <c r="OTR121" s="26"/>
      <c r="OTS121" s="26"/>
      <c r="OTT121" s="26"/>
      <c r="OTU121" s="26"/>
      <c r="OTV121" s="26"/>
      <c r="OTW121" s="26"/>
      <c r="OTX121" s="26"/>
      <c r="OTY121" s="26"/>
      <c r="OTZ121" s="26"/>
      <c r="OUA121" s="26"/>
      <c r="OUB121" s="26"/>
      <c r="OUC121" s="26"/>
      <c r="OUD121" s="26"/>
      <c r="OUE121" s="26"/>
      <c r="OUF121" s="26"/>
      <c r="OUG121" s="26"/>
      <c r="OUH121" s="26"/>
      <c r="OUI121" s="26"/>
      <c r="OUJ121" s="26"/>
      <c r="OUK121" s="26"/>
      <c r="OUL121" s="26"/>
      <c r="OUM121" s="26"/>
      <c r="OUN121" s="26"/>
      <c r="OUO121" s="26"/>
      <c r="OUP121" s="26"/>
      <c r="OUQ121" s="26"/>
      <c r="OUR121" s="26"/>
      <c r="OUS121" s="26"/>
      <c r="OUT121" s="26"/>
      <c r="OUU121" s="26"/>
      <c r="OUV121" s="26"/>
      <c r="OUW121" s="26"/>
      <c r="OUX121" s="26"/>
      <c r="OUY121" s="26"/>
      <c r="OUZ121" s="26"/>
      <c r="OVA121" s="26"/>
      <c r="OVB121" s="26"/>
      <c r="OVC121" s="26"/>
      <c r="OVD121" s="26"/>
      <c r="OVE121" s="26"/>
      <c r="OVF121" s="26"/>
      <c r="OVG121" s="26"/>
      <c r="OVH121" s="26"/>
      <c r="OVI121" s="26"/>
      <c r="OVJ121" s="26"/>
      <c r="OVK121" s="26"/>
      <c r="OVL121" s="26"/>
      <c r="OVM121" s="26"/>
      <c r="OVN121" s="26"/>
      <c r="OVO121" s="26"/>
      <c r="OVP121" s="26"/>
      <c r="OVQ121" s="26"/>
      <c r="OVR121" s="26"/>
      <c r="OVS121" s="26"/>
      <c r="OVT121" s="26"/>
      <c r="OVU121" s="26"/>
      <c r="OVV121" s="26"/>
      <c r="OVW121" s="26"/>
      <c r="OVX121" s="26"/>
      <c r="OVY121" s="26"/>
      <c r="OVZ121" s="26"/>
      <c r="OWA121" s="26"/>
      <c r="OWB121" s="26"/>
      <c r="OWC121" s="26"/>
      <c r="OWD121" s="26"/>
      <c r="OWE121" s="26"/>
      <c r="OWF121" s="26"/>
      <c r="OWG121" s="26"/>
      <c r="OWH121" s="26"/>
      <c r="OWI121" s="26"/>
      <c r="OWJ121" s="26"/>
      <c r="OWK121" s="26"/>
      <c r="OWL121" s="26"/>
      <c r="OWM121" s="26"/>
      <c r="OWN121" s="26"/>
      <c r="OWO121" s="26"/>
      <c r="OWP121" s="26"/>
      <c r="OWQ121" s="26"/>
      <c r="OWR121" s="26"/>
      <c r="OWS121" s="26"/>
      <c r="OWT121" s="26"/>
      <c r="OWU121" s="26"/>
      <c r="OWV121" s="26"/>
      <c r="OWW121" s="26"/>
      <c r="OWX121" s="26"/>
      <c r="OWY121" s="26"/>
      <c r="OWZ121" s="26"/>
      <c r="OXA121" s="26"/>
      <c r="OXB121" s="26"/>
      <c r="OXC121" s="26"/>
      <c r="OXD121" s="26"/>
      <c r="OXE121" s="26"/>
      <c r="OXF121" s="26"/>
      <c r="OXG121" s="26"/>
      <c r="OXH121" s="26"/>
      <c r="OXI121" s="26"/>
      <c r="OXJ121" s="26"/>
      <c r="OXK121" s="26"/>
      <c r="OXL121" s="26"/>
      <c r="OXM121" s="26"/>
      <c r="OXN121" s="26"/>
      <c r="OXO121" s="26"/>
      <c r="OXP121" s="26"/>
      <c r="OXQ121" s="26"/>
      <c r="OXR121" s="26"/>
      <c r="OXS121" s="26"/>
      <c r="OXT121" s="26"/>
      <c r="OXU121" s="26"/>
      <c r="OXV121" s="26"/>
      <c r="OXW121" s="26"/>
      <c r="OXX121" s="26"/>
      <c r="OXY121" s="26"/>
      <c r="OXZ121" s="26"/>
      <c r="OYA121" s="26"/>
      <c r="OYB121" s="26"/>
      <c r="OYC121" s="26"/>
      <c r="OYD121" s="26"/>
      <c r="OYE121" s="26"/>
      <c r="OYF121" s="26"/>
      <c r="OYG121" s="26"/>
      <c r="OYH121" s="26"/>
      <c r="OYI121" s="26"/>
      <c r="OYJ121" s="26"/>
      <c r="OYK121" s="26"/>
      <c r="OYL121" s="26"/>
      <c r="OYM121" s="26"/>
      <c r="OYN121" s="26"/>
      <c r="OYO121" s="26"/>
      <c r="OYP121" s="26"/>
      <c r="OYQ121" s="26"/>
      <c r="OYR121" s="26"/>
      <c r="OYS121" s="26"/>
      <c r="OYT121" s="26"/>
      <c r="OYU121" s="26"/>
      <c r="OYV121" s="26"/>
      <c r="OYW121" s="26"/>
      <c r="OYX121" s="26"/>
      <c r="OYY121" s="26"/>
      <c r="OYZ121" s="26"/>
      <c r="OZA121" s="26"/>
      <c r="OZB121" s="26"/>
      <c r="OZC121" s="26"/>
      <c r="OZD121" s="26"/>
      <c r="OZE121" s="26"/>
      <c r="OZF121" s="26"/>
      <c r="OZG121" s="26"/>
      <c r="OZH121" s="26"/>
      <c r="OZI121" s="26"/>
      <c r="OZJ121" s="26"/>
      <c r="OZK121" s="26"/>
      <c r="OZL121" s="26"/>
      <c r="OZM121" s="26"/>
      <c r="OZN121" s="26"/>
      <c r="OZO121" s="26"/>
      <c r="OZP121" s="26"/>
      <c r="OZQ121" s="26"/>
      <c r="OZR121" s="26"/>
      <c r="OZS121" s="26"/>
      <c r="OZT121" s="26"/>
      <c r="OZU121" s="26"/>
      <c r="OZV121" s="26"/>
      <c r="OZW121" s="26"/>
      <c r="OZX121" s="26"/>
      <c r="OZY121" s="26"/>
      <c r="OZZ121" s="26"/>
      <c r="PAA121" s="26"/>
      <c r="PAB121" s="26"/>
      <c r="PAC121" s="26"/>
      <c r="PAD121" s="26"/>
      <c r="PAE121" s="26"/>
      <c r="PAF121" s="26"/>
      <c r="PAG121" s="26"/>
      <c r="PAH121" s="26"/>
      <c r="PAI121" s="26"/>
      <c r="PAJ121" s="26"/>
      <c r="PAK121" s="26"/>
      <c r="PAL121" s="26"/>
      <c r="PAM121" s="26"/>
      <c r="PAN121" s="26"/>
      <c r="PAO121" s="26"/>
      <c r="PAP121" s="26"/>
      <c r="PAQ121" s="26"/>
      <c r="PAR121" s="26"/>
      <c r="PAS121" s="26"/>
      <c r="PAT121" s="26"/>
      <c r="PAU121" s="26"/>
      <c r="PAV121" s="26"/>
      <c r="PAW121" s="26"/>
      <c r="PAX121" s="26"/>
      <c r="PAY121" s="26"/>
      <c r="PAZ121" s="26"/>
      <c r="PBA121" s="26"/>
      <c r="PBB121" s="26"/>
      <c r="PBC121" s="26"/>
      <c r="PBD121" s="26"/>
      <c r="PBE121" s="26"/>
      <c r="PBF121" s="26"/>
      <c r="PBG121" s="26"/>
      <c r="PBH121" s="26"/>
      <c r="PBI121" s="26"/>
      <c r="PBJ121" s="26"/>
      <c r="PBK121" s="26"/>
      <c r="PBL121" s="26"/>
      <c r="PBM121" s="26"/>
      <c r="PBN121" s="26"/>
      <c r="PBO121" s="26"/>
      <c r="PBP121" s="26"/>
      <c r="PBQ121" s="26"/>
      <c r="PBR121" s="26"/>
      <c r="PBS121" s="26"/>
      <c r="PBT121" s="26"/>
      <c r="PBU121" s="26"/>
      <c r="PBV121" s="26"/>
      <c r="PBW121" s="26"/>
      <c r="PBX121" s="26"/>
      <c r="PBY121" s="26"/>
      <c r="PBZ121" s="26"/>
      <c r="PCA121" s="26"/>
      <c r="PCB121" s="26"/>
      <c r="PCC121" s="26"/>
      <c r="PCD121" s="26"/>
      <c r="PCE121" s="26"/>
      <c r="PCF121" s="26"/>
      <c r="PCG121" s="26"/>
      <c r="PCH121" s="26"/>
      <c r="PCI121" s="26"/>
      <c r="PCJ121" s="26"/>
      <c r="PCK121" s="26"/>
      <c r="PCL121" s="26"/>
      <c r="PCM121" s="26"/>
      <c r="PCN121" s="26"/>
      <c r="PCO121" s="26"/>
      <c r="PCP121" s="26"/>
      <c r="PCQ121" s="26"/>
      <c r="PCR121" s="26"/>
      <c r="PCS121" s="26"/>
      <c r="PCT121" s="26"/>
      <c r="PCU121" s="26"/>
      <c r="PCV121" s="26"/>
      <c r="PCW121" s="26"/>
      <c r="PCX121" s="26"/>
      <c r="PCY121" s="26"/>
      <c r="PCZ121" s="26"/>
      <c r="PDA121" s="26"/>
      <c r="PDB121" s="26"/>
      <c r="PDC121" s="26"/>
      <c r="PDD121" s="26"/>
      <c r="PDE121" s="26"/>
      <c r="PDF121" s="26"/>
      <c r="PDG121" s="26"/>
      <c r="PDH121" s="26"/>
      <c r="PDI121" s="26"/>
      <c r="PDJ121" s="26"/>
      <c r="PDK121" s="26"/>
      <c r="PDL121" s="26"/>
      <c r="PDM121" s="26"/>
      <c r="PDN121" s="26"/>
      <c r="PDO121" s="26"/>
      <c r="PDP121" s="26"/>
      <c r="PDQ121" s="26"/>
      <c r="PDR121" s="26"/>
      <c r="PDS121" s="26"/>
      <c r="PDT121" s="26"/>
      <c r="PDU121" s="26"/>
      <c r="PDV121" s="26"/>
      <c r="PDW121" s="26"/>
      <c r="PDX121" s="26"/>
      <c r="PDY121" s="26"/>
      <c r="PDZ121" s="26"/>
      <c r="PEA121" s="26"/>
      <c r="PEB121" s="26"/>
      <c r="PEC121" s="26"/>
      <c r="PED121" s="26"/>
      <c r="PEE121" s="26"/>
      <c r="PEF121" s="26"/>
      <c r="PEG121" s="26"/>
      <c r="PEH121" s="26"/>
      <c r="PEI121" s="26"/>
      <c r="PEJ121" s="26"/>
      <c r="PEK121" s="26"/>
      <c r="PEL121" s="26"/>
      <c r="PEM121" s="26"/>
      <c r="PEN121" s="26"/>
      <c r="PEO121" s="26"/>
      <c r="PEP121" s="26"/>
      <c r="PEQ121" s="26"/>
      <c r="PER121" s="26"/>
      <c r="PES121" s="26"/>
      <c r="PET121" s="26"/>
      <c r="PEU121" s="26"/>
      <c r="PEV121" s="26"/>
      <c r="PEW121" s="26"/>
      <c r="PEX121" s="26"/>
      <c r="PEY121" s="26"/>
      <c r="PEZ121" s="26"/>
      <c r="PFA121" s="26"/>
      <c r="PFB121" s="26"/>
      <c r="PFC121" s="26"/>
      <c r="PFD121" s="26"/>
      <c r="PFE121" s="26"/>
      <c r="PFF121" s="26"/>
      <c r="PFG121" s="26"/>
      <c r="PFH121" s="26"/>
      <c r="PFI121" s="26"/>
      <c r="PFJ121" s="26"/>
      <c r="PFK121" s="26"/>
      <c r="PFL121" s="26"/>
      <c r="PFM121" s="26"/>
      <c r="PFN121" s="26"/>
      <c r="PFO121" s="26"/>
      <c r="PFP121" s="26"/>
      <c r="PFQ121" s="26"/>
      <c r="PFR121" s="26"/>
      <c r="PFS121" s="26"/>
      <c r="PFT121" s="26"/>
      <c r="PFU121" s="26"/>
      <c r="PFV121" s="26"/>
      <c r="PFW121" s="26"/>
      <c r="PFX121" s="26"/>
      <c r="PFY121" s="26"/>
      <c r="PFZ121" s="26"/>
      <c r="PGA121" s="26"/>
      <c r="PGB121" s="26"/>
      <c r="PGC121" s="26"/>
      <c r="PGD121" s="26"/>
      <c r="PGE121" s="26"/>
      <c r="PGF121" s="26"/>
      <c r="PGG121" s="26"/>
      <c r="PGH121" s="26"/>
      <c r="PGI121" s="26"/>
      <c r="PGJ121" s="26"/>
      <c r="PGK121" s="26"/>
      <c r="PGL121" s="26"/>
      <c r="PGM121" s="26"/>
      <c r="PGN121" s="26"/>
      <c r="PGO121" s="26"/>
      <c r="PGP121" s="26"/>
      <c r="PGQ121" s="26"/>
      <c r="PGR121" s="26"/>
      <c r="PGS121" s="26"/>
      <c r="PGT121" s="26"/>
      <c r="PGU121" s="26"/>
      <c r="PGV121" s="26"/>
      <c r="PGW121" s="26"/>
      <c r="PGX121" s="26"/>
      <c r="PGY121" s="26"/>
      <c r="PGZ121" s="26"/>
      <c r="PHA121" s="26"/>
      <c r="PHB121" s="26"/>
      <c r="PHC121" s="26"/>
      <c r="PHD121" s="26"/>
      <c r="PHE121" s="26"/>
      <c r="PHF121" s="26"/>
      <c r="PHG121" s="26"/>
      <c r="PHH121" s="26"/>
      <c r="PHI121" s="26"/>
      <c r="PHJ121" s="26"/>
      <c r="PHK121" s="26"/>
      <c r="PHL121" s="26"/>
      <c r="PHM121" s="26"/>
      <c r="PHN121" s="26"/>
      <c r="PHO121" s="26"/>
      <c r="PHP121" s="26"/>
      <c r="PHQ121" s="26"/>
      <c r="PHR121" s="26"/>
      <c r="PHS121" s="26"/>
      <c r="PHT121" s="26"/>
      <c r="PHU121" s="26"/>
      <c r="PHV121" s="26"/>
      <c r="PHW121" s="26"/>
      <c r="PHX121" s="26"/>
      <c r="PHY121" s="26"/>
      <c r="PHZ121" s="26"/>
      <c r="PIA121" s="26"/>
      <c r="PIB121" s="26"/>
      <c r="PIC121" s="26"/>
      <c r="PID121" s="26"/>
      <c r="PIE121" s="26"/>
      <c r="PIF121" s="26"/>
      <c r="PIG121" s="26"/>
      <c r="PIH121" s="26"/>
      <c r="PII121" s="26"/>
      <c r="PIJ121" s="26"/>
      <c r="PIK121" s="26"/>
      <c r="PIL121" s="26"/>
      <c r="PIM121" s="26"/>
      <c r="PIN121" s="26"/>
      <c r="PIO121" s="26"/>
      <c r="PIP121" s="26"/>
      <c r="PIQ121" s="26"/>
      <c r="PIR121" s="26"/>
      <c r="PIS121" s="26"/>
      <c r="PIT121" s="26"/>
      <c r="PIU121" s="26"/>
      <c r="PIV121" s="26"/>
      <c r="PIW121" s="26"/>
      <c r="PIX121" s="26"/>
      <c r="PIY121" s="26"/>
      <c r="PIZ121" s="26"/>
      <c r="PJA121" s="26"/>
      <c r="PJB121" s="26"/>
      <c r="PJC121" s="26"/>
      <c r="PJD121" s="26"/>
      <c r="PJE121" s="26"/>
      <c r="PJF121" s="26"/>
      <c r="PJG121" s="26"/>
      <c r="PJH121" s="26"/>
      <c r="PJI121" s="26"/>
      <c r="PJJ121" s="26"/>
      <c r="PJK121" s="26"/>
      <c r="PJL121" s="26"/>
      <c r="PJM121" s="26"/>
      <c r="PJN121" s="26"/>
      <c r="PJO121" s="26"/>
      <c r="PJP121" s="26"/>
      <c r="PJQ121" s="26"/>
      <c r="PJR121" s="26"/>
      <c r="PJS121" s="26"/>
      <c r="PJT121" s="26"/>
      <c r="PJU121" s="26"/>
      <c r="PJV121" s="26"/>
      <c r="PJW121" s="26"/>
      <c r="PJX121" s="26"/>
      <c r="PJY121" s="26"/>
      <c r="PJZ121" s="26"/>
      <c r="PKA121" s="26"/>
      <c r="PKB121" s="26"/>
      <c r="PKC121" s="26"/>
      <c r="PKD121" s="26"/>
      <c r="PKE121" s="26"/>
      <c r="PKF121" s="26"/>
      <c r="PKG121" s="26"/>
      <c r="PKH121" s="26"/>
      <c r="PKI121" s="26"/>
      <c r="PKJ121" s="26"/>
      <c r="PKK121" s="26"/>
      <c r="PKL121" s="26"/>
      <c r="PKM121" s="26"/>
      <c r="PKN121" s="26"/>
      <c r="PKO121" s="26"/>
      <c r="PKP121" s="26"/>
      <c r="PKQ121" s="26"/>
      <c r="PKR121" s="26"/>
      <c r="PKS121" s="26"/>
      <c r="PKT121" s="26"/>
      <c r="PKU121" s="26"/>
      <c r="PKV121" s="26"/>
      <c r="PKW121" s="26"/>
      <c r="PKX121" s="26"/>
      <c r="PKY121" s="26"/>
      <c r="PKZ121" s="26"/>
      <c r="PLA121" s="26"/>
      <c r="PLB121" s="26"/>
      <c r="PLC121" s="26"/>
      <c r="PLD121" s="26"/>
      <c r="PLE121" s="26"/>
      <c r="PLF121" s="26"/>
      <c r="PLG121" s="26"/>
      <c r="PLH121" s="26"/>
      <c r="PLI121" s="26"/>
      <c r="PLJ121" s="26"/>
      <c r="PLK121" s="26"/>
      <c r="PLL121" s="26"/>
      <c r="PLM121" s="26"/>
      <c r="PLN121" s="26"/>
      <c r="PLO121" s="26"/>
      <c r="PLP121" s="26"/>
      <c r="PLQ121" s="26"/>
      <c r="PLR121" s="26"/>
      <c r="PLS121" s="26"/>
      <c r="PLT121" s="26"/>
      <c r="PLU121" s="26"/>
      <c r="PLV121" s="26"/>
      <c r="PLW121" s="26"/>
      <c r="PLX121" s="26"/>
      <c r="PLY121" s="26"/>
      <c r="PLZ121" s="26"/>
      <c r="PMA121" s="26"/>
      <c r="PMB121" s="26"/>
      <c r="PMC121" s="26"/>
      <c r="PMD121" s="26"/>
      <c r="PME121" s="26"/>
      <c r="PMF121" s="26"/>
      <c r="PMG121" s="26"/>
      <c r="PMH121" s="26"/>
      <c r="PMI121" s="26"/>
      <c r="PMJ121" s="26"/>
      <c r="PMK121" s="26"/>
      <c r="PML121" s="26"/>
      <c r="PMM121" s="26"/>
      <c r="PMN121" s="26"/>
      <c r="PMO121" s="26"/>
      <c r="PMP121" s="26"/>
      <c r="PMQ121" s="26"/>
      <c r="PMR121" s="26"/>
      <c r="PMS121" s="26"/>
      <c r="PMT121" s="26"/>
      <c r="PMU121" s="26"/>
      <c r="PMV121" s="26"/>
      <c r="PMW121" s="26"/>
      <c r="PMX121" s="26"/>
      <c r="PMY121" s="26"/>
      <c r="PMZ121" s="26"/>
      <c r="PNA121" s="26"/>
      <c r="PNB121" s="26"/>
      <c r="PNC121" s="26"/>
      <c r="PND121" s="26"/>
      <c r="PNE121" s="26"/>
      <c r="PNF121" s="26"/>
      <c r="PNG121" s="26"/>
      <c r="PNH121" s="26"/>
      <c r="PNI121" s="26"/>
      <c r="PNJ121" s="26"/>
      <c r="PNK121" s="26"/>
      <c r="PNL121" s="26"/>
      <c r="PNM121" s="26"/>
      <c r="PNN121" s="26"/>
      <c r="PNO121" s="26"/>
      <c r="PNP121" s="26"/>
      <c r="PNQ121" s="26"/>
      <c r="PNR121" s="26"/>
      <c r="PNS121" s="26"/>
      <c r="PNT121" s="26"/>
      <c r="PNU121" s="26"/>
      <c r="PNV121" s="26"/>
      <c r="PNW121" s="26"/>
      <c r="PNX121" s="26"/>
      <c r="PNY121" s="26"/>
      <c r="PNZ121" s="26"/>
      <c r="POA121" s="26"/>
      <c r="POB121" s="26"/>
      <c r="POC121" s="26"/>
      <c r="POD121" s="26"/>
      <c r="POE121" s="26"/>
      <c r="POF121" s="26"/>
      <c r="POG121" s="26"/>
      <c r="POH121" s="26"/>
      <c r="POI121" s="26"/>
      <c r="POJ121" s="26"/>
      <c r="POK121" s="26"/>
      <c r="POL121" s="26"/>
      <c r="POM121" s="26"/>
      <c r="PON121" s="26"/>
      <c r="POO121" s="26"/>
      <c r="POP121" s="26"/>
      <c r="POQ121" s="26"/>
      <c r="POR121" s="26"/>
      <c r="POS121" s="26"/>
      <c r="POT121" s="26"/>
      <c r="POU121" s="26"/>
      <c r="POV121" s="26"/>
      <c r="POW121" s="26"/>
      <c r="POX121" s="26"/>
      <c r="POY121" s="26"/>
      <c r="POZ121" s="26"/>
      <c r="PPA121" s="26"/>
      <c r="PPB121" s="26"/>
      <c r="PPC121" s="26"/>
      <c r="PPD121" s="26"/>
      <c r="PPE121" s="26"/>
      <c r="PPF121" s="26"/>
      <c r="PPG121" s="26"/>
      <c r="PPH121" s="26"/>
      <c r="PPI121" s="26"/>
      <c r="PPJ121" s="26"/>
      <c r="PPK121" s="26"/>
      <c r="PPL121" s="26"/>
      <c r="PPM121" s="26"/>
      <c r="PPN121" s="26"/>
      <c r="PPO121" s="26"/>
      <c r="PPP121" s="26"/>
      <c r="PPQ121" s="26"/>
      <c r="PPR121" s="26"/>
      <c r="PPS121" s="26"/>
      <c r="PPT121" s="26"/>
      <c r="PPU121" s="26"/>
      <c r="PPV121" s="26"/>
      <c r="PPW121" s="26"/>
      <c r="PPX121" s="26"/>
      <c r="PPY121" s="26"/>
      <c r="PPZ121" s="26"/>
      <c r="PQA121" s="26"/>
      <c r="PQB121" s="26"/>
      <c r="PQC121" s="26"/>
      <c r="PQD121" s="26"/>
      <c r="PQE121" s="26"/>
      <c r="PQF121" s="26"/>
      <c r="PQG121" s="26"/>
      <c r="PQH121" s="26"/>
      <c r="PQI121" s="26"/>
      <c r="PQJ121" s="26"/>
      <c r="PQK121" s="26"/>
      <c r="PQL121" s="26"/>
      <c r="PQM121" s="26"/>
      <c r="PQN121" s="26"/>
      <c r="PQO121" s="26"/>
      <c r="PQP121" s="26"/>
      <c r="PQQ121" s="26"/>
      <c r="PQR121" s="26"/>
      <c r="PQS121" s="26"/>
      <c r="PQT121" s="26"/>
      <c r="PQU121" s="26"/>
      <c r="PQV121" s="26"/>
      <c r="PQW121" s="26"/>
      <c r="PQX121" s="26"/>
      <c r="PQY121" s="26"/>
      <c r="PQZ121" s="26"/>
      <c r="PRA121" s="26"/>
      <c r="PRB121" s="26"/>
      <c r="PRC121" s="26"/>
      <c r="PRD121" s="26"/>
      <c r="PRE121" s="26"/>
      <c r="PRF121" s="26"/>
      <c r="PRG121" s="26"/>
      <c r="PRH121" s="26"/>
      <c r="PRI121" s="26"/>
      <c r="PRJ121" s="26"/>
      <c r="PRK121" s="26"/>
      <c r="PRL121" s="26"/>
      <c r="PRM121" s="26"/>
      <c r="PRN121" s="26"/>
      <c r="PRO121" s="26"/>
      <c r="PRP121" s="26"/>
      <c r="PRQ121" s="26"/>
      <c r="PRR121" s="26"/>
      <c r="PRS121" s="26"/>
      <c r="PRT121" s="26"/>
      <c r="PRU121" s="26"/>
      <c r="PRV121" s="26"/>
      <c r="PRW121" s="26"/>
      <c r="PRX121" s="26"/>
      <c r="PRY121" s="26"/>
      <c r="PRZ121" s="26"/>
      <c r="PSA121" s="26"/>
      <c r="PSB121" s="26"/>
      <c r="PSC121" s="26"/>
      <c r="PSD121" s="26"/>
      <c r="PSE121" s="26"/>
      <c r="PSF121" s="26"/>
      <c r="PSG121" s="26"/>
      <c r="PSH121" s="26"/>
      <c r="PSI121" s="26"/>
      <c r="PSJ121" s="26"/>
      <c r="PSK121" s="26"/>
      <c r="PSL121" s="26"/>
      <c r="PSM121" s="26"/>
      <c r="PSN121" s="26"/>
      <c r="PSO121" s="26"/>
      <c r="PSP121" s="26"/>
      <c r="PSQ121" s="26"/>
      <c r="PSR121" s="26"/>
      <c r="PSS121" s="26"/>
      <c r="PST121" s="26"/>
      <c r="PSU121" s="26"/>
      <c r="PSV121" s="26"/>
      <c r="PSW121" s="26"/>
      <c r="PSX121" s="26"/>
      <c r="PSY121" s="26"/>
      <c r="PSZ121" s="26"/>
      <c r="PTA121" s="26"/>
      <c r="PTB121" s="26"/>
      <c r="PTC121" s="26"/>
      <c r="PTD121" s="26"/>
      <c r="PTE121" s="26"/>
      <c r="PTF121" s="26"/>
      <c r="PTG121" s="26"/>
      <c r="PTH121" s="26"/>
      <c r="PTI121" s="26"/>
      <c r="PTJ121" s="26"/>
      <c r="PTK121" s="26"/>
      <c r="PTL121" s="26"/>
      <c r="PTM121" s="26"/>
      <c r="PTN121" s="26"/>
      <c r="PTO121" s="26"/>
      <c r="PTP121" s="26"/>
      <c r="PTQ121" s="26"/>
      <c r="PTR121" s="26"/>
      <c r="PTS121" s="26"/>
      <c r="PTT121" s="26"/>
      <c r="PTU121" s="26"/>
      <c r="PTV121" s="26"/>
      <c r="PTW121" s="26"/>
      <c r="PTX121" s="26"/>
      <c r="PTY121" s="26"/>
      <c r="PTZ121" s="26"/>
      <c r="PUA121" s="26"/>
      <c r="PUB121" s="26"/>
      <c r="PUC121" s="26"/>
      <c r="PUD121" s="26"/>
      <c r="PUE121" s="26"/>
      <c r="PUF121" s="26"/>
      <c r="PUG121" s="26"/>
      <c r="PUH121" s="26"/>
      <c r="PUI121" s="26"/>
      <c r="PUJ121" s="26"/>
      <c r="PUK121" s="26"/>
      <c r="PUL121" s="26"/>
      <c r="PUM121" s="26"/>
      <c r="PUN121" s="26"/>
      <c r="PUO121" s="26"/>
      <c r="PUP121" s="26"/>
      <c r="PUQ121" s="26"/>
      <c r="PUR121" s="26"/>
      <c r="PUS121" s="26"/>
      <c r="PUT121" s="26"/>
      <c r="PUU121" s="26"/>
      <c r="PUV121" s="26"/>
      <c r="PUW121" s="26"/>
      <c r="PUX121" s="26"/>
      <c r="PUY121" s="26"/>
      <c r="PUZ121" s="26"/>
      <c r="PVA121" s="26"/>
      <c r="PVB121" s="26"/>
      <c r="PVC121" s="26"/>
      <c r="PVD121" s="26"/>
      <c r="PVE121" s="26"/>
      <c r="PVF121" s="26"/>
      <c r="PVG121" s="26"/>
      <c r="PVH121" s="26"/>
      <c r="PVI121" s="26"/>
      <c r="PVJ121" s="26"/>
      <c r="PVK121" s="26"/>
      <c r="PVL121" s="26"/>
      <c r="PVM121" s="26"/>
      <c r="PVN121" s="26"/>
      <c r="PVO121" s="26"/>
      <c r="PVP121" s="26"/>
      <c r="PVQ121" s="26"/>
      <c r="PVR121" s="26"/>
      <c r="PVS121" s="26"/>
      <c r="PVT121" s="26"/>
      <c r="PVU121" s="26"/>
      <c r="PVV121" s="26"/>
      <c r="PVW121" s="26"/>
      <c r="PVX121" s="26"/>
      <c r="PVY121" s="26"/>
      <c r="PVZ121" s="26"/>
      <c r="PWA121" s="26"/>
      <c r="PWB121" s="26"/>
      <c r="PWC121" s="26"/>
      <c r="PWD121" s="26"/>
      <c r="PWE121" s="26"/>
      <c r="PWF121" s="26"/>
      <c r="PWG121" s="26"/>
      <c r="PWH121" s="26"/>
      <c r="PWI121" s="26"/>
      <c r="PWJ121" s="26"/>
      <c r="PWK121" s="26"/>
      <c r="PWL121" s="26"/>
      <c r="PWM121" s="26"/>
      <c r="PWN121" s="26"/>
      <c r="PWO121" s="26"/>
      <c r="PWP121" s="26"/>
      <c r="PWQ121" s="26"/>
      <c r="PWR121" s="26"/>
      <c r="PWS121" s="26"/>
      <c r="PWT121" s="26"/>
      <c r="PWU121" s="26"/>
      <c r="PWV121" s="26"/>
      <c r="PWW121" s="26"/>
      <c r="PWX121" s="26"/>
      <c r="PWY121" s="26"/>
      <c r="PWZ121" s="26"/>
      <c r="PXA121" s="26"/>
      <c r="PXB121" s="26"/>
      <c r="PXC121" s="26"/>
      <c r="PXD121" s="26"/>
      <c r="PXE121" s="26"/>
      <c r="PXF121" s="26"/>
      <c r="PXG121" s="26"/>
      <c r="PXH121" s="26"/>
      <c r="PXI121" s="26"/>
      <c r="PXJ121" s="26"/>
      <c r="PXK121" s="26"/>
      <c r="PXL121" s="26"/>
      <c r="PXM121" s="26"/>
      <c r="PXN121" s="26"/>
      <c r="PXO121" s="26"/>
      <c r="PXP121" s="26"/>
      <c r="PXQ121" s="26"/>
      <c r="PXR121" s="26"/>
      <c r="PXS121" s="26"/>
      <c r="PXT121" s="26"/>
      <c r="PXU121" s="26"/>
      <c r="PXV121" s="26"/>
      <c r="PXW121" s="26"/>
      <c r="PXX121" s="26"/>
      <c r="PXY121" s="26"/>
      <c r="PXZ121" s="26"/>
      <c r="PYA121" s="26"/>
      <c r="PYB121" s="26"/>
      <c r="PYC121" s="26"/>
      <c r="PYD121" s="26"/>
      <c r="PYE121" s="26"/>
      <c r="PYF121" s="26"/>
      <c r="PYG121" s="26"/>
      <c r="PYH121" s="26"/>
      <c r="PYI121" s="26"/>
      <c r="PYJ121" s="26"/>
      <c r="PYK121" s="26"/>
      <c r="PYL121" s="26"/>
      <c r="PYM121" s="26"/>
      <c r="PYN121" s="26"/>
      <c r="PYO121" s="26"/>
      <c r="PYP121" s="26"/>
      <c r="PYQ121" s="26"/>
      <c r="PYR121" s="26"/>
      <c r="PYS121" s="26"/>
      <c r="PYT121" s="26"/>
      <c r="PYU121" s="26"/>
      <c r="PYV121" s="26"/>
      <c r="PYW121" s="26"/>
      <c r="PYX121" s="26"/>
      <c r="PYY121" s="26"/>
      <c r="PYZ121" s="26"/>
      <c r="PZA121" s="26"/>
      <c r="PZB121" s="26"/>
      <c r="PZC121" s="26"/>
      <c r="PZD121" s="26"/>
      <c r="PZE121" s="26"/>
      <c r="PZF121" s="26"/>
      <c r="PZG121" s="26"/>
      <c r="PZH121" s="26"/>
      <c r="PZI121" s="26"/>
      <c r="PZJ121" s="26"/>
      <c r="PZK121" s="26"/>
      <c r="PZL121" s="26"/>
      <c r="PZM121" s="26"/>
      <c r="PZN121" s="26"/>
      <c r="PZO121" s="26"/>
      <c r="PZP121" s="26"/>
      <c r="PZQ121" s="26"/>
      <c r="PZR121" s="26"/>
      <c r="PZS121" s="26"/>
      <c r="PZT121" s="26"/>
      <c r="PZU121" s="26"/>
      <c r="PZV121" s="26"/>
      <c r="PZW121" s="26"/>
      <c r="PZX121" s="26"/>
      <c r="PZY121" s="26"/>
      <c r="PZZ121" s="26"/>
      <c r="QAA121" s="26"/>
      <c r="QAB121" s="26"/>
      <c r="QAC121" s="26"/>
      <c r="QAD121" s="26"/>
      <c r="QAE121" s="26"/>
      <c r="QAF121" s="26"/>
      <c r="QAG121" s="26"/>
      <c r="QAH121" s="26"/>
      <c r="QAI121" s="26"/>
      <c r="QAJ121" s="26"/>
      <c r="QAK121" s="26"/>
      <c r="QAL121" s="26"/>
      <c r="QAM121" s="26"/>
      <c r="QAN121" s="26"/>
      <c r="QAO121" s="26"/>
      <c r="QAP121" s="26"/>
      <c r="QAQ121" s="26"/>
      <c r="QAR121" s="26"/>
      <c r="QAS121" s="26"/>
      <c r="QAT121" s="26"/>
      <c r="QAU121" s="26"/>
      <c r="QAV121" s="26"/>
      <c r="QAW121" s="26"/>
      <c r="QAX121" s="26"/>
      <c r="QAY121" s="26"/>
      <c r="QAZ121" s="26"/>
      <c r="QBA121" s="26"/>
      <c r="QBB121" s="26"/>
      <c r="QBC121" s="26"/>
      <c r="QBD121" s="26"/>
      <c r="QBE121" s="26"/>
      <c r="QBF121" s="26"/>
      <c r="QBG121" s="26"/>
      <c r="QBH121" s="26"/>
      <c r="QBI121" s="26"/>
      <c r="QBJ121" s="26"/>
      <c r="QBK121" s="26"/>
      <c r="QBL121" s="26"/>
      <c r="QBM121" s="26"/>
      <c r="QBN121" s="26"/>
      <c r="QBO121" s="26"/>
      <c r="QBP121" s="26"/>
      <c r="QBQ121" s="26"/>
      <c r="QBR121" s="26"/>
      <c r="QBS121" s="26"/>
      <c r="QBT121" s="26"/>
      <c r="QBU121" s="26"/>
      <c r="QBV121" s="26"/>
      <c r="QBW121" s="26"/>
      <c r="QBX121" s="26"/>
      <c r="QBY121" s="26"/>
      <c r="QBZ121" s="26"/>
      <c r="QCA121" s="26"/>
      <c r="QCB121" s="26"/>
      <c r="QCC121" s="26"/>
      <c r="QCD121" s="26"/>
      <c r="QCE121" s="26"/>
      <c r="QCF121" s="26"/>
      <c r="QCG121" s="26"/>
      <c r="QCH121" s="26"/>
      <c r="QCI121" s="26"/>
      <c r="QCJ121" s="26"/>
      <c r="QCK121" s="26"/>
      <c r="QCL121" s="26"/>
      <c r="QCM121" s="26"/>
      <c r="QCN121" s="26"/>
      <c r="QCO121" s="26"/>
      <c r="QCP121" s="26"/>
      <c r="QCQ121" s="26"/>
      <c r="QCR121" s="26"/>
      <c r="QCS121" s="26"/>
      <c r="QCT121" s="26"/>
      <c r="QCU121" s="26"/>
      <c r="QCV121" s="26"/>
      <c r="QCW121" s="26"/>
      <c r="QCX121" s="26"/>
      <c r="QCY121" s="26"/>
      <c r="QCZ121" s="26"/>
      <c r="QDA121" s="26"/>
      <c r="QDB121" s="26"/>
      <c r="QDC121" s="26"/>
      <c r="QDD121" s="26"/>
      <c r="QDE121" s="26"/>
      <c r="QDF121" s="26"/>
      <c r="QDG121" s="26"/>
      <c r="QDH121" s="26"/>
      <c r="QDI121" s="26"/>
      <c r="QDJ121" s="26"/>
      <c r="QDK121" s="26"/>
      <c r="QDL121" s="26"/>
      <c r="QDM121" s="26"/>
      <c r="QDN121" s="26"/>
      <c r="QDO121" s="26"/>
      <c r="QDP121" s="26"/>
      <c r="QDQ121" s="26"/>
      <c r="QDR121" s="26"/>
      <c r="QDS121" s="26"/>
      <c r="QDT121" s="26"/>
      <c r="QDU121" s="26"/>
      <c r="QDV121" s="26"/>
      <c r="QDW121" s="26"/>
      <c r="QDX121" s="26"/>
      <c r="QDY121" s="26"/>
      <c r="QDZ121" s="26"/>
      <c r="QEA121" s="26"/>
      <c r="QEB121" s="26"/>
      <c r="QEC121" s="26"/>
      <c r="QED121" s="26"/>
      <c r="QEE121" s="26"/>
      <c r="QEF121" s="26"/>
      <c r="QEG121" s="26"/>
      <c r="QEH121" s="26"/>
      <c r="QEI121" s="26"/>
      <c r="QEJ121" s="26"/>
      <c r="QEK121" s="26"/>
      <c r="QEL121" s="26"/>
      <c r="QEM121" s="26"/>
      <c r="QEN121" s="26"/>
      <c r="QEO121" s="26"/>
      <c r="QEP121" s="26"/>
      <c r="QEQ121" s="26"/>
      <c r="QER121" s="26"/>
      <c r="QES121" s="26"/>
      <c r="QET121" s="26"/>
      <c r="QEU121" s="26"/>
      <c r="QEV121" s="26"/>
      <c r="QEW121" s="26"/>
      <c r="QEX121" s="26"/>
      <c r="QEY121" s="26"/>
      <c r="QEZ121" s="26"/>
      <c r="QFA121" s="26"/>
      <c r="QFB121" s="26"/>
      <c r="QFC121" s="26"/>
      <c r="QFD121" s="26"/>
      <c r="QFE121" s="26"/>
      <c r="QFF121" s="26"/>
      <c r="QFG121" s="26"/>
      <c r="QFH121" s="26"/>
      <c r="QFI121" s="26"/>
      <c r="QFJ121" s="26"/>
      <c r="QFK121" s="26"/>
      <c r="QFL121" s="26"/>
      <c r="QFM121" s="26"/>
      <c r="QFN121" s="26"/>
      <c r="QFO121" s="26"/>
      <c r="QFP121" s="26"/>
      <c r="QFQ121" s="26"/>
      <c r="QFR121" s="26"/>
      <c r="QFS121" s="26"/>
      <c r="QFT121" s="26"/>
      <c r="QFU121" s="26"/>
      <c r="QFV121" s="26"/>
      <c r="QFW121" s="26"/>
      <c r="QFX121" s="26"/>
      <c r="QFY121" s="26"/>
      <c r="QFZ121" s="26"/>
      <c r="QGA121" s="26"/>
      <c r="QGB121" s="26"/>
      <c r="QGC121" s="26"/>
      <c r="QGD121" s="26"/>
      <c r="QGE121" s="26"/>
      <c r="QGF121" s="26"/>
      <c r="QGG121" s="26"/>
      <c r="QGH121" s="26"/>
      <c r="QGI121" s="26"/>
      <c r="QGJ121" s="26"/>
      <c r="QGK121" s="26"/>
      <c r="QGL121" s="26"/>
      <c r="QGM121" s="26"/>
      <c r="QGN121" s="26"/>
      <c r="QGO121" s="26"/>
      <c r="QGP121" s="26"/>
      <c r="QGQ121" s="26"/>
      <c r="QGR121" s="26"/>
      <c r="QGS121" s="26"/>
      <c r="QGT121" s="26"/>
      <c r="QGU121" s="26"/>
      <c r="QGV121" s="26"/>
      <c r="QGW121" s="26"/>
      <c r="QGX121" s="26"/>
      <c r="QGY121" s="26"/>
      <c r="QGZ121" s="26"/>
      <c r="QHA121" s="26"/>
      <c r="QHB121" s="26"/>
      <c r="QHC121" s="26"/>
      <c r="QHD121" s="26"/>
      <c r="QHE121" s="26"/>
      <c r="QHF121" s="26"/>
      <c r="QHG121" s="26"/>
      <c r="QHH121" s="26"/>
      <c r="QHI121" s="26"/>
      <c r="QHJ121" s="26"/>
      <c r="QHK121" s="26"/>
      <c r="QHL121" s="26"/>
      <c r="QHM121" s="26"/>
      <c r="QHN121" s="26"/>
      <c r="QHO121" s="26"/>
      <c r="QHP121" s="26"/>
      <c r="QHQ121" s="26"/>
      <c r="QHR121" s="26"/>
      <c r="QHS121" s="26"/>
      <c r="QHT121" s="26"/>
      <c r="QHU121" s="26"/>
      <c r="QHV121" s="26"/>
      <c r="QHW121" s="26"/>
      <c r="QHX121" s="26"/>
      <c r="QHY121" s="26"/>
      <c r="QHZ121" s="26"/>
      <c r="QIA121" s="26"/>
      <c r="QIB121" s="26"/>
      <c r="QIC121" s="26"/>
      <c r="QID121" s="26"/>
      <c r="QIE121" s="26"/>
      <c r="QIF121" s="26"/>
      <c r="QIG121" s="26"/>
      <c r="QIH121" s="26"/>
      <c r="QII121" s="26"/>
      <c r="QIJ121" s="26"/>
      <c r="QIK121" s="26"/>
      <c r="QIL121" s="26"/>
      <c r="QIM121" s="26"/>
      <c r="QIN121" s="26"/>
      <c r="QIO121" s="26"/>
      <c r="QIP121" s="26"/>
      <c r="QIQ121" s="26"/>
      <c r="QIR121" s="26"/>
      <c r="QIS121" s="26"/>
      <c r="QIT121" s="26"/>
      <c r="QIU121" s="26"/>
      <c r="QIV121" s="26"/>
      <c r="QIW121" s="26"/>
      <c r="QIX121" s="26"/>
      <c r="QIY121" s="26"/>
      <c r="QIZ121" s="26"/>
      <c r="QJA121" s="26"/>
      <c r="QJB121" s="26"/>
      <c r="QJC121" s="26"/>
      <c r="QJD121" s="26"/>
      <c r="QJE121" s="26"/>
      <c r="QJF121" s="26"/>
      <c r="QJG121" s="26"/>
      <c r="QJH121" s="26"/>
      <c r="QJI121" s="26"/>
      <c r="QJJ121" s="26"/>
      <c r="QJK121" s="26"/>
      <c r="QJL121" s="26"/>
      <c r="QJM121" s="26"/>
      <c r="QJN121" s="26"/>
      <c r="QJO121" s="26"/>
      <c r="QJP121" s="26"/>
      <c r="QJQ121" s="26"/>
      <c r="QJR121" s="26"/>
      <c r="QJS121" s="26"/>
      <c r="QJT121" s="26"/>
      <c r="QJU121" s="26"/>
      <c r="QJV121" s="26"/>
      <c r="QJW121" s="26"/>
      <c r="QJX121" s="26"/>
      <c r="QJY121" s="26"/>
      <c r="QJZ121" s="26"/>
      <c r="QKA121" s="26"/>
      <c r="QKB121" s="26"/>
      <c r="QKC121" s="26"/>
      <c r="QKD121" s="26"/>
      <c r="QKE121" s="26"/>
      <c r="QKF121" s="26"/>
      <c r="QKG121" s="26"/>
      <c r="QKH121" s="26"/>
      <c r="QKI121" s="26"/>
      <c r="QKJ121" s="26"/>
      <c r="QKK121" s="26"/>
      <c r="QKL121" s="26"/>
      <c r="QKM121" s="26"/>
      <c r="QKN121" s="26"/>
      <c r="QKO121" s="26"/>
      <c r="QKP121" s="26"/>
      <c r="QKQ121" s="26"/>
      <c r="QKR121" s="26"/>
      <c r="QKS121" s="26"/>
      <c r="QKT121" s="26"/>
      <c r="QKU121" s="26"/>
      <c r="QKV121" s="26"/>
      <c r="QKW121" s="26"/>
      <c r="QKX121" s="26"/>
      <c r="QKY121" s="26"/>
      <c r="QKZ121" s="26"/>
      <c r="QLA121" s="26"/>
      <c r="QLB121" s="26"/>
      <c r="QLC121" s="26"/>
      <c r="QLD121" s="26"/>
      <c r="QLE121" s="26"/>
      <c r="QLF121" s="26"/>
      <c r="QLG121" s="26"/>
      <c r="QLH121" s="26"/>
      <c r="QLI121" s="26"/>
      <c r="QLJ121" s="26"/>
      <c r="QLK121" s="26"/>
      <c r="QLL121" s="26"/>
      <c r="QLM121" s="26"/>
      <c r="QLN121" s="26"/>
      <c r="QLO121" s="26"/>
      <c r="QLP121" s="26"/>
      <c r="QLQ121" s="26"/>
      <c r="QLR121" s="26"/>
      <c r="QLS121" s="26"/>
      <c r="QLT121" s="26"/>
      <c r="QLU121" s="26"/>
      <c r="QLV121" s="26"/>
      <c r="QLW121" s="26"/>
      <c r="QLX121" s="26"/>
      <c r="QLY121" s="26"/>
      <c r="QLZ121" s="26"/>
      <c r="QMA121" s="26"/>
      <c r="QMB121" s="26"/>
      <c r="QMC121" s="26"/>
      <c r="QMD121" s="26"/>
      <c r="QME121" s="26"/>
      <c r="QMF121" s="26"/>
      <c r="QMG121" s="26"/>
      <c r="QMH121" s="26"/>
      <c r="QMI121" s="26"/>
      <c r="QMJ121" s="26"/>
      <c r="QMK121" s="26"/>
      <c r="QML121" s="26"/>
      <c r="QMM121" s="26"/>
      <c r="QMN121" s="26"/>
      <c r="QMO121" s="26"/>
      <c r="QMP121" s="26"/>
      <c r="QMQ121" s="26"/>
      <c r="QMR121" s="26"/>
      <c r="QMS121" s="26"/>
      <c r="QMT121" s="26"/>
      <c r="QMU121" s="26"/>
      <c r="QMV121" s="26"/>
      <c r="QMW121" s="26"/>
      <c r="QMX121" s="26"/>
      <c r="QMY121" s="26"/>
      <c r="QMZ121" s="26"/>
      <c r="QNA121" s="26"/>
      <c r="QNB121" s="26"/>
      <c r="QNC121" s="26"/>
      <c r="QND121" s="26"/>
      <c r="QNE121" s="26"/>
      <c r="QNF121" s="26"/>
      <c r="QNG121" s="26"/>
      <c r="QNH121" s="26"/>
      <c r="QNI121" s="26"/>
      <c r="QNJ121" s="26"/>
      <c r="QNK121" s="26"/>
      <c r="QNL121" s="26"/>
      <c r="QNM121" s="26"/>
      <c r="QNN121" s="26"/>
      <c r="QNO121" s="26"/>
      <c r="QNP121" s="26"/>
      <c r="QNQ121" s="26"/>
      <c r="QNR121" s="26"/>
      <c r="QNS121" s="26"/>
      <c r="QNT121" s="26"/>
      <c r="QNU121" s="26"/>
      <c r="QNV121" s="26"/>
      <c r="QNW121" s="26"/>
      <c r="QNX121" s="26"/>
      <c r="QNY121" s="26"/>
      <c r="QNZ121" s="26"/>
      <c r="QOA121" s="26"/>
      <c r="QOB121" s="26"/>
      <c r="QOC121" s="26"/>
      <c r="QOD121" s="26"/>
      <c r="QOE121" s="26"/>
      <c r="QOF121" s="26"/>
      <c r="QOG121" s="26"/>
      <c r="QOH121" s="26"/>
      <c r="QOI121" s="26"/>
      <c r="QOJ121" s="26"/>
      <c r="QOK121" s="26"/>
      <c r="QOL121" s="26"/>
      <c r="QOM121" s="26"/>
      <c r="QON121" s="26"/>
      <c r="QOO121" s="26"/>
      <c r="QOP121" s="26"/>
      <c r="QOQ121" s="26"/>
      <c r="QOR121" s="26"/>
      <c r="QOS121" s="26"/>
      <c r="QOT121" s="26"/>
      <c r="QOU121" s="26"/>
      <c r="QOV121" s="26"/>
      <c r="QOW121" s="26"/>
      <c r="QOX121" s="26"/>
      <c r="QOY121" s="26"/>
      <c r="QOZ121" s="26"/>
      <c r="QPA121" s="26"/>
      <c r="QPB121" s="26"/>
      <c r="QPC121" s="26"/>
      <c r="QPD121" s="26"/>
      <c r="QPE121" s="26"/>
      <c r="QPF121" s="26"/>
      <c r="QPG121" s="26"/>
      <c r="QPH121" s="26"/>
      <c r="QPI121" s="26"/>
      <c r="QPJ121" s="26"/>
      <c r="QPK121" s="26"/>
      <c r="QPL121" s="26"/>
      <c r="QPM121" s="26"/>
      <c r="QPN121" s="26"/>
      <c r="QPO121" s="26"/>
      <c r="QPP121" s="26"/>
      <c r="QPQ121" s="26"/>
      <c r="QPR121" s="26"/>
      <c r="QPS121" s="26"/>
      <c r="QPT121" s="26"/>
      <c r="QPU121" s="26"/>
      <c r="QPV121" s="26"/>
      <c r="QPW121" s="26"/>
      <c r="QPX121" s="26"/>
      <c r="QPY121" s="26"/>
      <c r="QPZ121" s="26"/>
      <c r="QQA121" s="26"/>
      <c r="QQB121" s="26"/>
      <c r="QQC121" s="26"/>
      <c r="QQD121" s="26"/>
      <c r="QQE121" s="26"/>
      <c r="QQF121" s="26"/>
      <c r="QQG121" s="26"/>
      <c r="QQH121" s="26"/>
      <c r="QQI121" s="26"/>
      <c r="QQJ121" s="26"/>
      <c r="QQK121" s="26"/>
      <c r="QQL121" s="26"/>
      <c r="QQM121" s="26"/>
      <c r="QQN121" s="26"/>
      <c r="QQO121" s="26"/>
      <c r="QQP121" s="26"/>
      <c r="QQQ121" s="26"/>
      <c r="QQR121" s="26"/>
      <c r="QQS121" s="26"/>
      <c r="QQT121" s="26"/>
      <c r="QQU121" s="26"/>
      <c r="QQV121" s="26"/>
      <c r="QQW121" s="26"/>
      <c r="QQX121" s="26"/>
      <c r="QQY121" s="26"/>
      <c r="QQZ121" s="26"/>
      <c r="QRA121" s="26"/>
      <c r="QRB121" s="26"/>
      <c r="QRC121" s="26"/>
      <c r="QRD121" s="26"/>
      <c r="QRE121" s="26"/>
      <c r="QRF121" s="26"/>
      <c r="QRG121" s="26"/>
      <c r="QRH121" s="26"/>
      <c r="QRI121" s="26"/>
      <c r="QRJ121" s="26"/>
      <c r="QRK121" s="26"/>
      <c r="QRL121" s="26"/>
      <c r="QRM121" s="26"/>
      <c r="QRN121" s="26"/>
      <c r="QRO121" s="26"/>
      <c r="QRP121" s="26"/>
      <c r="QRQ121" s="26"/>
      <c r="QRR121" s="26"/>
      <c r="QRS121" s="26"/>
      <c r="QRT121" s="26"/>
      <c r="QRU121" s="26"/>
      <c r="QRV121" s="26"/>
      <c r="QRW121" s="26"/>
      <c r="QRX121" s="26"/>
      <c r="QRY121" s="26"/>
      <c r="QRZ121" s="26"/>
      <c r="QSA121" s="26"/>
      <c r="QSB121" s="26"/>
      <c r="QSC121" s="26"/>
      <c r="QSD121" s="26"/>
      <c r="QSE121" s="26"/>
      <c r="QSF121" s="26"/>
      <c r="QSG121" s="26"/>
      <c r="QSH121" s="26"/>
      <c r="QSI121" s="26"/>
      <c r="QSJ121" s="26"/>
      <c r="QSK121" s="26"/>
      <c r="QSL121" s="26"/>
      <c r="QSM121" s="26"/>
      <c r="QSN121" s="26"/>
      <c r="QSO121" s="26"/>
      <c r="QSP121" s="26"/>
      <c r="QSQ121" s="26"/>
      <c r="QSR121" s="26"/>
      <c r="QSS121" s="26"/>
      <c r="QST121" s="26"/>
      <c r="QSU121" s="26"/>
      <c r="QSV121" s="26"/>
      <c r="QSW121" s="26"/>
      <c r="QSX121" s="26"/>
      <c r="QSY121" s="26"/>
      <c r="QSZ121" s="26"/>
      <c r="QTA121" s="26"/>
      <c r="QTB121" s="26"/>
      <c r="QTC121" s="26"/>
      <c r="QTD121" s="26"/>
      <c r="QTE121" s="26"/>
      <c r="QTF121" s="26"/>
      <c r="QTG121" s="26"/>
      <c r="QTH121" s="26"/>
      <c r="QTI121" s="26"/>
      <c r="QTJ121" s="26"/>
      <c r="QTK121" s="26"/>
      <c r="QTL121" s="26"/>
      <c r="QTM121" s="26"/>
      <c r="QTN121" s="26"/>
      <c r="QTO121" s="26"/>
      <c r="QTP121" s="26"/>
      <c r="QTQ121" s="26"/>
      <c r="QTR121" s="26"/>
      <c r="QTS121" s="26"/>
      <c r="QTT121" s="26"/>
      <c r="QTU121" s="26"/>
      <c r="QTV121" s="26"/>
      <c r="QTW121" s="26"/>
      <c r="QTX121" s="26"/>
      <c r="QTY121" s="26"/>
      <c r="QTZ121" s="26"/>
      <c r="QUA121" s="26"/>
      <c r="QUB121" s="26"/>
      <c r="QUC121" s="26"/>
      <c r="QUD121" s="26"/>
      <c r="QUE121" s="26"/>
      <c r="QUF121" s="26"/>
      <c r="QUG121" s="26"/>
      <c r="QUH121" s="26"/>
      <c r="QUI121" s="26"/>
      <c r="QUJ121" s="26"/>
      <c r="QUK121" s="26"/>
      <c r="QUL121" s="26"/>
      <c r="QUM121" s="26"/>
      <c r="QUN121" s="26"/>
      <c r="QUO121" s="26"/>
      <c r="QUP121" s="26"/>
      <c r="QUQ121" s="26"/>
      <c r="QUR121" s="26"/>
      <c r="QUS121" s="26"/>
      <c r="QUT121" s="26"/>
      <c r="QUU121" s="26"/>
      <c r="QUV121" s="26"/>
      <c r="QUW121" s="26"/>
      <c r="QUX121" s="26"/>
      <c r="QUY121" s="26"/>
      <c r="QUZ121" s="26"/>
      <c r="QVA121" s="26"/>
      <c r="QVB121" s="26"/>
      <c r="QVC121" s="26"/>
      <c r="QVD121" s="26"/>
      <c r="QVE121" s="26"/>
      <c r="QVF121" s="26"/>
      <c r="QVG121" s="26"/>
      <c r="QVH121" s="26"/>
      <c r="QVI121" s="26"/>
      <c r="QVJ121" s="26"/>
      <c r="QVK121" s="26"/>
      <c r="QVL121" s="26"/>
      <c r="QVM121" s="26"/>
      <c r="QVN121" s="26"/>
      <c r="QVO121" s="26"/>
      <c r="QVP121" s="26"/>
      <c r="QVQ121" s="26"/>
      <c r="QVR121" s="26"/>
      <c r="QVS121" s="26"/>
      <c r="QVT121" s="26"/>
      <c r="QVU121" s="26"/>
      <c r="QVV121" s="26"/>
      <c r="QVW121" s="26"/>
      <c r="QVX121" s="26"/>
      <c r="QVY121" s="26"/>
      <c r="QVZ121" s="26"/>
      <c r="QWA121" s="26"/>
      <c r="QWB121" s="26"/>
      <c r="QWC121" s="26"/>
      <c r="QWD121" s="26"/>
      <c r="QWE121" s="26"/>
      <c r="QWF121" s="26"/>
      <c r="QWG121" s="26"/>
      <c r="QWH121" s="26"/>
      <c r="QWI121" s="26"/>
      <c r="QWJ121" s="26"/>
      <c r="QWK121" s="26"/>
      <c r="QWL121" s="26"/>
      <c r="QWM121" s="26"/>
      <c r="QWN121" s="26"/>
      <c r="QWO121" s="26"/>
      <c r="QWP121" s="26"/>
      <c r="QWQ121" s="26"/>
      <c r="QWR121" s="26"/>
      <c r="QWS121" s="26"/>
      <c r="QWT121" s="26"/>
      <c r="QWU121" s="26"/>
      <c r="QWV121" s="26"/>
      <c r="QWW121" s="26"/>
      <c r="QWX121" s="26"/>
      <c r="QWY121" s="26"/>
      <c r="QWZ121" s="26"/>
      <c r="QXA121" s="26"/>
      <c r="QXB121" s="26"/>
      <c r="QXC121" s="26"/>
      <c r="QXD121" s="26"/>
      <c r="QXE121" s="26"/>
      <c r="QXF121" s="26"/>
      <c r="QXG121" s="26"/>
      <c r="QXH121" s="26"/>
      <c r="QXI121" s="26"/>
      <c r="QXJ121" s="26"/>
      <c r="QXK121" s="26"/>
      <c r="QXL121" s="26"/>
      <c r="QXM121" s="26"/>
      <c r="QXN121" s="26"/>
      <c r="QXO121" s="26"/>
      <c r="QXP121" s="26"/>
      <c r="QXQ121" s="26"/>
      <c r="QXR121" s="26"/>
      <c r="QXS121" s="26"/>
      <c r="QXT121" s="26"/>
      <c r="QXU121" s="26"/>
      <c r="QXV121" s="26"/>
      <c r="QXW121" s="26"/>
      <c r="QXX121" s="26"/>
      <c r="QXY121" s="26"/>
      <c r="QXZ121" s="26"/>
      <c r="QYA121" s="26"/>
      <c r="QYB121" s="26"/>
      <c r="QYC121" s="26"/>
      <c r="QYD121" s="26"/>
      <c r="QYE121" s="26"/>
      <c r="QYF121" s="26"/>
      <c r="QYG121" s="26"/>
      <c r="QYH121" s="26"/>
      <c r="QYI121" s="26"/>
      <c r="QYJ121" s="26"/>
      <c r="QYK121" s="26"/>
      <c r="QYL121" s="26"/>
      <c r="QYM121" s="26"/>
      <c r="QYN121" s="26"/>
      <c r="QYO121" s="26"/>
      <c r="QYP121" s="26"/>
      <c r="QYQ121" s="26"/>
      <c r="QYR121" s="26"/>
      <c r="QYS121" s="26"/>
      <c r="QYT121" s="26"/>
      <c r="QYU121" s="26"/>
      <c r="QYV121" s="26"/>
      <c r="QYW121" s="26"/>
      <c r="QYX121" s="26"/>
      <c r="QYY121" s="26"/>
      <c r="QYZ121" s="26"/>
      <c r="QZA121" s="26"/>
      <c r="QZB121" s="26"/>
      <c r="QZC121" s="26"/>
      <c r="QZD121" s="26"/>
      <c r="QZE121" s="26"/>
      <c r="QZF121" s="26"/>
      <c r="QZG121" s="26"/>
      <c r="QZH121" s="26"/>
      <c r="QZI121" s="26"/>
      <c r="QZJ121" s="26"/>
      <c r="QZK121" s="26"/>
      <c r="QZL121" s="26"/>
      <c r="QZM121" s="26"/>
      <c r="QZN121" s="26"/>
      <c r="QZO121" s="26"/>
      <c r="QZP121" s="26"/>
      <c r="QZQ121" s="26"/>
      <c r="QZR121" s="26"/>
      <c r="QZS121" s="26"/>
      <c r="QZT121" s="26"/>
      <c r="QZU121" s="26"/>
      <c r="QZV121" s="26"/>
      <c r="QZW121" s="26"/>
      <c r="QZX121" s="26"/>
      <c r="QZY121" s="26"/>
      <c r="QZZ121" s="26"/>
      <c r="RAA121" s="26"/>
      <c r="RAB121" s="26"/>
      <c r="RAC121" s="26"/>
      <c r="RAD121" s="26"/>
      <c r="RAE121" s="26"/>
      <c r="RAF121" s="26"/>
      <c r="RAG121" s="26"/>
      <c r="RAH121" s="26"/>
      <c r="RAI121" s="26"/>
      <c r="RAJ121" s="26"/>
      <c r="RAK121" s="26"/>
      <c r="RAL121" s="26"/>
      <c r="RAM121" s="26"/>
      <c r="RAN121" s="26"/>
      <c r="RAO121" s="26"/>
      <c r="RAP121" s="26"/>
      <c r="RAQ121" s="26"/>
      <c r="RAR121" s="26"/>
      <c r="RAS121" s="26"/>
      <c r="RAT121" s="26"/>
      <c r="RAU121" s="26"/>
      <c r="RAV121" s="26"/>
      <c r="RAW121" s="26"/>
      <c r="RAX121" s="26"/>
      <c r="RAY121" s="26"/>
      <c r="RAZ121" s="26"/>
      <c r="RBA121" s="26"/>
      <c r="RBB121" s="26"/>
      <c r="RBC121" s="26"/>
      <c r="RBD121" s="26"/>
      <c r="RBE121" s="26"/>
      <c r="RBF121" s="26"/>
      <c r="RBG121" s="26"/>
      <c r="RBH121" s="26"/>
      <c r="RBI121" s="26"/>
      <c r="RBJ121" s="26"/>
      <c r="RBK121" s="26"/>
      <c r="RBL121" s="26"/>
      <c r="RBM121" s="26"/>
      <c r="RBN121" s="26"/>
      <c r="RBO121" s="26"/>
      <c r="RBP121" s="26"/>
      <c r="RBQ121" s="26"/>
      <c r="RBR121" s="26"/>
      <c r="RBS121" s="26"/>
      <c r="RBT121" s="26"/>
      <c r="RBU121" s="26"/>
      <c r="RBV121" s="26"/>
      <c r="RBW121" s="26"/>
      <c r="RBX121" s="26"/>
      <c r="RBY121" s="26"/>
      <c r="RBZ121" s="26"/>
      <c r="RCA121" s="26"/>
      <c r="RCB121" s="26"/>
      <c r="RCC121" s="26"/>
      <c r="RCD121" s="26"/>
      <c r="RCE121" s="26"/>
      <c r="RCF121" s="26"/>
      <c r="RCG121" s="26"/>
      <c r="RCH121" s="26"/>
      <c r="RCI121" s="26"/>
      <c r="RCJ121" s="26"/>
      <c r="RCK121" s="26"/>
      <c r="RCL121" s="26"/>
      <c r="RCM121" s="26"/>
      <c r="RCN121" s="26"/>
      <c r="RCO121" s="26"/>
      <c r="RCP121" s="26"/>
      <c r="RCQ121" s="26"/>
      <c r="RCR121" s="26"/>
      <c r="RCS121" s="26"/>
      <c r="RCT121" s="26"/>
      <c r="RCU121" s="26"/>
      <c r="RCV121" s="26"/>
      <c r="RCW121" s="26"/>
      <c r="RCX121" s="26"/>
      <c r="RCY121" s="26"/>
      <c r="RCZ121" s="26"/>
      <c r="RDA121" s="26"/>
      <c r="RDB121" s="26"/>
      <c r="RDC121" s="26"/>
      <c r="RDD121" s="26"/>
      <c r="RDE121" s="26"/>
      <c r="RDF121" s="26"/>
      <c r="RDG121" s="26"/>
      <c r="RDH121" s="26"/>
      <c r="RDI121" s="26"/>
      <c r="RDJ121" s="26"/>
      <c r="RDK121" s="26"/>
      <c r="RDL121" s="26"/>
      <c r="RDM121" s="26"/>
      <c r="RDN121" s="26"/>
      <c r="RDO121" s="26"/>
      <c r="RDP121" s="26"/>
      <c r="RDQ121" s="26"/>
      <c r="RDR121" s="26"/>
      <c r="RDS121" s="26"/>
      <c r="RDT121" s="26"/>
      <c r="RDU121" s="26"/>
      <c r="RDV121" s="26"/>
      <c r="RDW121" s="26"/>
      <c r="RDX121" s="26"/>
      <c r="RDY121" s="26"/>
      <c r="RDZ121" s="26"/>
      <c r="REA121" s="26"/>
      <c r="REB121" s="26"/>
      <c r="REC121" s="26"/>
      <c r="RED121" s="26"/>
      <c r="REE121" s="26"/>
      <c r="REF121" s="26"/>
      <c r="REG121" s="26"/>
      <c r="REH121" s="26"/>
      <c r="REI121" s="26"/>
      <c r="REJ121" s="26"/>
      <c r="REK121" s="26"/>
      <c r="REL121" s="26"/>
      <c r="REM121" s="26"/>
      <c r="REN121" s="26"/>
      <c r="REO121" s="26"/>
      <c r="REP121" s="26"/>
      <c r="REQ121" s="26"/>
      <c r="RER121" s="26"/>
      <c r="RES121" s="26"/>
      <c r="RET121" s="26"/>
      <c r="REU121" s="26"/>
      <c r="REV121" s="26"/>
      <c r="REW121" s="26"/>
      <c r="REX121" s="26"/>
      <c r="REY121" s="26"/>
      <c r="REZ121" s="26"/>
      <c r="RFA121" s="26"/>
      <c r="RFB121" s="26"/>
      <c r="RFC121" s="26"/>
      <c r="RFD121" s="26"/>
      <c r="RFE121" s="26"/>
      <c r="RFF121" s="26"/>
      <c r="RFG121" s="26"/>
      <c r="RFH121" s="26"/>
      <c r="RFI121" s="26"/>
      <c r="RFJ121" s="26"/>
      <c r="RFK121" s="26"/>
      <c r="RFL121" s="26"/>
      <c r="RFM121" s="26"/>
      <c r="RFN121" s="26"/>
      <c r="RFO121" s="26"/>
      <c r="RFP121" s="26"/>
      <c r="RFQ121" s="26"/>
      <c r="RFR121" s="26"/>
      <c r="RFS121" s="26"/>
      <c r="RFT121" s="26"/>
      <c r="RFU121" s="26"/>
      <c r="RFV121" s="26"/>
      <c r="RFW121" s="26"/>
      <c r="RFX121" s="26"/>
      <c r="RFY121" s="26"/>
      <c r="RFZ121" s="26"/>
      <c r="RGA121" s="26"/>
      <c r="RGB121" s="26"/>
      <c r="RGC121" s="26"/>
      <c r="RGD121" s="26"/>
      <c r="RGE121" s="26"/>
      <c r="RGF121" s="26"/>
      <c r="RGG121" s="26"/>
      <c r="RGH121" s="26"/>
      <c r="RGI121" s="26"/>
      <c r="RGJ121" s="26"/>
      <c r="RGK121" s="26"/>
      <c r="RGL121" s="26"/>
      <c r="RGM121" s="26"/>
      <c r="RGN121" s="26"/>
      <c r="RGO121" s="26"/>
      <c r="RGP121" s="26"/>
      <c r="RGQ121" s="26"/>
      <c r="RGR121" s="26"/>
      <c r="RGS121" s="26"/>
      <c r="RGT121" s="26"/>
      <c r="RGU121" s="26"/>
      <c r="RGV121" s="26"/>
      <c r="RGW121" s="26"/>
      <c r="RGX121" s="26"/>
      <c r="RGY121" s="26"/>
      <c r="RGZ121" s="26"/>
      <c r="RHA121" s="26"/>
      <c r="RHB121" s="26"/>
      <c r="RHC121" s="26"/>
      <c r="RHD121" s="26"/>
      <c r="RHE121" s="26"/>
      <c r="RHF121" s="26"/>
      <c r="RHG121" s="26"/>
      <c r="RHH121" s="26"/>
      <c r="RHI121" s="26"/>
      <c r="RHJ121" s="26"/>
      <c r="RHK121" s="26"/>
      <c r="RHL121" s="26"/>
      <c r="RHM121" s="26"/>
      <c r="RHN121" s="26"/>
      <c r="RHO121" s="26"/>
      <c r="RHP121" s="26"/>
      <c r="RHQ121" s="26"/>
      <c r="RHR121" s="26"/>
      <c r="RHS121" s="26"/>
      <c r="RHT121" s="26"/>
      <c r="RHU121" s="26"/>
      <c r="RHV121" s="26"/>
      <c r="RHW121" s="26"/>
      <c r="RHX121" s="26"/>
      <c r="RHY121" s="26"/>
      <c r="RHZ121" s="26"/>
      <c r="RIA121" s="26"/>
      <c r="RIB121" s="26"/>
      <c r="RIC121" s="26"/>
      <c r="RID121" s="26"/>
      <c r="RIE121" s="26"/>
      <c r="RIF121" s="26"/>
      <c r="RIG121" s="26"/>
      <c r="RIH121" s="26"/>
      <c r="RII121" s="26"/>
      <c r="RIJ121" s="26"/>
      <c r="RIK121" s="26"/>
      <c r="RIL121" s="26"/>
      <c r="RIM121" s="26"/>
      <c r="RIN121" s="26"/>
      <c r="RIO121" s="26"/>
      <c r="RIP121" s="26"/>
      <c r="RIQ121" s="26"/>
      <c r="RIR121" s="26"/>
      <c r="RIS121" s="26"/>
      <c r="RIT121" s="26"/>
      <c r="RIU121" s="26"/>
      <c r="RIV121" s="26"/>
      <c r="RIW121" s="26"/>
      <c r="RIX121" s="26"/>
      <c r="RIY121" s="26"/>
      <c r="RIZ121" s="26"/>
      <c r="RJA121" s="26"/>
      <c r="RJB121" s="26"/>
      <c r="RJC121" s="26"/>
      <c r="RJD121" s="26"/>
      <c r="RJE121" s="26"/>
      <c r="RJF121" s="26"/>
      <c r="RJG121" s="26"/>
      <c r="RJH121" s="26"/>
      <c r="RJI121" s="26"/>
      <c r="RJJ121" s="26"/>
      <c r="RJK121" s="26"/>
      <c r="RJL121" s="26"/>
      <c r="RJM121" s="26"/>
      <c r="RJN121" s="26"/>
      <c r="RJO121" s="26"/>
      <c r="RJP121" s="26"/>
      <c r="RJQ121" s="26"/>
      <c r="RJR121" s="26"/>
      <c r="RJS121" s="26"/>
      <c r="RJT121" s="26"/>
      <c r="RJU121" s="26"/>
      <c r="RJV121" s="26"/>
      <c r="RJW121" s="26"/>
      <c r="RJX121" s="26"/>
      <c r="RJY121" s="26"/>
      <c r="RJZ121" s="26"/>
      <c r="RKA121" s="26"/>
      <c r="RKB121" s="26"/>
      <c r="RKC121" s="26"/>
      <c r="RKD121" s="26"/>
      <c r="RKE121" s="26"/>
      <c r="RKF121" s="26"/>
      <c r="RKG121" s="26"/>
      <c r="RKH121" s="26"/>
      <c r="RKI121" s="26"/>
      <c r="RKJ121" s="26"/>
      <c r="RKK121" s="26"/>
      <c r="RKL121" s="26"/>
      <c r="RKM121" s="26"/>
      <c r="RKN121" s="26"/>
      <c r="RKO121" s="26"/>
      <c r="RKP121" s="26"/>
      <c r="RKQ121" s="26"/>
      <c r="RKR121" s="26"/>
      <c r="RKS121" s="26"/>
      <c r="RKT121" s="26"/>
      <c r="RKU121" s="26"/>
      <c r="RKV121" s="26"/>
      <c r="RKW121" s="26"/>
      <c r="RKX121" s="26"/>
      <c r="RKY121" s="26"/>
      <c r="RKZ121" s="26"/>
      <c r="RLA121" s="26"/>
      <c r="RLB121" s="26"/>
      <c r="RLC121" s="26"/>
      <c r="RLD121" s="26"/>
      <c r="RLE121" s="26"/>
      <c r="RLF121" s="26"/>
      <c r="RLG121" s="26"/>
      <c r="RLH121" s="26"/>
      <c r="RLI121" s="26"/>
      <c r="RLJ121" s="26"/>
      <c r="RLK121" s="26"/>
      <c r="RLL121" s="26"/>
      <c r="RLM121" s="26"/>
      <c r="RLN121" s="26"/>
      <c r="RLO121" s="26"/>
      <c r="RLP121" s="26"/>
      <c r="RLQ121" s="26"/>
      <c r="RLR121" s="26"/>
      <c r="RLS121" s="26"/>
      <c r="RLT121" s="26"/>
      <c r="RLU121" s="26"/>
      <c r="RLV121" s="26"/>
      <c r="RLW121" s="26"/>
      <c r="RLX121" s="26"/>
      <c r="RLY121" s="26"/>
      <c r="RLZ121" s="26"/>
      <c r="RMA121" s="26"/>
      <c r="RMB121" s="26"/>
      <c r="RMC121" s="26"/>
      <c r="RMD121" s="26"/>
      <c r="RME121" s="26"/>
      <c r="RMF121" s="26"/>
      <c r="RMG121" s="26"/>
      <c r="RMH121" s="26"/>
      <c r="RMI121" s="26"/>
      <c r="RMJ121" s="26"/>
      <c r="RMK121" s="26"/>
      <c r="RML121" s="26"/>
      <c r="RMM121" s="26"/>
      <c r="RMN121" s="26"/>
      <c r="RMO121" s="26"/>
      <c r="RMP121" s="26"/>
      <c r="RMQ121" s="26"/>
      <c r="RMR121" s="26"/>
      <c r="RMS121" s="26"/>
      <c r="RMT121" s="26"/>
      <c r="RMU121" s="26"/>
      <c r="RMV121" s="26"/>
      <c r="RMW121" s="26"/>
      <c r="RMX121" s="26"/>
      <c r="RMY121" s="26"/>
      <c r="RMZ121" s="26"/>
      <c r="RNA121" s="26"/>
      <c r="RNB121" s="26"/>
      <c r="RNC121" s="26"/>
      <c r="RND121" s="26"/>
      <c r="RNE121" s="26"/>
      <c r="RNF121" s="26"/>
      <c r="RNG121" s="26"/>
      <c r="RNH121" s="26"/>
      <c r="RNI121" s="26"/>
      <c r="RNJ121" s="26"/>
      <c r="RNK121" s="26"/>
      <c r="RNL121" s="26"/>
      <c r="RNM121" s="26"/>
      <c r="RNN121" s="26"/>
      <c r="RNO121" s="26"/>
      <c r="RNP121" s="26"/>
      <c r="RNQ121" s="26"/>
      <c r="RNR121" s="26"/>
      <c r="RNS121" s="26"/>
      <c r="RNT121" s="26"/>
      <c r="RNU121" s="26"/>
      <c r="RNV121" s="26"/>
      <c r="RNW121" s="26"/>
      <c r="RNX121" s="26"/>
      <c r="RNY121" s="26"/>
      <c r="RNZ121" s="26"/>
      <c r="ROA121" s="26"/>
      <c r="ROB121" s="26"/>
      <c r="ROC121" s="26"/>
      <c r="ROD121" s="26"/>
      <c r="ROE121" s="26"/>
      <c r="ROF121" s="26"/>
      <c r="ROG121" s="26"/>
      <c r="ROH121" s="26"/>
      <c r="ROI121" s="26"/>
      <c r="ROJ121" s="26"/>
      <c r="ROK121" s="26"/>
      <c r="ROL121" s="26"/>
      <c r="ROM121" s="26"/>
      <c r="RON121" s="26"/>
      <c r="ROO121" s="26"/>
      <c r="ROP121" s="26"/>
      <c r="ROQ121" s="26"/>
      <c r="ROR121" s="26"/>
      <c r="ROS121" s="26"/>
      <c r="ROT121" s="26"/>
      <c r="ROU121" s="26"/>
      <c r="ROV121" s="26"/>
      <c r="ROW121" s="26"/>
      <c r="ROX121" s="26"/>
      <c r="ROY121" s="26"/>
      <c r="ROZ121" s="26"/>
      <c r="RPA121" s="26"/>
      <c r="RPB121" s="26"/>
      <c r="RPC121" s="26"/>
      <c r="RPD121" s="26"/>
      <c r="RPE121" s="26"/>
      <c r="RPF121" s="26"/>
      <c r="RPG121" s="26"/>
      <c r="RPH121" s="26"/>
      <c r="RPI121" s="26"/>
      <c r="RPJ121" s="26"/>
      <c r="RPK121" s="26"/>
      <c r="RPL121" s="26"/>
      <c r="RPM121" s="26"/>
      <c r="RPN121" s="26"/>
      <c r="RPO121" s="26"/>
      <c r="RPP121" s="26"/>
      <c r="RPQ121" s="26"/>
      <c r="RPR121" s="26"/>
      <c r="RPS121" s="26"/>
      <c r="RPT121" s="26"/>
      <c r="RPU121" s="26"/>
      <c r="RPV121" s="26"/>
      <c r="RPW121" s="26"/>
      <c r="RPX121" s="26"/>
      <c r="RPY121" s="26"/>
      <c r="RPZ121" s="26"/>
      <c r="RQA121" s="26"/>
      <c r="RQB121" s="26"/>
      <c r="RQC121" s="26"/>
      <c r="RQD121" s="26"/>
      <c r="RQE121" s="26"/>
      <c r="RQF121" s="26"/>
      <c r="RQG121" s="26"/>
      <c r="RQH121" s="26"/>
      <c r="RQI121" s="26"/>
      <c r="RQJ121" s="26"/>
      <c r="RQK121" s="26"/>
      <c r="RQL121" s="26"/>
      <c r="RQM121" s="26"/>
      <c r="RQN121" s="26"/>
      <c r="RQO121" s="26"/>
      <c r="RQP121" s="26"/>
      <c r="RQQ121" s="26"/>
      <c r="RQR121" s="26"/>
      <c r="RQS121" s="26"/>
      <c r="RQT121" s="26"/>
      <c r="RQU121" s="26"/>
      <c r="RQV121" s="26"/>
      <c r="RQW121" s="26"/>
      <c r="RQX121" s="26"/>
      <c r="RQY121" s="26"/>
      <c r="RQZ121" s="26"/>
      <c r="RRA121" s="26"/>
      <c r="RRB121" s="26"/>
      <c r="RRC121" s="26"/>
      <c r="RRD121" s="26"/>
      <c r="RRE121" s="26"/>
      <c r="RRF121" s="26"/>
      <c r="RRG121" s="26"/>
      <c r="RRH121" s="26"/>
      <c r="RRI121" s="26"/>
      <c r="RRJ121" s="26"/>
      <c r="RRK121" s="26"/>
      <c r="RRL121" s="26"/>
      <c r="RRM121" s="26"/>
      <c r="RRN121" s="26"/>
      <c r="RRO121" s="26"/>
      <c r="RRP121" s="26"/>
      <c r="RRQ121" s="26"/>
      <c r="RRR121" s="26"/>
      <c r="RRS121" s="26"/>
      <c r="RRT121" s="26"/>
      <c r="RRU121" s="26"/>
      <c r="RRV121" s="26"/>
      <c r="RRW121" s="26"/>
      <c r="RRX121" s="26"/>
      <c r="RRY121" s="26"/>
      <c r="RRZ121" s="26"/>
      <c r="RSA121" s="26"/>
      <c r="RSB121" s="26"/>
      <c r="RSC121" s="26"/>
      <c r="RSD121" s="26"/>
      <c r="RSE121" s="26"/>
      <c r="RSF121" s="26"/>
      <c r="RSG121" s="26"/>
      <c r="RSH121" s="26"/>
      <c r="RSI121" s="26"/>
      <c r="RSJ121" s="26"/>
      <c r="RSK121" s="26"/>
      <c r="RSL121" s="26"/>
      <c r="RSM121" s="26"/>
      <c r="RSN121" s="26"/>
      <c r="RSO121" s="26"/>
      <c r="RSP121" s="26"/>
      <c r="RSQ121" s="26"/>
      <c r="RSR121" s="26"/>
      <c r="RSS121" s="26"/>
      <c r="RST121" s="26"/>
      <c r="RSU121" s="26"/>
      <c r="RSV121" s="26"/>
      <c r="RSW121" s="26"/>
      <c r="RSX121" s="26"/>
      <c r="RSY121" s="26"/>
      <c r="RSZ121" s="26"/>
      <c r="RTA121" s="26"/>
      <c r="RTB121" s="26"/>
      <c r="RTC121" s="26"/>
      <c r="RTD121" s="26"/>
      <c r="RTE121" s="26"/>
      <c r="RTF121" s="26"/>
      <c r="RTG121" s="26"/>
      <c r="RTH121" s="26"/>
      <c r="RTI121" s="26"/>
      <c r="RTJ121" s="26"/>
      <c r="RTK121" s="26"/>
      <c r="RTL121" s="26"/>
      <c r="RTM121" s="26"/>
      <c r="RTN121" s="26"/>
      <c r="RTO121" s="26"/>
      <c r="RTP121" s="26"/>
      <c r="RTQ121" s="26"/>
      <c r="RTR121" s="26"/>
      <c r="RTS121" s="26"/>
      <c r="RTT121" s="26"/>
      <c r="RTU121" s="26"/>
      <c r="RTV121" s="26"/>
      <c r="RTW121" s="26"/>
      <c r="RTX121" s="26"/>
      <c r="RTY121" s="26"/>
      <c r="RTZ121" s="26"/>
      <c r="RUA121" s="26"/>
      <c r="RUB121" s="26"/>
      <c r="RUC121" s="26"/>
      <c r="RUD121" s="26"/>
      <c r="RUE121" s="26"/>
      <c r="RUF121" s="26"/>
      <c r="RUG121" s="26"/>
      <c r="RUH121" s="26"/>
      <c r="RUI121" s="26"/>
      <c r="RUJ121" s="26"/>
      <c r="RUK121" s="26"/>
      <c r="RUL121" s="26"/>
      <c r="RUM121" s="26"/>
      <c r="RUN121" s="26"/>
      <c r="RUO121" s="26"/>
      <c r="RUP121" s="26"/>
      <c r="RUQ121" s="26"/>
      <c r="RUR121" s="26"/>
      <c r="RUS121" s="26"/>
      <c r="RUT121" s="26"/>
      <c r="RUU121" s="26"/>
      <c r="RUV121" s="26"/>
      <c r="RUW121" s="26"/>
      <c r="RUX121" s="26"/>
      <c r="RUY121" s="26"/>
      <c r="RUZ121" s="26"/>
      <c r="RVA121" s="26"/>
      <c r="RVB121" s="26"/>
      <c r="RVC121" s="26"/>
      <c r="RVD121" s="26"/>
      <c r="RVE121" s="26"/>
      <c r="RVF121" s="26"/>
      <c r="RVG121" s="26"/>
      <c r="RVH121" s="26"/>
      <c r="RVI121" s="26"/>
      <c r="RVJ121" s="26"/>
      <c r="RVK121" s="26"/>
      <c r="RVL121" s="26"/>
      <c r="RVM121" s="26"/>
      <c r="RVN121" s="26"/>
      <c r="RVO121" s="26"/>
      <c r="RVP121" s="26"/>
      <c r="RVQ121" s="26"/>
      <c r="RVR121" s="26"/>
      <c r="RVS121" s="26"/>
      <c r="RVT121" s="26"/>
      <c r="RVU121" s="26"/>
      <c r="RVV121" s="26"/>
      <c r="RVW121" s="26"/>
      <c r="RVX121" s="26"/>
      <c r="RVY121" s="26"/>
      <c r="RVZ121" s="26"/>
      <c r="RWA121" s="26"/>
      <c r="RWB121" s="26"/>
      <c r="RWC121" s="26"/>
      <c r="RWD121" s="26"/>
      <c r="RWE121" s="26"/>
      <c r="RWF121" s="26"/>
      <c r="RWG121" s="26"/>
      <c r="RWH121" s="26"/>
      <c r="RWI121" s="26"/>
      <c r="RWJ121" s="26"/>
      <c r="RWK121" s="26"/>
      <c r="RWL121" s="26"/>
      <c r="RWM121" s="26"/>
      <c r="RWN121" s="26"/>
      <c r="RWO121" s="26"/>
      <c r="RWP121" s="26"/>
      <c r="RWQ121" s="26"/>
      <c r="RWR121" s="26"/>
      <c r="RWS121" s="26"/>
      <c r="RWT121" s="26"/>
      <c r="RWU121" s="26"/>
      <c r="RWV121" s="26"/>
      <c r="RWW121" s="26"/>
      <c r="RWX121" s="26"/>
      <c r="RWY121" s="26"/>
      <c r="RWZ121" s="26"/>
      <c r="RXA121" s="26"/>
      <c r="RXB121" s="26"/>
      <c r="RXC121" s="26"/>
      <c r="RXD121" s="26"/>
      <c r="RXE121" s="26"/>
      <c r="RXF121" s="26"/>
      <c r="RXG121" s="26"/>
      <c r="RXH121" s="26"/>
      <c r="RXI121" s="26"/>
      <c r="RXJ121" s="26"/>
      <c r="RXK121" s="26"/>
      <c r="RXL121" s="26"/>
      <c r="RXM121" s="26"/>
      <c r="RXN121" s="26"/>
      <c r="RXO121" s="26"/>
      <c r="RXP121" s="26"/>
      <c r="RXQ121" s="26"/>
      <c r="RXR121" s="26"/>
      <c r="RXS121" s="26"/>
      <c r="RXT121" s="26"/>
      <c r="RXU121" s="26"/>
      <c r="RXV121" s="26"/>
      <c r="RXW121" s="26"/>
      <c r="RXX121" s="26"/>
      <c r="RXY121" s="26"/>
      <c r="RXZ121" s="26"/>
      <c r="RYA121" s="26"/>
      <c r="RYB121" s="26"/>
      <c r="RYC121" s="26"/>
      <c r="RYD121" s="26"/>
      <c r="RYE121" s="26"/>
      <c r="RYF121" s="26"/>
      <c r="RYG121" s="26"/>
      <c r="RYH121" s="26"/>
      <c r="RYI121" s="26"/>
      <c r="RYJ121" s="26"/>
      <c r="RYK121" s="26"/>
      <c r="RYL121" s="26"/>
      <c r="RYM121" s="26"/>
      <c r="RYN121" s="26"/>
      <c r="RYO121" s="26"/>
      <c r="RYP121" s="26"/>
      <c r="RYQ121" s="26"/>
      <c r="RYR121" s="26"/>
      <c r="RYS121" s="26"/>
      <c r="RYT121" s="26"/>
      <c r="RYU121" s="26"/>
      <c r="RYV121" s="26"/>
      <c r="RYW121" s="26"/>
      <c r="RYX121" s="26"/>
      <c r="RYY121" s="26"/>
      <c r="RYZ121" s="26"/>
      <c r="RZA121" s="26"/>
      <c r="RZB121" s="26"/>
      <c r="RZC121" s="26"/>
      <c r="RZD121" s="26"/>
      <c r="RZE121" s="26"/>
      <c r="RZF121" s="26"/>
      <c r="RZG121" s="26"/>
      <c r="RZH121" s="26"/>
      <c r="RZI121" s="26"/>
      <c r="RZJ121" s="26"/>
      <c r="RZK121" s="26"/>
      <c r="RZL121" s="26"/>
      <c r="RZM121" s="26"/>
      <c r="RZN121" s="26"/>
      <c r="RZO121" s="26"/>
      <c r="RZP121" s="26"/>
      <c r="RZQ121" s="26"/>
      <c r="RZR121" s="26"/>
      <c r="RZS121" s="26"/>
      <c r="RZT121" s="26"/>
      <c r="RZU121" s="26"/>
      <c r="RZV121" s="26"/>
      <c r="RZW121" s="26"/>
      <c r="RZX121" s="26"/>
      <c r="RZY121" s="26"/>
      <c r="RZZ121" s="26"/>
      <c r="SAA121" s="26"/>
      <c r="SAB121" s="26"/>
      <c r="SAC121" s="26"/>
      <c r="SAD121" s="26"/>
      <c r="SAE121" s="26"/>
      <c r="SAF121" s="26"/>
      <c r="SAG121" s="26"/>
      <c r="SAH121" s="26"/>
      <c r="SAI121" s="26"/>
      <c r="SAJ121" s="26"/>
      <c r="SAK121" s="26"/>
      <c r="SAL121" s="26"/>
      <c r="SAM121" s="26"/>
      <c r="SAN121" s="26"/>
      <c r="SAO121" s="26"/>
      <c r="SAP121" s="26"/>
      <c r="SAQ121" s="26"/>
      <c r="SAR121" s="26"/>
      <c r="SAS121" s="26"/>
      <c r="SAT121" s="26"/>
      <c r="SAU121" s="26"/>
      <c r="SAV121" s="26"/>
      <c r="SAW121" s="26"/>
      <c r="SAX121" s="26"/>
      <c r="SAY121" s="26"/>
      <c r="SAZ121" s="26"/>
      <c r="SBA121" s="26"/>
      <c r="SBB121" s="26"/>
      <c r="SBC121" s="26"/>
      <c r="SBD121" s="26"/>
      <c r="SBE121" s="26"/>
      <c r="SBF121" s="26"/>
      <c r="SBG121" s="26"/>
      <c r="SBH121" s="26"/>
      <c r="SBI121" s="26"/>
      <c r="SBJ121" s="26"/>
      <c r="SBK121" s="26"/>
      <c r="SBL121" s="26"/>
      <c r="SBM121" s="26"/>
      <c r="SBN121" s="26"/>
      <c r="SBO121" s="26"/>
      <c r="SBP121" s="26"/>
      <c r="SBQ121" s="26"/>
      <c r="SBR121" s="26"/>
      <c r="SBS121" s="26"/>
      <c r="SBT121" s="26"/>
      <c r="SBU121" s="26"/>
      <c r="SBV121" s="26"/>
      <c r="SBW121" s="26"/>
      <c r="SBX121" s="26"/>
      <c r="SBY121" s="26"/>
      <c r="SBZ121" s="26"/>
      <c r="SCA121" s="26"/>
      <c r="SCB121" s="26"/>
      <c r="SCC121" s="26"/>
      <c r="SCD121" s="26"/>
      <c r="SCE121" s="26"/>
      <c r="SCF121" s="26"/>
      <c r="SCG121" s="26"/>
      <c r="SCH121" s="26"/>
      <c r="SCI121" s="26"/>
      <c r="SCJ121" s="26"/>
      <c r="SCK121" s="26"/>
      <c r="SCL121" s="26"/>
      <c r="SCM121" s="26"/>
      <c r="SCN121" s="26"/>
      <c r="SCO121" s="26"/>
      <c r="SCP121" s="26"/>
      <c r="SCQ121" s="26"/>
      <c r="SCR121" s="26"/>
      <c r="SCS121" s="26"/>
      <c r="SCT121" s="26"/>
      <c r="SCU121" s="26"/>
      <c r="SCV121" s="26"/>
      <c r="SCW121" s="26"/>
      <c r="SCX121" s="26"/>
      <c r="SCY121" s="26"/>
      <c r="SCZ121" s="26"/>
      <c r="SDA121" s="26"/>
      <c r="SDB121" s="26"/>
      <c r="SDC121" s="26"/>
      <c r="SDD121" s="26"/>
      <c r="SDE121" s="26"/>
      <c r="SDF121" s="26"/>
      <c r="SDG121" s="26"/>
      <c r="SDH121" s="26"/>
      <c r="SDI121" s="26"/>
      <c r="SDJ121" s="26"/>
      <c r="SDK121" s="26"/>
      <c r="SDL121" s="26"/>
      <c r="SDM121" s="26"/>
      <c r="SDN121" s="26"/>
      <c r="SDO121" s="26"/>
      <c r="SDP121" s="26"/>
      <c r="SDQ121" s="26"/>
      <c r="SDR121" s="26"/>
      <c r="SDS121" s="26"/>
      <c r="SDT121" s="26"/>
      <c r="SDU121" s="26"/>
      <c r="SDV121" s="26"/>
      <c r="SDW121" s="26"/>
      <c r="SDX121" s="26"/>
      <c r="SDY121" s="26"/>
      <c r="SDZ121" s="26"/>
      <c r="SEA121" s="26"/>
      <c r="SEB121" s="26"/>
      <c r="SEC121" s="26"/>
      <c r="SED121" s="26"/>
      <c r="SEE121" s="26"/>
      <c r="SEF121" s="26"/>
      <c r="SEG121" s="26"/>
      <c r="SEH121" s="26"/>
      <c r="SEI121" s="26"/>
      <c r="SEJ121" s="26"/>
      <c r="SEK121" s="26"/>
      <c r="SEL121" s="26"/>
      <c r="SEM121" s="26"/>
      <c r="SEN121" s="26"/>
      <c r="SEO121" s="26"/>
      <c r="SEP121" s="26"/>
      <c r="SEQ121" s="26"/>
      <c r="SER121" s="26"/>
      <c r="SES121" s="26"/>
      <c r="SET121" s="26"/>
      <c r="SEU121" s="26"/>
      <c r="SEV121" s="26"/>
      <c r="SEW121" s="26"/>
      <c r="SEX121" s="26"/>
      <c r="SEY121" s="26"/>
      <c r="SEZ121" s="26"/>
      <c r="SFA121" s="26"/>
      <c r="SFB121" s="26"/>
      <c r="SFC121" s="26"/>
      <c r="SFD121" s="26"/>
      <c r="SFE121" s="26"/>
      <c r="SFF121" s="26"/>
      <c r="SFG121" s="26"/>
      <c r="SFH121" s="26"/>
      <c r="SFI121" s="26"/>
      <c r="SFJ121" s="26"/>
      <c r="SFK121" s="26"/>
      <c r="SFL121" s="26"/>
      <c r="SFM121" s="26"/>
      <c r="SFN121" s="26"/>
      <c r="SFO121" s="26"/>
      <c r="SFP121" s="26"/>
      <c r="SFQ121" s="26"/>
      <c r="SFR121" s="26"/>
      <c r="SFS121" s="26"/>
      <c r="SFT121" s="26"/>
      <c r="SFU121" s="26"/>
      <c r="SFV121" s="26"/>
      <c r="SFW121" s="26"/>
      <c r="SFX121" s="26"/>
      <c r="SFY121" s="26"/>
      <c r="SFZ121" s="26"/>
      <c r="SGA121" s="26"/>
      <c r="SGB121" s="26"/>
      <c r="SGC121" s="26"/>
      <c r="SGD121" s="26"/>
      <c r="SGE121" s="26"/>
      <c r="SGF121" s="26"/>
      <c r="SGG121" s="26"/>
      <c r="SGH121" s="26"/>
      <c r="SGI121" s="26"/>
      <c r="SGJ121" s="26"/>
      <c r="SGK121" s="26"/>
      <c r="SGL121" s="26"/>
      <c r="SGM121" s="26"/>
      <c r="SGN121" s="26"/>
      <c r="SGO121" s="26"/>
      <c r="SGP121" s="26"/>
      <c r="SGQ121" s="26"/>
      <c r="SGR121" s="26"/>
      <c r="SGS121" s="26"/>
      <c r="SGT121" s="26"/>
      <c r="SGU121" s="26"/>
      <c r="SGV121" s="26"/>
      <c r="SGW121" s="26"/>
      <c r="SGX121" s="26"/>
      <c r="SGY121" s="26"/>
      <c r="SGZ121" s="26"/>
      <c r="SHA121" s="26"/>
      <c r="SHB121" s="26"/>
      <c r="SHC121" s="26"/>
      <c r="SHD121" s="26"/>
      <c r="SHE121" s="26"/>
      <c r="SHF121" s="26"/>
      <c r="SHG121" s="26"/>
      <c r="SHH121" s="26"/>
      <c r="SHI121" s="26"/>
      <c r="SHJ121" s="26"/>
      <c r="SHK121" s="26"/>
      <c r="SHL121" s="26"/>
      <c r="SHM121" s="26"/>
      <c r="SHN121" s="26"/>
      <c r="SHO121" s="26"/>
      <c r="SHP121" s="26"/>
      <c r="SHQ121" s="26"/>
      <c r="SHR121" s="26"/>
      <c r="SHS121" s="26"/>
      <c r="SHT121" s="26"/>
      <c r="SHU121" s="26"/>
      <c r="SHV121" s="26"/>
      <c r="SHW121" s="26"/>
      <c r="SHX121" s="26"/>
      <c r="SHY121" s="26"/>
      <c r="SHZ121" s="26"/>
      <c r="SIA121" s="26"/>
      <c r="SIB121" s="26"/>
      <c r="SIC121" s="26"/>
      <c r="SID121" s="26"/>
      <c r="SIE121" s="26"/>
      <c r="SIF121" s="26"/>
      <c r="SIG121" s="26"/>
      <c r="SIH121" s="26"/>
      <c r="SII121" s="26"/>
      <c r="SIJ121" s="26"/>
      <c r="SIK121" s="26"/>
      <c r="SIL121" s="26"/>
      <c r="SIM121" s="26"/>
      <c r="SIN121" s="26"/>
      <c r="SIO121" s="26"/>
      <c r="SIP121" s="26"/>
      <c r="SIQ121" s="26"/>
      <c r="SIR121" s="26"/>
      <c r="SIS121" s="26"/>
      <c r="SIT121" s="26"/>
      <c r="SIU121" s="26"/>
      <c r="SIV121" s="26"/>
      <c r="SIW121" s="26"/>
      <c r="SIX121" s="26"/>
      <c r="SIY121" s="26"/>
      <c r="SIZ121" s="26"/>
      <c r="SJA121" s="26"/>
      <c r="SJB121" s="26"/>
      <c r="SJC121" s="26"/>
      <c r="SJD121" s="26"/>
      <c r="SJE121" s="26"/>
      <c r="SJF121" s="26"/>
      <c r="SJG121" s="26"/>
      <c r="SJH121" s="26"/>
      <c r="SJI121" s="26"/>
      <c r="SJJ121" s="26"/>
      <c r="SJK121" s="26"/>
      <c r="SJL121" s="26"/>
      <c r="SJM121" s="26"/>
      <c r="SJN121" s="26"/>
      <c r="SJO121" s="26"/>
      <c r="SJP121" s="26"/>
      <c r="SJQ121" s="26"/>
      <c r="SJR121" s="26"/>
      <c r="SJS121" s="26"/>
      <c r="SJT121" s="26"/>
      <c r="SJU121" s="26"/>
      <c r="SJV121" s="26"/>
      <c r="SJW121" s="26"/>
      <c r="SJX121" s="26"/>
      <c r="SJY121" s="26"/>
      <c r="SJZ121" s="26"/>
      <c r="SKA121" s="26"/>
      <c r="SKB121" s="26"/>
      <c r="SKC121" s="26"/>
      <c r="SKD121" s="26"/>
      <c r="SKE121" s="26"/>
      <c r="SKF121" s="26"/>
      <c r="SKG121" s="26"/>
      <c r="SKH121" s="26"/>
      <c r="SKI121" s="26"/>
      <c r="SKJ121" s="26"/>
      <c r="SKK121" s="26"/>
      <c r="SKL121" s="26"/>
      <c r="SKM121" s="26"/>
      <c r="SKN121" s="26"/>
      <c r="SKO121" s="26"/>
      <c r="SKP121" s="26"/>
      <c r="SKQ121" s="26"/>
      <c r="SKR121" s="26"/>
      <c r="SKS121" s="26"/>
      <c r="SKT121" s="26"/>
      <c r="SKU121" s="26"/>
      <c r="SKV121" s="26"/>
      <c r="SKW121" s="26"/>
      <c r="SKX121" s="26"/>
      <c r="SKY121" s="26"/>
      <c r="SKZ121" s="26"/>
      <c r="SLA121" s="26"/>
      <c r="SLB121" s="26"/>
      <c r="SLC121" s="26"/>
      <c r="SLD121" s="26"/>
      <c r="SLE121" s="26"/>
      <c r="SLF121" s="26"/>
      <c r="SLG121" s="26"/>
      <c r="SLH121" s="26"/>
      <c r="SLI121" s="26"/>
      <c r="SLJ121" s="26"/>
      <c r="SLK121" s="26"/>
      <c r="SLL121" s="26"/>
      <c r="SLM121" s="26"/>
      <c r="SLN121" s="26"/>
      <c r="SLO121" s="26"/>
      <c r="SLP121" s="26"/>
      <c r="SLQ121" s="26"/>
      <c r="SLR121" s="26"/>
      <c r="SLS121" s="26"/>
      <c r="SLT121" s="26"/>
      <c r="SLU121" s="26"/>
      <c r="SLV121" s="26"/>
      <c r="SLW121" s="26"/>
      <c r="SLX121" s="26"/>
      <c r="SLY121" s="26"/>
      <c r="SLZ121" s="26"/>
      <c r="SMA121" s="26"/>
      <c r="SMB121" s="26"/>
      <c r="SMC121" s="26"/>
      <c r="SMD121" s="26"/>
      <c r="SME121" s="26"/>
      <c r="SMF121" s="26"/>
      <c r="SMG121" s="26"/>
      <c r="SMH121" s="26"/>
      <c r="SMI121" s="26"/>
      <c r="SMJ121" s="26"/>
      <c r="SMK121" s="26"/>
      <c r="SML121" s="26"/>
      <c r="SMM121" s="26"/>
      <c r="SMN121" s="26"/>
      <c r="SMO121" s="26"/>
      <c r="SMP121" s="26"/>
      <c r="SMQ121" s="26"/>
      <c r="SMR121" s="26"/>
      <c r="SMS121" s="26"/>
      <c r="SMT121" s="26"/>
      <c r="SMU121" s="26"/>
      <c r="SMV121" s="26"/>
      <c r="SMW121" s="26"/>
      <c r="SMX121" s="26"/>
      <c r="SMY121" s="26"/>
      <c r="SMZ121" s="26"/>
      <c r="SNA121" s="26"/>
      <c r="SNB121" s="26"/>
      <c r="SNC121" s="26"/>
      <c r="SND121" s="26"/>
      <c r="SNE121" s="26"/>
      <c r="SNF121" s="26"/>
      <c r="SNG121" s="26"/>
      <c r="SNH121" s="26"/>
      <c r="SNI121" s="26"/>
      <c r="SNJ121" s="26"/>
      <c r="SNK121" s="26"/>
      <c r="SNL121" s="26"/>
      <c r="SNM121" s="26"/>
      <c r="SNN121" s="26"/>
      <c r="SNO121" s="26"/>
      <c r="SNP121" s="26"/>
      <c r="SNQ121" s="26"/>
      <c r="SNR121" s="26"/>
      <c r="SNS121" s="26"/>
      <c r="SNT121" s="26"/>
      <c r="SNU121" s="26"/>
      <c r="SNV121" s="26"/>
      <c r="SNW121" s="26"/>
      <c r="SNX121" s="26"/>
      <c r="SNY121" s="26"/>
      <c r="SNZ121" s="26"/>
      <c r="SOA121" s="26"/>
      <c r="SOB121" s="26"/>
      <c r="SOC121" s="26"/>
      <c r="SOD121" s="26"/>
      <c r="SOE121" s="26"/>
      <c r="SOF121" s="26"/>
      <c r="SOG121" s="26"/>
      <c r="SOH121" s="26"/>
      <c r="SOI121" s="26"/>
      <c r="SOJ121" s="26"/>
      <c r="SOK121" s="26"/>
      <c r="SOL121" s="26"/>
      <c r="SOM121" s="26"/>
      <c r="SON121" s="26"/>
      <c r="SOO121" s="26"/>
      <c r="SOP121" s="26"/>
      <c r="SOQ121" s="26"/>
      <c r="SOR121" s="26"/>
      <c r="SOS121" s="26"/>
      <c r="SOT121" s="26"/>
      <c r="SOU121" s="26"/>
      <c r="SOV121" s="26"/>
      <c r="SOW121" s="26"/>
      <c r="SOX121" s="26"/>
      <c r="SOY121" s="26"/>
      <c r="SOZ121" s="26"/>
      <c r="SPA121" s="26"/>
      <c r="SPB121" s="26"/>
      <c r="SPC121" s="26"/>
      <c r="SPD121" s="26"/>
      <c r="SPE121" s="26"/>
      <c r="SPF121" s="26"/>
      <c r="SPG121" s="26"/>
      <c r="SPH121" s="26"/>
      <c r="SPI121" s="26"/>
      <c r="SPJ121" s="26"/>
      <c r="SPK121" s="26"/>
      <c r="SPL121" s="26"/>
      <c r="SPM121" s="26"/>
      <c r="SPN121" s="26"/>
      <c r="SPO121" s="26"/>
      <c r="SPP121" s="26"/>
      <c r="SPQ121" s="26"/>
      <c r="SPR121" s="26"/>
      <c r="SPS121" s="26"/>
      <c r="SPT121" s="26"/>
      <c r="SPU121" s="26"/>
      <c r="SPV121" s="26"/>
      <c r="SPW121" s="26"/>
      <c r="SPX121" s="26"/>
      <c r="SPY121" s="26"/>
      <c r="SPZ121" s="26"/>
      <c r="SQA121" s="26"/>
      <c r="SQB121" s="26"/>
      <c r="SQC121" s="26"/>
      <c r="SQD121" s="26"/>
      <c r="SQE121" s="26"/>
      <c r="SQF121" s="26"/>
      <c r="SQG121" s="26"/>
      <c r="SQH121" s="26"/>
      <c r="SQI121" s="26"/>
      <c r="SQJ121" s="26"/>
      <c r="SQK121" s="26"/>
      <c r="SQL121" s="26"/>
      <c r="SQM121" s="26"/>
      <c r="SQN121" s="26"/>
      <c r="SQO121" s="26"/>
      <c r="SQP121" s="26"/>
      <c r="SQQ121" s="26"/>
      <c r="SQR121" s="26"/>
      <c r="SQS121" s="26"/>
      <c r="SQT121" s="26"/>
      <c r="SQU121" s="26"/>
      <c r="SQV121" s="26"/>
      <c r="SQW121" s="26"/>
      <c r="SQX121" s="26"/>
      <c r="SQY121" s="26"/>
      <c r="SQZ121" s="26"/>
      <c r="SRA121" s="26"/>
      <c r="SRB121" s="26"/>
      <c r="SRC121" s="26"/>
      <c r="SRD121" s="26"/>
      <c r="SRE121" s="26"/>
      <c r="SRF121" s="26"/>
      <c r="SRG121" s="26"/>
      <c r="SRH121" s="26"/>
      <c r="SRI121" s="26"/>
      <c r="SRJ121" s="26"/>
      <c r="SRK121" s="26"/>
      <c r="SRL121" s="26"/>
      <c r="SRM121" s="26"/>
      <c r="SRN121" s="26"/>
      <c r="SRO121" s="26"/>
      <c r="SRP121" s="26"/>
      <c r="SRQ121" s="26"/>
      <c r="SRR121" s="26"/>
      <c r="SRS121" s="26"/>
      <c r="SRT121" s="26"/>
      <c r="SRU121" s="26"/>
      <c r="SRV121" s="26"/>
      <c r="SRW121" s="26"/>
      <c r="SRX121" s="26"/>
      <c r="SRY121" s="26"/>
      <c r="SRZ121" s="26"/>
      <c r="SSA121" s="26"/>
      <c r="SSB121" s="26"/>
      <c r="SSC121" s="26"/>
      <c r="SSD121" s="26"/>
      <c r="SSE121" s="26"/>
      <c r="SSF121" s="26"/>
      <c r="SSG121" s="26"/>
      <c r="SSH121" s="26"/>
      <c r="SSI121" s="26"/>
      <c r="SSJ121" s="26"/>
      <c r="SSK121" s="26"/>
      <c r="SSL121" s="26"/>
      <c r="SSM121" s="26"/>
      <c r="SSN121" s="26"/>
      <c r="SSO121" s="26"/>
      <c r="SSP121" s="26"/>
      <c r="SSQ121" s="26"/>
      <c r="SSR121" s="26"/>
      <c r="SSS121" s="26"/>
      <c r="SST121" s="26"/>
      <c r="SSU121" s="26"/>
      <c r="SSV121" s="26"/>
      <c r="SSW121" s="26"/>
      <c r="SSX121" s="26"/>
      <c r="SSY121" s="26"/>
      <c r="SSZ121" s="26"/>
      <c r="STA121" s="26"/>
      <c r="STB121" s="26"/>
      <c r="STC121" s="26"/>
      <c r="STD121" s="26"/>
      <c r="STE121" s="26"/>
      <c r="STF121" s="26"/>
      <c r="STG121" s="26"/>
      <c r="STH121" s="26"/>
      <c r="STI121" s="26"/>
      <c r="STJ121" s="26"/>
      <c r="STK121" s="26"/>
      <c r="STL121" s="26"/>
      <c r="STM121" s="26"/>
      <c r="STN121" s="26"/>
      <c r="STO121" s="26"/>
      <c r="STP121" s="26"/>
      <c r="STQ121" s="26"/>
      <c r="STR121" s="26"/>
      <c r="STS121" s="26"/>
      <c r="STT121" s="26"/>
      <c r="STU121" s="26"/>
      <c r="STV121" s="26"/>
      <c r="STW121" s="26"/>
      <c r="STX121" s="26"/>
      <c r="STY121" s="26"/>
      <c r="STZ121" s="26"/>
      <c r="SUA121" s="26"/>
      <c r="SUB121" s="26"/>
      <c r="SUC121" s="26"/>
      <c r="SUD121" s="26"/>
      <c r="SUE121" s="26"/>
      <c r="SUF121" s="26"/>
      <c r="SUG121" s="26"/>
      <c r="SUH121" s="26"/>
      <c r="SUI121" s="26"/>
      <c r="SUJ121" s="26"/>
      <c r="SUK121" s="26"/>
      <c r="SUL121" s="26"/>
      <c r="SUM121" s="26"/>
      <c r="SUN121" s="26"/>
      <c r="SUO121" s="26"/>
      <c r="SUP121" s="26"/>
      <c r="SUQ121" s="26"/>
      <c r="SUR121" s="26"/>
      <c r="SUS121" s="26"/>
      <c r="SUT121" s="26"/>
      <c r="SUU121" s="26"/>
      <c r="SUV121" s="26"/>
      <c r="SUW121" s="26"/>
      <c r="SUX121" s="26"/>
      <c r="SUY121" s="26"/>
      <c r="SUZ121" s="26"/>
      <c r="SVA121" s="26"/>
      <c r="SVB121" s="26"/>
      <c r="SVC121" s="26"/>
      <c r="SVD121" s="26"/>
      <c r="SVE121" s="26"/>
      <c r="SVF121" s="26"/>
      <c r="SVG121" s="26"/>
      <c r="SVH121" s="26"/>
      <c r="SVI121" s="26"/>
      <c r="SVJ121" s="26"/>
      <c r="SVK121" s="26"/>
      <c r="SVL121" s="26"/>
      <c r="SVM121" s="26"/>
      <c r="SVN121" s="26"/>
      <c r="SVO121" s="26"/>
      <c r="SVP121" s="26"/>
      <c r="SVQ121" s="26"/>
      <c r="SVR121" s="26"/>
      <c r="SVS121" s="26"/>
      <c r="SVT121" s="26"/>
      <c r="SVU121" s="26"/>
      <c r="SVV121" s="26"/>
      <c r="SVW121" s="26"/>
      <c r="SVX121" s="26"/>
      <c r="SVY121" s="26"/>
      <c r="SVZ121" s="26"/>
      <c r="SWA121" s="26"/>
      <c r="SWB121" s="26"/>
      <c r="SWC121" s="26"/>
      <c r="SWD121" s="26"/>
      <c r="SWE121" s="26"/>
      <c r="SWF121" s="26"/>
      <c r="SWG121" s="26"/>
      <c r="SWH121" s="26"/>
      <c r="SWI121" s="26"/>
      <c r="SWJ121" s="26"/>
      <c r="SWK121" s="26"/>
      <c r="SWL121" s="26"/>
      <c r="SWM121" s="26"/>
      <c r="SWN121" s="26"/>
      <c r="SWO121" s="26"/>
      <c r="SWP121" s="26"/>
      <c r="SWQ121" s="26"/>
      <c r="SWR121" s="26"/>
      <c r="SWS121" s="26"/>
      <c r="SWT121" s="26"/>
      <c r="SWU121" s="26"/>
      <c r="SWV121" s="26"/>
      <c r="SWW121" s="26"/>
      <c r="SWX121" s="26"/>
      <c r="SWY121" s="26"/>
      <c r="SWZ121" s="26"/>
      <c r="SXA121" s="26"/>
      <c r="SXB121" s="26"/>
      <c r="SXC121" s="26"/>
      <c r="SXD121" s="26"/>
      <c r="SXE121" s="26"/>
      <c r="SXF121" s="26"/>
      <c r="SXG121" s="26"/>
      <c r="SXH121" s="26"/>
      <c r="SXI121" s="26"/>
      <c r="SXJ121" s="26"/>
      <c r="SXK121" s="26"/>
      <c r="SXL121" s="26"/>
      <c r="SXM121" s="26"/>
      <c r="SXN121" s="26"/>
      <c r="SXO121" s="26"/>
      <c r="SXP121" s="26"/>
      <c r="SXQ121" s="26"/>
      <c r="SXR121" s="26"/>
      <c r="SXS121" s="26"/>
      <c r="SXT121" s="26"/>
      <c r="SXU121" s="26"/>
      <c r="SXV121" s="26"/>
      <c r="SXW121" s="26"/>
      <c r="SXX121" s="26"/>
      <c r="SXY121" s="26"/>
      <c r="SXZ121" s="26"/>
      <c r="SYA121" s="26"/>
      <c r="SYB121" s="26"/>
      <c r="SYC121" s="26"/>
      <c r="SYD121" s="26"/>
      <c r="SYE121" s="26"/>
      <c r="SYF121" s="26"/>
      <c r="SYG121" s="26"/>
      <c r="SYH121" s="26"/>
      <c r="SYI121" s="26"/>
      <c r="SYJ121" s="26"/>
      <c r="SYK121" s="26"/>
      <c r="SYL121" s="26"/>
      <c r="SYM121" s="26"/>
      <c r="SYN121" s="26"/>
      <c r="SYO121" s="26"/>
      <c r="SYP121" s="26"/>
      <c r="SYQ121" s="26"/>
      <c r="SYR121" s="26"/>
      <c r="SYS121" s="26"/>
      <c r="SYT121" s="26"/>
      <c r="SYU121" s="26"/>
      <c r="SYV121" s="26"/>
      <c r="SYW121" s="26"/>
      <c r="SYX121" s="26"/>
      <c r="SYY121" s="26"/>
      <c r="SYZ121" s="26"/>
      <c r="SZA121" s="26"/>
      <c r="SZB121" s="26"/>
      <c r="SZC121" s="26"/>
      <c r="SZD121" s="26"/>
      <c r="SZE121" s="26"/>
      <c r="SZF121" s="26"/>
      <c r="SZG121" s="26"/>
      <c r="SZH121" s="26"/>
      <c r="SZI121" s="26"/>
      <c r="SZJ121" s="26"/>
      <c r="SZK121" s="26"/>
      <c r="SZL121" s="26"/>
      <c r="SZM121" s="26"/>
      <c r="SZN121" s="26"/>
      <c r="SZO121" s="26"/>
      <c r="SZP121" s="26"/>
      <c r="SZQ121" s="26"/>
      <c r="SZR121" s="26"/>
      <c r="SZS121" s="26"/>
      <c r="SZT121" s="26"/>
      <c r="SZU121" s="26"/>
      <c r="SZV121" s="26"/>
      <c r="SZW121" s="26"/>
      <c r="SZX121" s="26"/>
      <c r="SZY121" s="26"/>
      <c r="SZZ121" s="26"/>
      <c r="TAA121" s="26"/>
      <c r="TAB121" s="26"/>
      <c r="TAC121" s="26"/>
      <c r="TAD121" s="26"/>
      <c r="TAE121" s="26"/>
      <c r="TAF121" s="26"/>
      <c r="TAG121" s="26"/>
      <c r="TAH121" s="26"/>
      <c r="TAI121" s="26"/>
      <c r="TAJ121" s="26"/>
      <c r="TAK121" s="26"/>
      <c r="TAL121" s="26"/>
      <c r="TAM121" s="26"/>
      <c r="TAN121" s="26"/>
      <c r="TAO121" s="26"/>
      <c r="TAP121" s="26"/>
      <c r="TAQ121" s="26"/>
      <c r="TAR121" s="26"/>
      <c r="TAS121" s="26"/>
      <c r="TAT121" s="26"/>
      <c r="TAU121" s="26"/>
      <c r="TAV121" s="26"/>
      <c r="TAW121" s="26"/>
      <c r="TAX121" s="26"/>
      <c r="TAY121" s="26"/>
      <c r="TAZ121" s="26"/>
      <c r="TBA121" s="26"/>
      <c r="TBB121" s="26"/>
      <c r="TBC121" s="26"/>
      <c r="TBD121" s="26"/>
      <c r="TBE121" s="26"/>
      <c r="TBF121" s="26"/>
      <c r="TBG121" s="26"/>
      <c r="TBH121" s="26"/>
      <c r="TBI121" s="26"/>
      <c r="TBJ121" s="26"/>
      <c r="TBK121" s="26"/>
      <c r="TBL121" s="26"/>
      <c r="TBM121" s="26"/>
      <c r="TBN121" s="26"/>
      <c r="TBO121" s="26"/>
      <c r="TBP121" s="26"/>
      <c r="TBQ121" s="26"/>
      <c r="TBR121" s="26"/>
      <c r="TBS121" s="26"/>
      <c r="TBT121" s="26"/>
      <c r="TBU121" s="26"/>
      <c r="TBV121" s="26"/>
      <c r="TBW121" s="26"/>
      <c r="TBX121" s="26"/>
      <c r="TBY121" s="26"/>
      <c r="TBZ121" s="26"/>
      <c r="TCA121" s="26"/>
      <c r="TCB121" s="26"/>
      <c r="TCC121" s="26"/>
      <c r="TCD121" s="26"/>
      <c r="TCE121" s="26"/>
      <c r="TCF121" s="26"/>
      <c r="TCG121" s="26"/>
      <c r="TCH121" s="26"/>
      <c r="TCI121" s="26"/>
      <c r="TCJ121" s="26"/>
      <c r="TCK121" s="26"/>
      <c r="TCL121" s="26"/>
      <c r="TCM121" s="26"/>
      <c r="TCN121" s="26"/>
      <c r="TCO121" s="26"/>
      <c r="TCP121" s="26"/>
      <c r="TCQ121" s="26"/>
      <c r="TCR121" s="26"/>
      <c r="TCS121" s="26"/>
      <c r="TCT121" s="26"/>
      <c r="TCU121" s="26"/>
      <c r="TCV121" s="26"/>
      <c r="TCW121" s="26"/>
      <c r="TCX121" s="26"/>
      <c r="TCY121" s="26"/>
      <c r="TCZ121" s="26"/>
      <c r="TDA121" s="26"/>
      <c r="TDB121" s="26"/>
      <c r="TDC121" s="26"/>
      <c r="TDD121" s="26"/>
      <c r="TDE121" s="26"/>
      <c r="TDF121" s="26"/>
      <c r="TDG121" s="26"/>
      <c r="TDH121" s="26"/>
      <c r="TDI121" s="26"/>
      <c r="TDJ121" s="26"/>
      <c r="TDK121" s="26"/>
      <c r="TDL121" s="26"/>
      <c r="TDM121" s="26"/>
      <c r="TDN121" s="26"/>
      <c r="TDO121" s="26"/>
      <c r="TDP121" s="26"/>
      <c r="TDQ121" s="26"/>
      <c r="TDR121" s="26"/>
      <c r="TDS121" s="26"/>
      <c r="TDT121" s="26"/>
      <c r="TDU121" s="26"/>
      <c r="TDV121" s="26"/>
      <c r="TDW121" s="26"/>
      <c r="TDX121" s="26"/>
      <c r="TDY121" s="26"/>
      <c r="TDZ121" s="26"/>
      <c r="TEA121" s="26"/>
      <c r="TEB121" s="26"/>
      <c r="TEC121" s="26"/>
      <c r="TED121" s="26"/>
      <c r="TEE121" s="26"/>
      <c r="TEF121" s="26"/>
      <c r="TEG121" s="26"/>
      <c r="TEH121" s="26"/>
      <c r="TEI121" s="26"/>
      <c r="TEJ121" s="26"/>
      <c r="TEK121" s="26"/>
      <c r="TEL121" s="26"/>
      <c r="TEM121" s="26"/>
      <c r="TEN121" s="26"/>
      <c r="TEO121" s="26"/>
      <c r="TEP121" s="26"/>
      <c r="TEQ121" s="26"/>
      <c r="TER121" s="26"/>
      <c r="TES121" s="26"/>
      <c r="TET121" s="26"/>
      <c r="TEU121" s="26"/>
      <c r="TEV121" s="26"/>
      <c r="TEW121" s="26"/>
      <c r="TEX121" s="26"/>
      <c r="TEY121" s="26"/>
      <c r="TEZ121" s="26"/>
      <c r="TFA121" s="26"/>
      <c r="TFB121" s="26"/>
      <c r="TFC121" s="26"/>
      <c r="TFD121" s="26"/>
      <c r="TFE121" s="26"/>
      <c r="TFF121" s="26"/>
      <c r="TFG121" s="26"/>
      <c r="TFH121" s="26"/>
      <c r="TFI121" s="26"/>
      <c r="TFJ121" s="26"/>
      <c r="TFK121" s="26"/>
      <c r="TFL121" s="26"/>
      <c r="TFM121" s="26"/>
      <c r="TFN121" s="26"/>
      <c r="TFO121" s="26"/>
      <c r="TFP121" s="26"/>
      <c r="TFQ121" s="26"/>
      <c r="TFR121" s="26"/>
      <c r="TFS121" s="26"/>
      <c r="TFT121" s="26"/>
      <c r="TFU121" s="26"/>
      <c r="TFV121" s="26"/>
      <c r="TFW121" s="26"/>
      <c r="TFX121" s="26"/>
      <c r="TFY121" s="26"/>
      <c r="TFZ121" s="26"/>
      <c r="TGA121" s="26"/>
      <c r="TGB121" s="26"/>
      <c r="TGC121" s="26"/>
      <c r="TGD121" s="26"/>
      <c r="TGE121" s="26"/>
      <c r="TGF121" s="26"/>
      <c r="TGG121" s="26"/>
      <c r="TGH121" s="26"/>
      <c r="TGI121" s="26"/>
      <c r="TGJ121" s="26"/>
      <c r="TGK121" s="26"/>
      <c r="TGL121" s="26"/>
      <c r="TGM121" s="26"/>
      <c r="TGN121" s="26"/>
      <c r="TGO121" s="26"/>
      <c r="TGP121" s="26"/>
      <c r="TGQ121" s="26"/>
      <c r="TGR121" s="26"/>
      <c r="TGS121" s="26"/>
      <c r="TGT121" s="26"/>
      <c r="TGU121" s="26"/>
      <c r="TGV121" s="26"/>
      <c r="TGW121" s="26"/>
      <c r="TGX121" s="26"/>
      <c r="TGY121" s="26"/>
      <c r="TGZ121" s="26"/>
      <c r="THA121" s="26"/>
      <c r="THB121" s="26"/>
      <c r="THC121" s="26"/>
      <c r="THD121" s="26"/>
      <c r="THE121" s="26"/>
      <c r="THF121" s="26"/>
      <c r="THG121" s="26"/>
      <c r="THH121" s="26"/>
      <c r="THI121" s="26"/>
      <c r="THJ121" s="26"/>
      <c r="THK121" s="26"/>
      <c r="THL121" s="26"/>
      <c r="THM121" s="26"/>
      <c r="THN121" s="26"/>
      <c r="THO121" s="26"/>
      <c r="THP121" s="26"/>
      <c r="THQ121" s="26"/>
      <c r="THR121" s="26"/>
      <c r="THS121" s="26"/>
      <c r="THT121" s="26"/>
      <c r="THU121" s="26"/>
      <c r="THV121" s="26"/>
      <c r="THW121" s="26"/>
      <c r="THX121" s="26"/>
      <c r="THY121" s="26"/>
      <c r="THZ121" s="26"/>
      <c r="TIA121" s="26"/>
      <c r="TIB121" s="26"/>
      <c r="TIC121" s="26"/>
      <c r="TID121" s="26"/>
      <c r="TIE121" s="26"/>
      <c r="TIF121" s="26"/>
      <c r="TIG121" s="26"/>
      <c r="TIH121" s="26"/>
      <c r="TII121" s="26"/>
      <c r="TIJ121" s="26"/>
      <c r="TIK121" s="26"/>
      <c r="TIL121" s="26"/>
      <c r="TIM121" s="26"/>
      <c r="TIN121" s="26"/>
      <c r="TIO121" s="26"/>
      <c r="TIP121" s="26"/>
      <c r="TIQ121" s="26"/>
      <c r="TIR121" s="26"/>
      <c r="TIS121" s="26"/>
      <c r="TIT121" s="26"/>
      <c r="TIU121" s="26"/>
      <c r="TIV121" s="26"/>
      <c r="TIW121" s="26"/>
      <c r="TIX121" s="26"/>
      <c r="TIY121" s="26"/>
      <c r="TIZ121" s="26"/>
      <c r="TJA121" s="26"/>
      <c r="TJB121" s="26"/>
      <c r="TJC121" s="26"/>
      <c r="TJD121" s="26"/>
      <c r="TJE121" s="26"/>
      <c r="TJF121" s="26"/>
      <c r="TJG121" s="26"/>
      <c r="TJH121" s="26"/>
      <c r="TJI121" s="26"/>
      <c r="TJJ121" s="26"/>
      <c r="TJK121" s="26"/>
      <c r="TJL121" s="26"/>
      <c r="TJM121" s="26"/>
      <c r="TJN121" s="26"/>
      <c r="TJO121" s="26"/>
      <c r="TJP121" s="26"/>
      <c r="TJQ121" s="26"/>
      <c r="TJR121" s="26"/>
      <c r="TJS121" s="26"/>
      <c r="TJT121" s="26"/>
      <c r="TJU121" s="26"/>
      <c r="TJV121" s="26"/>
      <c r="TJW121" s="26"/>
      <c r="TJX121" s="26"/>
      <c r="TJY121" s="26"/>
      <c r="TJZ121" s="26"/>
      <c r="TKA121" s="26"/>
      <c r="TKB121" s="26"/>
      <c r="TKC121" s="26"/>
      <c r="TKD121" s="26"/>
      <c r="TKE121" s="26"/>
      <c r="TKF121" s="26"/>
      <c r="TKG121" s="26"/>
      <c r="TKH121" s="26"/>
      <c r="TKI121" s="26"/>
      <c r="TKJ121" s="26"/>
      <c r="TKK121" s="26"/>
      <c r="TKL121" s="26"/>
      <c r="TKM121" s="26"/>
      <c r="TKN121" s="26"/>
      <c r="TKO121" s="26"/>
      <c r="TKP121" s="26"/>
      <c r="TKQ121" s="26"/>
      <c r="TKR121" s="26"/>
      <c r="TKS121" s="26"/>
      <c r="TKT121" s="26"/>
      <c r="TKU121" s="26"/>
      <c r="TKV121" s="26"/>
      <c r="TKW121" s="26"/>
      <c r="TKX121" s="26"/>
      <c r="TKY121" s="26"/>
      <c r="TKZ121" s="26"/>
      <c r="TLA121" s="26"/>
      <c r="TLB121" s="26"/>
      <c r="TLC121" s="26"/>
      <c r="TLD121" s="26"/>
      <c r="TLE121" s="26"/>
      <c r="TLF121" s="26"/>
      <c r="TLG121" s="26"/>
      <c r="TLH121" s="26"/>
      <c r="TLI121" s="26"/>
      <c r="TLJ121" s="26"/>
      <c r="TLK121" s="26"/>
      <c r="TLL121" s="26"/>
      <c r="TLM121" s="26"/>
      <c r="TLN121" s="26"/>
      <c r="TLO121" s="26"/>
      <c r="TLP121" s="26"/>
      <c r="TLQ121" s="26"/>
      <c r="TLR121" s="26"/>
      <c r="TLS121" s="26"/>
      <c r="TLT121" s="26"/>
      <c r="TLU121" s="26"/>
      <c r="TLV121" s="26"/>
      <c r="TLW121" s="26"/>
      <c r="TLX121" s="26"/>
      <c r="TLY121" s="26"/>
      <c r="TLZ121" s="26"/>
      <c r="TMA121" s="26"/>
      <c r="TMB121" s="26"/>
      <c r="TMC121" s="26"/>
      <c r="TMD121" s="26"/>
      <c r="TME121" s="26"/>
      <c r="TMF121" s="26"/>
      <c r="TMG121" s="26"/>
      <c r="TMH121" s="26"/>
      <c r="TMI121" s="26"/>
      <c r="TMJ121" s="26"/>
      <c r="TMK121" s="26"/>
      <c r="TML121" s="26"/>
      <c r="TMM121" s="26"/>
      <c r="TMN121" s="26"/>
      <c r="TMO121" s="26"/>
      <c r="TMP121" s="26"/>
      <c r="TMQ121" s="26"/>
      <c r="TMR121" s="26"/>
      <c r="TMS121" s="26"/>
      <c r="TMT121" s="26"/>
      <c r="TMU121" s="26"/>
      <c r="TMV121" s="26"/>
      <c r="TMW121" s="26"/>
      <c r="TMX121" s="26"/>
      <c r="TMY121" s="26"/>
      <c r="TMZ121" s="26"/>
      <c r="TNA121" s="26"/>
      <c r="TNB121" s="26"/>
      <c r="TNC121" s="26"/>
      <c r="TND121" s="26"/>
      <c r="TNE121" s="26"/>
      <c r="TNF121" s="26"/>
      <c r="TNG121" s="26"/>
      <c r="TNH121" s="26"/>
      <c r="TNI121" s="26"/>
      <c r="TNJ121" s="26"/>
      <c r="TNK121" s="26"/>
      <c r="TNL121" s="26"/>
      <c r="TNM121" s="26"/>
      <c r="TNN121" s="26"/>
      <c r="TNO121" s="26"/>
      <c r="TNP121" s="26"/>
      <c r="TNQ121" s="26"/>
      <c r="TNR121" s="26"/>
      <c r="TNS121" s="26"/>
      <c r="TNT121" s="26"/>
      <c r="TNU121" s="26"/>
      <c r="TNV121" s="26"/>
      <c r="TNW121" s="26"/>
      <c r="TNX121" s="26"/>
      <c r="TNY121" s="26"/>
      <c r="TNZ121" s="26"/>
      <c r="TOA121" s="26"/>
      <c r="TOB121" s="26"/>
      <c r="TOC121" s="26"/>
      <c r="TOD121" s="26"/>
      <c r="TOE121" s="26"/>
      <c r="TOF121" s="26"/>
      <c r="TOG121" s="26"/>
      <c r="TOH121" s="26"/>
      <c r="TOI121" s="26"/>
      <c r="TOJ121" s="26"/>
      <c r="TOK121" s="26"/>
      <c r="TOL121" s="26"/>
      <c r="TOM121" s="26"/>
      <c r="TON121" s="26"/>
      <c r="TOO121" s="26"/>
      <c r="TOP121" s="26"/>
      <c r="TOQ121" s="26"/>
      <c r="TOR121" s="26"/>
      <c r="TOS121" s="26"/>
      <c r="TOT121" s="26"/>
      <c r="TOU121" s="26"/>
      <c r="TOV121" s="26"/>
      <c r="TOW121" s="26"/>
      <c r="TOX121" s="26"/>
      <c r="TOY121" s="26"/>
      <c r="TOZ121" s="26"/>
      <c r="TPA121" s="26"/>
      <c r="TPB121" s="26"/>
      <c r="TPC121" s="26"/>
      <c r="TPD121" s="26"/>
      <c r="TPE121" s="26"/>
      <c r="TPF121" s="26"/>
      <c r="TPG121" s="26"/>
      <c r="TPH121" s="26"/>
      <c r="TPI121" s="26"/>
      <c r="TPJ121" s="26"/>
      <c r="TPK121" s="26"/>
      <c r="TPL121" s="26"/>
      <c r="TPM121" s="26"/>
      <c r="TPN121" s="26"/>
      <c r="TPO121" s="26"/>
      <c r="TPP121" s="26"/>
      <c r="TPQ121" s="26"/>
      <c r="TPR121" s="26"/>
      <c r="TPS121" s="26"/>
      <c r="TPT121" s="26"/>
      <c r="TPU121" s="26"/>
      <c r="TPV121" s="26"/>
      <c r="TPW121" s="26"/>
      <c r="TPX121" s="26"/>
      <c r="TPY121" s="26"/>
      <c r="TPZ121" s="26"/>
      <c r="TQA121" s="26"/>
      <c r="TQB121" s="26"/>
      <c r="TQC121" s="26"/>
      <c r="TQD121" s="26"/>
      <c r="TQE121" s="26"/>
      <c r="TQF121" s="26"/>
      <c r="TQG121" s="26"/>
      <c r="TQH121" s="26"/>
      <c r="TQI121" s="26"/>
      <c r="TQJ121" s="26"/>
      <c r="TQK121" s="26"/>
      <c r="TQL121" s="26"/>
      <c r="TQM121" s="26"/>
      <c r="TQN121" s="26"/>
      <c r="TQO121" s="26"/>
      <c r="TQP121" s="26"/>
      <c r="TQQ121" s="26"/>
      <c r="TQR121" s="26"/>
      <c r="TQS121" s="26"/>
      <c r="TQT121" s="26"/>
      <c r="TQU121" s="26"/>
      <c r="TQV121" s="26"/>
      <c r="TQW121" s="26"/>
      <c r="TQX121" s="26"/>
      <c r="TQY121" s="26"/>
      <c r="TQZ121" s="26"/>
      <c r="TRA121" s="26"/>
      <c r="TRB121" s="26"/>
      <c r="TRC121" s="26"/>
      <c r="TRD121" s="26"/>
      <c r="TRE121" s="26"/>
      <c r="TRF121" s="26"/>
      <c r="TRG121" s="26"/>
      <c r="TRH121" s="26"/>
      <c r="TRI121" s="26"/>
      <c r="TRJ121" s="26"/>
      <c r="TRK121" s="26"/>
      <c r="TRL121" s="26"/>
      <c r="TRM121" s="26"/>
      <c r="TRN121" s="26"/>
      <c r="TRO121" s="26"/>
      <c r="TRP121" s="26"/>
      <c r="TRQ121" s="26"/>
      <c r="TRR121" s="26"/>
      <c r="TRS121" s="26"/>
      <c r="TRT121" s="26"/>
      <c r="TRU121" s="26"/>
      <c r="TRV121" s="26"/>
      <c r="TRW121" s="26"/>
      <c r="TRX121" s="26"/>
      <c r="TRY121" s="26"/>
      <c r="TRZ121" s="26"/>
      <c r="TSA121" s="26"/>
      <c r="TSB121" s="26"/>
      <c r="TSC121" s="26"/>
      <c r="TSD121" s="26"/>
      <c r="TSE121" s="26"/>
      <c r="TSF121" s="26"/>
      <c r="TSG121" s="26"/>
      <c r="TSH121" s="26"/>
      <c r="TSI121" s="26"/>
      <c r="TSJ121" s="26"/>
      <c r="TSK121" s="26"/>
      <c r="TSL121" s="26"/>
      <c r="TSM121" s="26"/>
      <c r="TSN121" s="26"/>
      <c r="TSO121" s="26"/>
      <c r="TSP121" s="26"/>
      <c r="TSQ121" s="26"/>
      <c r="TSR121" s="26"/>
      <c r="TSS121" s="26"/>
      <c r="TST121" s="26"/>
      <c r="TSU121" s="26"/>
      <c r="TSV121" s="26"/>
      <c r="TSW121" s="26"/>
      <c r="TSX121" s="26"/>
      <c r="TSY121" s="26"/>
      <c r="TSZ121" s="26"/>
      <c r="TTA121" s="26"/>
      <c r="TTB121" s="26"/>
      <c r="TTC121" s="26"/>
      <c r="TTD121" s="26"/>
      <c r="TTE121" s="26"/>
      <c r="TTF121" s="26"/>
      <c r="TTG121" s="26"/>
      <c r="TTH121" s="26"/>
      <c r="TTI121" s="26"/>
      <c r="TTJ121" s="26"/>
      <c r="TTK121" s="26"/>
      <c r="TTL121" s="26"/>
      <c r="TTM121" s="26"/>
      <c r="TTN121" s="26"/>
      <c r="TTO121" s="26"/>
      <c r="TTP121" s="26"/>
      <c r="TTQ121" s="26"/>
      <c r="TTR121" s="26"/>
      <c r="TTS121" s="26"/>
      <c r="TTT121" s="26"/>
      <c r="TTU121" s="26"/>
      <c r="TTV121" s="26"/>
      <c r="TTW121" s="26"/>
      <c r="TTX121" s="26"/>
      <c r="TTY121" s="26"/>
      <c r="TTZ121" s="26"/>
      <c r="TUA121" s="26"/>
      <c r="TUB121" s="26"/>
      <c r="TUC121" s="26"/>
      <c r="TUD121" s="26"/>
      <c r="TUE121" s="26"/>
      <c r="TUF121" s="26"/>
      <c r="TUG121" s="26"/>
      <c r="TUH121" s="26"/>
      <c r="TUI121" s="26"/>
      <c r="TUJ121" s="26"/>
      <c r="TUK121" s="26"/>
      <c r="TUL121" s="26"/>
      <c r="TUM121" s="26"/>
      <c r="TUN121" s="26"/>
      <c r="TUO121" s="26"/>
      <c r="TUP121" s="26"/>
      <c r="TUQ121" s="26"/>
      <c r="TUR121" s="26"/>
      <c r="TUS121" s="26"/>
      <c r="TUT121" s="26"/>
      <c r="TUU121" s="26"/>
      <c r="TUV121" s="26"/>
      <c r="TUW121" s="26"/>
      <c r="TUX121" s="26"/>
      <c r="TUY121" s="26"/>
      <c r="TUZ121" s="26"/>
      <c r="TVA121" s="26"/>
      <c r="TVB121" s="26"/>
      <c r="TVC121" s="26"/>
      <c r="TVD121" s="26"/>
      <c r="TVE121" s="26"/>
      <c r="TVF121" s="26"/>
      <c r="TVG121" s="26"/>
      <c r="TVH121" s="26"/>
      <c r="TVI121" s="26"/>
      <c r="TVJ121" s="26"/>
      <c r="TVK121" s="26"/>
      <c r="TVL121" s="26"/>
      <c r="TVM121" s="26"/>
      <c r="TVN121" s="26"/>
      <c r="TVO121" s="26"/>
      <c r="TVP121" s="26"/>
      <c r="TVQ121" s="26"/>
      <c r="TVR121" s="26"/>
      <c r="TVS121" s="26"/>
      <c r="TVT121" s="26"/>
      <c r="TVU121" s="26"/>
      <c r="TVV121" s="26"/>
      <c r="TVW121" s="26"/>
      <c r="TVX121" s="26"/>
      <c r="TVY121" s="26"/>
      <c r="TVZ121" s="26"/>
      <c r="TWA121" s="26"/>
      <c r="TWB121" s="26"/>
      <c r="TWC121" s="26"/>
      <c r="TWD121" s="26"/>
      <c r="TWE121" s="26"/>
      <c r="TWF121" s="26"/>
      <c r="TWG121" s="26"/>
      <c r="TWH121" s="26"/>
      <c r="TWI121" s="26"/>
      <c r="TWJ121" s="26"/>
      <c r="TWK121" s="26"/>
      <c r="TWL121" s="26"/>
      <c r="TWM121" s="26"/>
      <c r="TWN121" s="26"/>
      <c r="TWO121" s="26"/>
      <c r="TWP121" s="26"/>
      <c r="TWQ121" s="26"/>
      <c r="TWR121" s="26"/>
      <c r="TWS121" s="26"/>
      <c r="TWT121" s="26"/>
      <c r="TWU121" s="26"/>
      <c r="TWV121" s="26"/>
      <c r="TWW121" s="26"/>
      <c r="TWX121" s="26"/>
      <c r="TWY121" s="26"/>
      <c r="TWZ121" s="26"/>
      <c r="TXA121" s="26"/>
      <c r="TXB121" s="26"/>
      <c r="TXC121" s="26"/>
      <c r="TXD121" s="26"/>
      <c r="TXE121" s="26"/>
      <c r="TXF121" s="26"/>
      <c r="TXG121" s="26"/>
      <c r="TXH121" s="26"/>
      <c r="TXI121" s="26"/>
      <c r="TXJ121" s="26"/>
      <c r="TXK121" s="26"/>
      <c r="TXL121" s="26"/>
      <c r="TXM121" s="26"/>
      <c r="TXN121" s="26"/>
      <c r="TXO121" s="26"/>
      <c r="TXP121" s="26"/>
      <c r="TXQ121" s="26"/>
      <c r="TXR121" s="26"/>
      <c r="TXS121" s="26"/>
      <c r="TXT121" s="26"/>
      <c r="TXU121" s="26"/>
      <c r="TXV121" s="26"/>
      <c r="TXW121" s="26"/>
      <c r="TXX121" s="26"/>
      <c r="TXY121" s="26"/>
      <c r="TXZ121" s="26"/>
      <c r="TYA121" s="26"/>
      <c r="TYB121" s="26"/>
      <c r="TYC121" s="26"/>
      <c r="TYD121" s="26"/>
      <c r="TYE121" s="26"/>
      <c r="TYF121" s="26"/>
      <c r="TYG121" s="26"/>
      <c r="TYH121" s="26"/>
      <c r="TYI121" s="26"/>
      <c r="TYJ121" s="26"/>
      <c r="TYK121" s="26"/>
      <c r="TYL121" s="26"/>
      <c r="TYM121" s="26"/>
      <c r="TYN121" s="26"/>
      <c r="TYO121" s="26"/>
      <c r="TYP121" s="26"/>
      <c r="TYQ121" s="26"/>
      <c r="TYR121" s="26"/>
      <c r="TYS121" s="26"/>
      <c r="TYT121" s="26"/>
      <c r="TYU121" s="26"/>
      <c r="TYV121" s="26"/>
      <c r="TYW121" s="26"/>
      <c r="TYX121" s="26"/>
      <c r="TYY121" s="26"/>
      <c r="TYZ121" s="26"/>
      <c r="TZA121" s="26"/>
      <c r="TZB121" s="26"/>
      <c r="TZC121" s="26"/>
      <c r="TZD121" s="26"/>
      <c r="TZE121" s="26"/>
      <c r="TZF121" s="26"/>
      <c r="TZG121" s="26"/>
      <c r="TZH121" s="26"/>
      <c r="TZI121" s="26"/>
      <c r="TZJ121" s="26"/>
      <c r="TZK121" s="26"/>
      <c r="TZL121" s="26"/>
      <c r="TZM121" s="26"/>
      <c r="TZN121" s="26"/>
      <c r="TZO121" s="26"/>
      <c r="TZP121" s="26"/>
      <c r="TZQ121" s="26"/>
      <c r="TZR121" s="26"/>
      <c r="TZS121" s="26"/>
      <c r="TZT121" s="26"/>
      <c r="TZU121" s="26"/>
      <c r="TZV121" s="26"/>
      <c r="TZW121" s="26"/>
      <c r="TZX121" s="26"/>
      <c r="TZY121" s="26"/>
      <c r="TZZ121" s="26"/>
      <c r="UAA121" s="26"/>
      <c r="UAB121" s="26"/>
      <c r="UAC121" s="26"/>
      <c r="UAD121" s="26"/>
      <c r="UAE121" s="26"/>
      <c r="UAF121" s="26"/>
      <c r="UAG121" s="26"/>
      <c r="UAH121" s="26"/>
      <c r="UAI121" s="26"/>
      <c r="UAJ121" s="26"/>
      <c r="UAK121" s="26"/>
      <c r="UAL121" s="26"/>
      <c r="UAM121" s="26"/>
      <c r="UAN121" s="26"/>
      <c r="UAO121" s="26"/>
      <c r="UAP121" s="26"/>
      <c r="UAQ121" s="26"/>
      <c r="UAR121" s="26"/>
      <c r="UAS121" s="26"/>
      <c r="UAT121" s="26"/>
      <c r="UAU121" s="26"/>
      <c r="UAV121" s="26"/>
      <c r="UAW121" s="26"/>
      <c r="UAX121" s="26"/>
      <c r="UAY121" s="26"/>
      <c r="UAZ121" s="26"/>
      <c r="UBA121" s="26"/>
      <c r="UBB121" s="26"/>
      <c r="UBC121" s="26"/>
      <c r="UBD121" s="26"/>
      <c r="UBE121" s="26"/>
      <c r="UBF121" s="26"/>
      <c r="UBG121" s="26"/>
      <c r="UBH121" s="26"/>
      <c r="UBI121" s="26"/>
      <c r="UBJ121" s="26"/>
      <c r="UBK121" s="26"/>
      <c r="UBL121" s="26"/>
      <c r="UBM121" s="26"/>
      <c r="UBN121" s="26"/>
      <c r="UBO121" s="26"/>
      <c r="UBP121" s="26"/>
      <c r="UBQ121" s="26"/>
      <c r="UBR121" s="26"/>
      <c r="UBS121" s="26"/>
      <c r="UBT121" s="26"/>
      <c r="UBU121" s="26"/>
      <c r="UBV121" s="26"/>
      <c r="UBW121" s="26"/>
      <c r="UBX121" s="26"/>
      <c r="UBY121" s="26"/>
      <c r="UBZ121" s="26"/>
      <c r="UCA121" s="26"/>
      <c r="UCB121" s="26"/>
      <c r="UCC121" s="26"/>
      <c r="UCD121" s="26"/>
      <c r="UCE121" s="26"/>
      <c r="UCF121" s="26"/>
      <c r="UCG121" s="26"/>
      <c r="UCH121" s="26"/>
      <c r="UCI121" s="26"/>
      <c r="UCJ121" s="26"/>
      <c r="UCK121" s="26"/>
      <c r="UCL121" s="26"/>
      <c r="UCM121" s="26"/>
      <c r="UCN121" s="26"/>
      <c r="UCO121" s="26"/>
      <c r="UCP121" s="26"/>
      <c r="UCQ121" s="26"/>
      <c r="UCR121" s="26"/>
      <c r="UCS121" s="26"/>
      <c r="UCT121" s="26"/>
      <c r="UCU121" s="26"/>
      <c r="UCV121" s="26"/>
      <c r="UCW121" s="26"/>
      <c r="UCX121" s="26"/>
      <c r="UCY121" s="26"/>
      <c r="UCZ121" s="26"/>
      <c r="UDA121" s="26"/>
      <c r="UDB121" s="26"/>
      <c r="UDC121" s="26"/>
      <c r="UDD121" s="26"/>
      <c r="UDE121" s="26"/>
      <c r="UDF121" s="26"/>
      <c r="UDG121" s="26"/>
      <c r="UDH121" s="26"/>
      <c r="UDI121" s="26"/>
      <c r="UDJ121" s="26"/>
      <c r="UDK121" s="26"/>
      <c r="UDL121" s="26"/>
      <c r="UDM121" s="26"/>
      <c r="UDN121" s="26"/>
      <c r="UDO121" s="26"/>
      <c r="UDP121" s="26"/>
      <c r="UDQ121" s="26"/>
      <c r="UDR121" s="26"/>
      <c r="UDS121" s="26"/>
      <c r="UDT121" s="26"/>
      <c r="UDU121" s="26"/>
      <c r="UDV121" s="26"/>
      <c r="UDW121" s="26"/>
      <c r="UDX121" s="26"/>
      <c r="UDY121" s="26"/>
      <c r="UDZ121" s="26"/>
      <c r="UEA121" s="26"/>
      <c r="UEB121" s="26"/>
      <c r="UEC121" s="26"/>
      <c r="UED121" s="26"/>
      <c r="UEE121" s="26"/>
      <c r="UEF121" s="26"/>
      <c r="UEG121" s="26"/>
      <c r="UEH121" s="26"/>
      <c r="UEI121" s="26"/>
      <c r="UEJ121" s="26"/>
      <c r="UEK121" s="26"/>
      <c r="UEL121" s="26"/>
      <c r="UEM121" s="26"/>
      <c r="UEN121" s="26"/>
      <c r="UEO121" s="26"/>
      <c r="UEP121" s="26"/>
      <c r="UEQ121" s="26"/>
      <c r="UER121" s="26"/>
      <c r="UES121" s="26"/>
      <c r="UET121" s="26"/>
      <c r="UEU121" s="26"/>
      <c r="UEV121" s="26"/>
      <c r="UEW121" s="26"/>
      <c r="UEX121" s="26"/>
      <c r="UEY121" s="26"/>
      <c r="UEZ121" s="26"/>
      <c r="UFA121" s="26"/>
      <c r="UFB121" s="26"/>
      <c r="UFC121" s="26"/>
      <c r="UFD121" s="26"/>
      <c r="UFE121" s="26"/>
      <c r="UFF121" s="26"/>
      <c r="UFG121" s="26"/>
      <c r="UFH121" s="26"/>
      <c r="UFI121" s="26"/>
      <c r="UFJ121" s="26"/>
      <c r="UFK121" s="26"/>
      <c r="UFL121" s="26"/>
      <c r="UFM121" s="26"/>
      <c r="UFN121" s="26"/>
      <c r="UFO121" s="26"/>
      <c r="UFP121" s="26"/>
      <c r="UFQ121" s="26"/>
      <c r="UFR121" s="26"/>
      <c r="UFS121" s="26"/>
      <c r="UFT121" s="26"/>
      <c r="UFU121" s="26"/>
      <c r="UFV121" s="26"/>
      <c r="UFW121" s="26"/>
      <c r="UFX121" s="26"/>
      <c r="UFY121" s="26"/>
      <c r="UFZ121" s="26"/>
      <c r="UGA121" s="26"/>
      <c r="UGB121" s="26"/>
      <c r="UGC121" s="26"/>
      <c r="UGD121" s="26"/>
      <c r="UGE121" s="26"/>
      <c r="UGF121" s="26"/>
      <c r="UGG121" s="26"/>
      <c r="UGH121" s="26"/>
      <c r="UGI121" s="26"/>
      <c r="UGJ121" s="26"/>
      <c r="UGK121" s="26"/>
      <c r="UGL121" s="26"/>
      <c r="UGM121" s="26"/>
      <c r="UGN121" s="26"/>
      <c r="UGO121" s="26"/>
      <c r="UGP121" s="26"/>
      <c r="UGQ121" s="26"/>
      <c r="UGR121" s="26"/>
      <c r="UGS121" s="26"/>
      <c r="UGT121" s="26"/>
      <c r="UGU121" s="26"/>
      <c r="UGV121" s="26"/>
      <c r="UGW121" s="26"/>
      <c r="UGX121" s="26"/>
      <c r="UGY121" s="26"/>
      <c r="UGZ121" s="26"/>
      <c r="UHA121" s="26"/>
      <c r="UHB121" s="26"/>
      <c r="UHC121" s="26"/>
      <c r="UHD121" s="26"/>
      <c r="UHE121" s="26"/>
      <c r="UHF121" s="26"/>
      <c r="UHG121" s="26"/>
      <c r="UHH121" s="26"/>
      <c r="UHI121" s="26"/>
      <c r="UHJ121" s="26"/>
      <c r="UHK121" s="26"/>
      <c r="UHL121" s="26"/>
      <c r="UHM121" s="26"/>
      <c r="UHN121" s="26"/>
      <c r="UHO121" s="26"/>
      <c r="UHP121" s="26"/>
      <c r="UHQ121" s="26"/>
      <c r="UHR121" s="26"/>
      <c r="UHS121" s="26"/>
      <c r="UHT121" s="26"/>
      <c r="UHU121" s="26"/>
      <c r="UHV121" s="26"/>
      <c r="UHW121" s="26"/>
      <c r="UHX121" s="26"/>
      <c r="UHY121" s="26"/>
      <c r="UHZ121" s="26"/>
      <c r="UIA121" s="26"/>
      <c r="UIB121" s="26"/>
      <c r="UIC121" s="26"/>
      <c r="UID121" s="26"/>
      <c r="UIE121" s="26"/>
      <c r="UIF121" s="26"/>
      <c r="UIG121" s="26"/>
      <c r="UIH121" s="26"/>
      <c r="UII121" s="26"/>
      <c r="UIJ121" s="26"/>
      <c r="UIK121" s="26"/>
      <c r="UIL121" s="26"/>
      <c r="UIM121" s="26"/>
      <c r="UIN121" s="26"/>
      <c r="UIO121" s="26"/>
      <c r="UIP121" s="26"/>
      <c r="UIQ121" s="26"/>
      <c r="UIR121" s="26"/>
      <c r="UIS121" s="26"/>
      <c r="UIT121" s="26"/>
      <c r="UIU121" s="26"/>
      <c r="UIV121" s="26"/>
      <c r="UIW121" s="26"/>
      <c r="UIX121" s="26"/>
      <c r="UIY121" s="26"/>
      <c r="UIZ121" s="26"/>
      <c r="UJA121" s="26"/>
      <c r="UJB121" s="26"/>
      <c r="UJC121" s="26"/>
      <c r="UJD121" s="26"/>
      <c r="UJE121" s="26"/>
      <c r="UJF121" s="26"/>
      <c r="UJG121" s="26"/>
      <c r="UJH121" s="26"/>
      <c r="UJI121" s="26"/>
      <c r="UJJ121" s="26"/>
      <c r="UJK121" s="26"/>
      <c r="UJL121" s="26"/>
      <c r="UJM121" s="26"/>
      <c r="UJN121" s="26"/>
      <c r="UJO121" s="26"/>
      <c r="UJP121" s="26"/>
      <c r="UJQ121" s="26"/>
      <c r="UJR121" s="26"/>
      <c r="UJS121" s="26"/>
      <c r="UJT121" s="26"/>
      <c r="UJU121" s="26"/>
      <c r="UJV121" s="26"/>
      <c r="UJW121" s="26"/>
      <c r="UJX121" s="26"/>
      <c r="UJY121" s="26"/>
      <c r="UJZ121" s="26"/>
      <c r="UKA121" s="26"/>
      <c r="UKB121" s="26"/>
      <c r="UKC121" s="26"/>
      <c r="UKD121" s="26"/>
      <c r="UKE121" s="26"/>
      <c r="UKF121" s="26"/>
      <c r="UKG121" s="26"/>
      <c r="UKH121" s="26"/>
      <c r="UKI121" s="26"/>
      <c r="UKJ121" s="26"/>
      <c r="UKK121" s="26"/>
      <c r="UKL121" s="26"/>
      <c r="UKM121" s="26"/>
      <c r="UKN121" s="26"/>
      <c r="UKO121" s="26"/>
      <c r="UKP121" s="26"/>
      <c r="UKQ121" s="26"/>
      <c r="UKR121" s="26"/>
      <c r="UKS121" s="26"/>
      <c r="UKT121" s="26"/>
      <c r="UKU121" s="26"/>
      <c r="UKV121" s="26"/>
      <c r="UKW121" s="26"/>
      <c r="UKX121" s="26"/>
      <c r="UKY121" s="26"/>
      <c r="UKZ121" s="26"/>
      <c r="ULA121" s="26"/>
      <c r="ULB121" s="26"/>
      <c r="ULC121" s="26"/>
      <c r="ULD121" s="26"/>
      <c r="ULE121" s="26"/>
      <c r="ULF121" s="26"/>
      <c r="ULG121" s="26"/>
      <c r="ULH121" s="26"/>
      <c r="ULI121" s="26"/>
      <c r="ULJ121" s="26"/>
      <c r="ULK121" s="26"/>
      <c r="ULL121" s="26"/>
      <c r="ULM121" s="26"/>
      <c r="ULN121" s="26"/>
      <c r="ULO121" s="26"/>
      <c r="ULP121" s="26"/>
      <c r="ULQ121" s="26"/>
      <c r="ULR121" s="26"/>
      <c r="ULS121" s="26"/>
      <c r="ULT121" s="26"/>
      <c r="ULU121" s="26"/>
      <c r="ULV121" s="26"/>
      <c r="ULW121" s="26"/>
      <c r="ULX121" s="26"/>
      <c r="ULY121" s="26"/>
      <c r="ULZ121" s="26"/>
      <c r="UMA121" s="26"/>
      <c r="UMB121" s="26"/>
      <c r="UMC121" s="26"/>
      <c r="UMD121" s="26"/>
      <c r="UME121" s="26"/>
      <c r="UMF121" s="26"/>
      <c r="UMG121" s="26"/>
      <c r="UMH121" s="26"/>
      <c r="UMI121" s="26"/>
      <c r="UMJ121" s="26"/>
      <c r="UMK121" s="26"/>
      <c r="UML121" s="26"/>
      <c r="UMM121" s="26"/>
      <c r="UMN121" s="26"/>
      <c r="UMO121" s="26"/>
      <c r="UMP121" s="26"/>
      <c r="UMQ121" s="26"/>
      <c r="UMR121" s="26"/>
      <c r="UMS121" s="26"/>
      <c r="UMT121" s="26"/>
      <c r="UMU121" s="26"/>
      <c r="UMV121" s="26"/>
      <c r="UMW121" s="26"/>
      <c r="UMX121" s="26"/>
      <c r="UMY121" s="26"/>
      <c r="UMZ121" s="26"/>
      <c r="UNA121" s="26"/>
      <c r="UNB121" s="26"/>
      <c r="UNC121" s="26"/>
      <c r="UND121" s="26"/>
      <c r="UNE121" s="26"/>
      <c r="UNF121" s="26"/>
      <c r="UNG121" s="26"/>
      <c r="UNH121" s="26"/>
      <c r="UNI121" s="26"/>
      <c r="UNJ121" s="26"/>
      <c r="UNK121" s="26"/>
      <c r="UNL121" s="26"/>
      <c r="UNM121" s="26"/>
      <c r="UNN121" s="26"/>
      <c r="UNO121" s="26"/>
      <c r="UNP121" s="26"/>
      <c r="UNQ121" s="26"/>
      <c r="UNR121" s="26"/>
      <c r="UNS121" s="26"/>
      <c r="UNT121" s="26"/>
      <c r="UNU121" s="26"/>
      <c r="UNV121" s="26"/>
      <c r="UNW121" s="26"/>
      <c r="UNX121" s="26"/>
      <c r="UNY121" s="26"/>
      <c r="UNZ121" s="26"/>
      <c r="UOA121" s="26"/>
      <c r="UOB121" s="26"/>
      <c r="UOC121" s="26"/>
      <c r="UOD121" s="26"/>
      <c r="UOE121" s="26"/>
      <c r="UOF121" s="26"/>
      <c r="UOG121" s="26"/>
      <c r="UOH121" s="26"/>
      <c r="UOI121" s="26"/>
      <c r="UOJ121" s="26"/>
      <c r="UOK121" s="26"/>
      <c r="UOL121" s="26"/>
      <c r="UOM121" s="26"/>
      <c r="UON121" s="26"/>
      <c r="UOO121" s="26"/>
      <c r="UOP121" s="26"/>
      <c r="UOQ121" s="26"/>
      <c r="UOR121" s="26"/>
      <c r="UOS121" s="26"/>
      <c r="UOT121" s="26"/>
      <c r="UOU121" s="26"/>
      <c r="UOV121" s="26"/>
      <c r="UOW121" s="26"/>
      <c r="UOX121" s="26"/>
      <c r="UOY121" s="26"/>
      <c r="UOZ121" s="26"/>
      <c r="UPA121" s="26"/>
      <c r="UPB121" s="26"/>
      <c r="UPC121" s="26"/>
      <c r="UPD121" s="26"/>
      <c r="UPE121" s="26"/>
      <c r="UPF121" s="26"/>
      <c r="UPG121" s="26"/>
      <c r="UPH121" s="26"/>
      <c r="UPI121" s="26"/>
      <c r="UPJ121" s="26"/>
      <c r="UPK121" s="26"/>
      <c r="UPL121" s="26"/>
      <c r="UPM121" s="26"/>
      <c r="UPN121" s="26"/>
      <c r="UPO121" s="26"/>
      <c r="UPP121" s="26"/>
      <c r="UPQ121" s="26"/>
      <c r="UPR121" s="26"/>
      <c r="UPS121" s="26"/>
      <c r="UPT121" s="26"/>
      <c r="UPU121" s="26"/>
      <c r="UPV121" s="26"/>
      <c r="UPW121" s="26"/>
      <c r="UPX121" s="26"/>
      <c r="UPY121" s="26"/>
      <c r="UPZ121" s="26"/>
      <c r="UQA121" s="26"/>
      <c r="UQB121" s="26"/>
      <c r="UQC121" s="26"/>
      <c r="UQD121" s="26"/>
      <c r="UQE121" s="26"/>
      <c r="UQF121" s="26"/>
      <c r="UQG121" s="26"/>
      <c r="UQH121" s="26"/>
      <c r="UQI121" s="26"/>
      <c r="UQJ121" s="26"/>
      <c r="UQK121" s="26"/>
      <c r="UQL121" s="26"/>
      <c r="UQM121" s="26"/>
      <c r="UQN121" s="26"/>
      <c r="UQO121" s="26"/>
      <c r="UQP121" s="26"/>
      <c r="UQQ121" s="26"/>
      <c r="UQR121" s="26"/>
      <c r="UQS121" s="26"/>
      <c r="UQT121" s="26"/>
      <c r="UQU121" s="26"/>
      <c r="UQV121" s="26"/>
      <c r="UQW121" s="26"/>
      <c r="UQX121" s="26"/>
      <c r="UQY121" s="26"/>
      <c r="UQZ121" s="26"/>
      <c r="URA121" s="26"/>
      <c r="URB121" s="26"/>
      <c r="URC121" s="26"/>
      <c r="URD121" s="26"/>
      <c r="URE121" s="26"/>
      <c r="URF121" s="26"/>
      <c r="URG121" s="26"/>
      <c r="URH121" s="26"/>
      <c r="URI121" s="26"/>
      <c r="URJ121" s="26"/>
      <c r="URK121" s="26"/>
      <c r="URL121" s="26"/>
      <c r="URM121" s="26"/>
      <c r="URN121" s="26"/>
      <c r="URO121" s="26"/>
      <c r="URP121" s="26"/>
      <c r="URQ121" s="26"/>
      <c r="URR121" s="26"/>
      <c r="URS121" s="26"/>
      <c r="URT121" s="26"/>
      <c r="URU121" s="26"/>
      <c r="URV121" s="26"/>
      <c r="URW121" s="26"/>
      <c r="URX121" s="26"/>
      <c r="URY121" s="26"/>
      <c r="URZ121" s="26"/>
      <c r="USA121" s="26"/>
      <c r="USB121" s="26"/>
      <c r="USC121" s="26"/>
      <c r="USD121" s="26"/>
      <c r="USE121" s="26"/>
      <c r="USF121" s="26"/>
      <c r="USG121" s="26"/>
      <c r="USH121" s="26"/>
      <c r="USI121" s="26"/>
      <c r="USJ121" s="26"/>
      <c r="USK121" s="26"/>
      <c r="USL121" s="26"/>
      <c r="USM121" s="26"/>
      <c r="USN121" s="26"/>
      <c r="USO121" s="26"/>
      <c r="USP121" s="26"/>
      <c r="USQ121" s="26"/>
      <c r="USR121" s="26"/>
      <c r="USS121" s="26"/>
      <c r="UST121" s="26"/>
      <c r="USU121" s="26"/>
      <c r="USV121" s="26"/>
      <c r="USW121" s="26"/>
      <c r="USX121" s="26"/>
      <c r="USY121" s="26"/>
      <c r="USZ121" s="26"/>
      <c r="UTA121" s="26"/>
      <c r="UTB121" s="26"/>
      <c r="UTC121" s="26"/>
      <c r="UTD121" s="26"/>
      <c r="UTE121" s="26"/>
      <c r="UTF121" s="26"/>
      <c r="UTG121" s="26"/>
      <c r="UTH121" s="26"/>
      <c r="UTI121" s="26"/>
      <c r="UTJ121" s="26"/>
      <c r="UTK121" s="26"/>
      <c r="UTL121" s="26"/>
      <c r="UTM121" s="26"/>
      <c r="UTN121" s="26"/>
      <c r="UTO121" s="26"/>
      <c r="UTP121" s="26"/>
      <c r="UTQ121" s="26"/>
      <c r="UTR121" s="26"/>
      <c r="UTS121" s="26"/>
      <c r="UTT121" s="26"/>
      <c r="UTU121" s="26"/>
      <c r="UTV121" s="26"/>
      <c r="UTW121" s="26"/>
      <c r="UTX121" s="26"/>
      <c r="UTY121" s="26"/>
      <c r="UTZ121" s="26"/>
      <c r="UUA121" s="26"/>
      <c r="UUB121" s="26"/>
      <c r="UUC121" s="26"/>
      <c r="UUD121" s="26"/>
      <c r="UUE121" s="26"/>
      <c r="UUF121" s="26"/>
      <c r="UUG121" s="26"/>
      <c r="UUH121" s="26"/>
      <c r="UUI121" s="26"/>
      <c r="UUJ121" s="26"/>
      <c r="UUK121" s="26"/>
      <c r="UUL121" s="26"/>
      <c r="UUM121" s="26"/>
      <c r="UUN121" s="26"/>
      <c r="UUO121" s="26"/>
      <c r="UUP121" s="26"/>
      <c r="UUQ121" s="26"/>
      <c r="UUR121" s="26"/>
      <c r="UUS121" s="26"/>
      <c r="UUT121" s="26"/>
      <c r="UUU121" s="26"/>
      <c r="UUV121" s="26"/>
      <c r="UUW121" s="26"/>
      <c r="UUX121" s="26"/>
      <c r="UUY121" s="26"/>
      <c r="UUZ121" s="26"/>
      <c r="UVA121" s="26"/>
      <c r="UVB121" s="26"/>
      <c r="UVC121" s="26"/>
      <c r="UVD121" s="26"/>
      <c r="UVE121" s="26"/>
      <c r="UVF121" s="26"/>
      <c r="UVG121" s="26"/>
      <c r="UVH121" s="26"/>
      <c r="UVI121" s="26"/>
      <c r="UVJ121" s="26"/>
      <c r="UVK121" s="26"/>
      <c r="UVL121" s="26"/>
      <c r="UVM121" s="26"/>
      <c r="UVN121" s="26"/>
      <c r="UVO121" s="26"/>
      <c r="UVP121" s="26"/>
      <c r="UVQ121" s="26"/>
      <c r="UVR121" s="26"/>
      <c r="UVS121" s="26"/>
      <c r="UVT121" s="26"/>
      <c r="UVU121" s="26"/>
      <c r="UVV121" s="26"/>
      <c r="UVW121" s="26"/>
      <c r="UVX121" s="26"/>
      <c r="UVY121" s="26"/>
      <c r="UVZ121" s="26"/>
      <c r="UWA121" s="26"/>
      <c r="UWB121" s="26"/>
      <c r="UWC121" s="26"/>
      <c r="UWD121" s="26"/>
      <c r="UWE121" s="26"/>
      <c r="UWF121" s="26"/>
      <c r="UWG121" s="26"/>
      <c r="UWH121" s="26"/>
      <c r="UWI121" s="26"/>
      <c r="UWJ121" s="26"/>
      <c r="UWK121" s="26"/>
      <c r="UWL121" s="26"/>
      <c r="UWM121" s="26"/>
      <c r="UWN121" s="26"/>
      <c r="UWO121" s="26"/>
      <c r="UWP121" s="26"/>
      <c r="UWQ121" s="26"/>
      <c r="UWR121" s="26"/>
      <c r="UWS121" s="26"/>
      <c r="UWT121" s="26"/>
      <c r="UWU121" s="26"/>
      <c r="UWV121" s="26"/>
      <c r="UWW121" s="26"/>
      <c r="UWX121" s="26"/>
      <c r="UWY121" s="26"/>
      <c r="UWZ121" s="26"/>
      <c r="UXA121" s="26"/>
      <c r="UXB121" s="26"/>
      <c r="UXC121" s="26"/>
      <c r="UXD121" s="26"/>
      <c r="UXE121" s="26"/>
      <c r="UXF121" s="26"/>
      <c r="UXG121" s="26"/>
      <c r="UXH121" s="26"/>
      <c r="UXI121" s="26"/>
      <c r="UXJ121" s="26"/>
      <c r="UXK121" s="26"/>
      <c r="UXL121" s="26"/>
      <c r="UXM121" s="26"/>
      <c r="UXN121" s="26"/>
      <c r="UXO121" s="26"/>
      <c r="UXP121" s="26"/>
      <c r="UXQ121" s="26"/>
      <c r="UXR121" s="26"/>
      <c r="UXS121" s="26"/>
      <c r="UXT121" s="26"/>
      <c r="UXU121" s="26"/>
      <c r="UXV121" s="26"/>
      <c r="UXW121" s="26"/>
      <c r="UXX121" s="26"/>
      <c r="UXY121" s="26"/>
      <c r="UXZ121" s="26"/>
      <c r="UYA121" s="26"/>
      <c r="UYB121" s="26"/>
      <c r="UYC121" s="26"/>
      <c r="UYD121" s="26"/>
      <c r="UYE121" s="26"/>
      <c r="UYF121" s="26"/>
      <c r="UYG121" s="26"/>
      <c r="UYH121" s="26"/>
      <c r="UYI121" s="26"/>
      <c r="UYJ121" s="26"/>
      <c r="UYK121" s="26"/>
      <c r="UYL121" s="26"/>
      <c r="UYM121" s="26"/>
      <c r="UYN121" s="26"/>
      <c r="UYO121" s="26"/>
      <c r="UYP121" s="26"/>
      <c r="UYQ121" s="26"/>
      <c r="UYR121" s="26"/>
      <c r="UYS121" s="26"/>
      <c r="UYT121" s="26"/>
      <c r="UYU121" s="26"/>
      <c r="UYV121" s="26"/>
      <c r="UYW121" s="26"/>
      <c r="UYX121" s="26"/>
      <c r="UYY121" s="26"/>
      <c r="UYZ121" s="26"/>
      <c r="UZA121" s="26"/>
      <c r="UZB121" s="26"/>
      <c r="UZC121" s="26"/>
      <c r="UZD121" s="26"/>
      <c r="UZE121" s="26"/>
      <c r="UZF121" s="26"/>
      <c r="UZG121" s="26"/>
      <c r="UZH121" s="26"/>
      <c r="UZI121" s="26"/>
      <c r="UZJ121" s="26"/>
      <c r="UZK121" s="26"/>
      <c r="UZL121" s="26"/>
      <c r="UZM121" s="26"/>
      <c r="UZN121" s="26"/>
      <c r="UZO121" s="26"/>
      <c r="UZP121" s="26"/>
      <c r="UZQ121" s="26"/>
      <c r="UZR121" s="26"/>
      <c r="UZS121" s="26"/>
      <c r="UZT121" s="26"/>
      <c r="UZU121" s="26"/>
      <c r="UZV121" s="26"/>
      <c r="UZW121" s="26"/>
      <c r="UZX121" s="26"/>
      <c r="UZY121" s="26"/>
      <c r="UZZ121" s="26"/>
      <c r="VAA121" s="26"/>
      <c r="VAB121" s="26"/>
      <c r="VAC121" s="26"/>
      <c r="VAD121" s="26"/>
      <c r="VAE121" s="26"/>
      <c r="VAF121" s="26"/>
      <c r="VAG121" s="26"/>
      <c r="VAH121" s="26"/>
      <c r="VAI121" s="26"/>
      <c r="VAJ121" s="26"/>
      <c r="VAK121" s="26"/>
      <c r="VAL121" s="26"/>
      <c r="VAM121" s="26"/>
      <c r="VAN121" s="26"/>
      <c r="VAO121" s="26"/>
      <c r="VAP121" s="26"/>
      <c r="VAQ121" s="26"/>
      <c r="VAR121" s="26"/>
      <c r="VAS121" s="26"/>
      <c r="VAT121" s="26"/>
      <c r="VAU121" s="26"/>
      <c r="VAV121" s="26"/>
      <c r="VAW121" s="26"/>
      <c r="VAX121" s="26"/>
      <c r="VAY121" s="26"/>
      <c r="VAZ121" s="26"/>
      <c r="VBA121" s="26"/>
      <c r="VBB121" s="26"/>
      <c r="VBC121" s="26"/>
      <c r="VBD121" s="26"/>
      <c r="VBE121" s="26"/>
      <c r="VBF121" s="26"/>
      <c r="VBG121" s="26"/>
      <c r="VBH121" s="26"/>
      <c r="VBI121" s="26"/>
      <c r="VBJ121" s="26"/>
      <c r="VBK121" s="26"/>
      <c r="VBL121" s="26"/>
      <c r="VBM121" s="26"/>
      <c r="VBN121" s="26"/>
      <c r="VBO121" s="26"/>
      <c r="VBP121" s="26"/>
      <c r="VBQ121" s="26"/>
      <c r="VBR121" s="26"/>
      <c r="VBS121" s="26"/>
      <c r="VBT121" s="26"/>
      <c r="VBU121" s="26"/>
      <c r="VBV121" s="26"/>
      <c r="VBW121" s="26"/>
      <c r="VBX121" s="26"/>
      <c r="VBY121" s="26"/>
      <c r="VBZ121" s="26"/>
      <c r="VCA121" s="26"/>
      <c r="VCB121" s="26"/>
      <c r="VCC121" s="26"/>
      <c r="VCD121" s="26"/>
      <c r="VCE121" s="26"/>
      <c r="VCF121" s="26"/>
      <c r="VCG121" s="26"/>
      <c r="VCH121" s="26"/>
      <c r="VCI121" s="26"/>
      <c r="VCJ121" s="26"/>
      <c r="VCK121" s="26"/>
      <c r="VCL121" s="26"/>
      <c r="VCM121" s="26"/>
      <c r="VCN121" s="26"/>
      <c r="VCO121" s="26"/>
      <c r="VCP121" s="26"/>
      <c r="VCQ121" s="26"/>
      <c r="VCR121" s="26"/>
      <c r="VCS121" s="26"/>
      <c r="VCT121" s="26"/>
      <c r="VCU121" s="26"/>
      <c r="VCV121" s="26"/>
      <c r="VCW121" s="26"/>
      <c r="VCX121" s="26"/>
      <c r="VCY121" s="26"/>
      <c r="VCZ121" s="26"/>
      <c r="VDA121" s="26"/>
      <c r="VDB121" s="26"/>
      <c r="VDC121" s="26"/>
      <c r="VDD121" s="26"/>
      <c r="VDE121" s="26"/>
      <c r="VDF121" s="26"/>
      <c r="VDG121" s="26"/>
      <c r="VDH121" s="26"/>
      <c r="VDI121" s="26"/>
      <c r="VDJ121" s="26"/>
      <c r="VDK121" s="26"/>
      <c r="VDL121" s="26"/>
      <c r="VDM121" s="26"/>
      <c r="VDN121" s="26"/>
      <c r="VDO121" s="26"/>
      <c r="VDP121" s="26"/>
      <c r="VDQ121" s="26"/>
      <c r="VDR121" s="26"/>
      <c r="VDS121" s="26"/>
      <c r="VDT121" s="26"/>
      <c r="VDU121" s="26"/>
      <c r="VDV121" s="26"/>
      <c r="VDW121" s="26"/>
      <c r="VDX121" s="26"/>
      <c r="VDY121" s="26"/>
      <c r="VDZ121" s="26"/>
      <c r="VEA121" s="26"/>
      <c r="VEB121" s="26"/>
      <c r="VEC121" s="26"/>
      <c r="VED121" s="26"/>
      <c r="VEE121" s="26"/>
      <c r="VEF121" s="26"/>
      <c r="VEG121" s="26"/>
      <c r="VEH121" s="26"/>
      <c r="VEI121" s="26"/>
      <c r="VEJ121" s="26"/>
      <c r="VEK121" s="26"/>
      <c r="VEL121" s="26"/>
      <c r="VEM121" s="26"/>
      <c r="VEN121" s="26"/>
      <c r="VEO121" s="26"/>
      <c r="VEP121" s="26"/>
      <c r="VEQ121" s="26"/>
      <c r="VER121" s="26"/>
      <c r="VES121" s="26"/>
      <c r="VET121" s="26"/>
      <c r="VEU121" s="26"/>
      <c r="VEV121" s="26"/>
      <c r="VEW121" s="26"/>
      <c r="VEX121" s="26"/>
      <c r="VEY121" s="26"/>
      <c r="VEZ121" s="26"/>
      <c r="VFA121" s="26"/>
      <c r="VFB121" s="26"/>
      <c r="VFC121" s="26"/>
      <c r="VFD121" s="26"/>
      <c r="VFE121" s="26"/>
      <c r="VFF121" s="26"/>
      <c r="VFG121" s="26"/>
      <c r="VFH121" s="26"/>
      <c r="VFI121" s="26"/>
      <c r="VFJ121" s="26"/>
      <c r="VFK121" s="26"/>
      <c r="VFL121" s="26"/>
      <c r="VFM121" s="26"/>
      <c r="VFN121" s="26"/>
      <c r="VFO121" s="26"/>
      <c r="VFP121" s="26"/>
      <c r="VFQ121" s="26"/>
      <c r="VFR121" s="26"/>
      <c r="VFS121" s="26"/>
      <c r="VFT121" s="26"/>
      <c r="VFU121" s="26"/>
      <c r="VFV121" s="26"/>
      <c r="VFW121" s="26"/>
      <c r="VFX121" s="26"/>
      <c r="VFY121" s="26"/>
      <c r="VFZ121" s="26"/>
      <c r="VGA121" s="26"/>
      <c r="VGB121" s="26"/>
      <c r="VGC121" s="26"/>
      <c r="VGD121" s="26"/>
      <c r="VGE121" s="26"/>
      <c r="VGF121" s="26"/>
      <c r="VGG121" s="26"/>
      <c r="VGH121" s="26"/>
      <c r="VGI121" s="26"/>
      <c r="VGJ121" s="26"/>
      <c r="VGK121" s="26"/>
      <c r="VGL121" s="26"/>
      <c r="VGM121" s="26"/>
      <c r="VGN121" s="26"/>
      <c r="VGO121" s="26"/>
      <c r="VGP121" s="26"/>
      <c r="VGQ121" s="26"/>
      <c r="VGR121" s="26"/>
      <c r="VGS121" s="26"/>
      <c r="VGT121" s="26"/>
      <c r="VGU121" s="26"/>
      <c r="VGV121" s="26"/>
      <c r="VGW121" s="26"/>
      <c r="VGX121" s="26"/>
      <c r="VGY121" s="26"/>
      <c r="VGZ121" s="26"/>
      <c r="VHA121" s="26"/>
      <c r="VHB121" s="26"/>
      <c r="VHC121" s="26"/>
      <c r="VHD121" s="26"/>
      <c r="VHE121" s="26"/>
      <c r="VHF121" s="26"/>
      <c r="VHG121" s="26"/>
      <c r="VHH121" s="26"/>
      <c r="VHI121" s="26"/>
      <c r="VHJ121" s="26"/>
      <c r="VHK121" s="26"/>
      <c r="VHL121" s="26"/>
      <c r="VHM121" s="26"/>
      <c r="VHN121" s="26"/>
      <c r="VHO121" s="26"/>
      <c r="VHP121" s="26"/>
      <c r="VHQ121" s="26"/>
      <c r="VHR121" s="26"/>
      <c r="VHS121" s="26"/>
      <c r="VHT121" s="26"/>
      <c r="VHU121" s="26"/>
      <c r="VHV121" s="26"/>
      <c r="VHW121" s="26"/>
      <c r="VHX121" s="26"/>
      <c r="VHY121" s="26"/>
      <c r="VHZ121" s="26"/>
      <c r="VIA121" s="26"/>
      <c r="VIB121" s="26"/>
      <c r="VIC121" s="26"/>
      <c r="VID121" s="26"/>
      <c r="VIE121" s="26"/>
      <c r="VIF121" s="26"/>
      <c r="VIG121" s="26"/>
      <c r="VIH121" s="26"/>
      <c r="VII121" s="26"/>
      <c r="VIJ121" s="26"/>
      <c r="VIK121" s="26"/>
      <c r="VIL121" s="26"/>
      <c r="VIM121" s="26"/>
      <c r="VIN121" s="26"/>
      <c r="VIO121" s="26"/>
      <c r="VIP121" s="26"/>
      <c r="VIQ121" s="26"/>
      <c r="VIR121" s="26"/>
      <c r="VIS121" s="26"/>
      <c r="VIT121" s="26"/>
      <c r="VIU121" s="26"/>
      <c r="VIV121" s="26"/>
      <c r="VIW121" s="26"/>
      <c r="VIX121" s="26"/>
      <c r="VIY121" s="26"/>
      <c r="VIZ121" s="26"/>
      <c r="VJA121" s="26"/>
      <c r="VJB121" s="26"/>
      <c r="VJC121" s="26"/>
      <c r="VJD121" s="26"/>
      <c r="VJE121" s="26"/>
      <c r="VJF121" s="26"/>
      <c r="VJG121" s="26"/>
      <c r="VJH121" s="26"/>
      <c r="VJI121" s="26"/>
      <c r="VJJ121" s="26"/>
      <c r="VJK121" s="26"/>
      <c r="VJL121" s="26"/>
      <c r="VJM121" s="26"/>
      <c r="VJN121" s="26"/>
      <c r="VJO121" s="26"/>
      <c r="VJP121" s="26"/>
      <c r="VJQ121" s="26"/>
      <c r="VJR121" s="26"/>
      <c r="VJS121" s="26"/>
      <c r="VJT121" s="26"/>
      <c r="VJU121" s="26"/>
      <c r="VJV121" s="26"/>
      <c r="VJW121" s="26"/>
      <c r="VJX121" s="26"/>
      <c r="VJY121" s="26"/>
      <c r="VJZ121" s="26"/>
      <c r="VKA121" s="26"/>
      <c r="VKB121" s="26"/>
      <c r="VKC121" s="26"/>
      <c r="VKD121" s="26"/>
      <c r="VKE121" s="26"/>
      <c r="VKF121" s="26"/>
      <c r="VKG121" s="26"/>
      <c r="VKH121" s="26"/>
      <c r="VKI121" s="26"/>
      <c r="VKJ121" s="26"/>
      <c r="VKK121" s="26"/>
      <c r="VKL121" s="26"/>
      <c r="VKM121" s="26"/>
      <c r="VKN121" s="26"/>
      <c r="VKO121" s="26"/>
      <c r="VKP121" s="26"/>
      <c r="VKQ121" s="26"/>
      <c r="VKR121" s="26"/>
      <c r="VKS121" s="26"/>
      <c r="VKT121" s="26"/>
      <c r="VKU121" s="26"/>
      <c r="VKV121" s="26"/>
      <c r="VKW121" s="26"/>
      <c r="VKX121" s="26"/>
      <c r="VKY121" s="26"/>
      <c r="VKZ121" s="26"/>
      <c r="VLA121" s="26"/>
      <c r="VLB121" s="26"/>
      <c r="VLC121" s="26"/>
      <c r="VLD121" s="26"/>
      <c r="VLE121" s="26"/>
      <c r="VLF121" s="26"/>
      <c r="VLG121" s="26"/>
      <c r="VLH121" s="26"/>
      <c r="VLI121" s="26"/>
      <c r="VLJ121" s="26"/>
      <c r="VLK121" s="26"/>
      <c r="VLL121" s="26"/>
      <c r="VLM121" s="26"/>
      <c r="VLN121" s="26"/>
      <c r="VLO121" s="26"/>
      <c r="VLP121" s="26"/>
      <c r="VLQ121" s="26"/>
      <c r="VLR121" s="26"/>
      <c r="VLS121" s="26"/>
      <c r="VLT121" s="26"/>
      <c r="VLU121" s="26"/>
      <c r="VLV121" s="26"/>
      <c r="VLW121" s="26"/>
      <c r="VLX121" s="26"/>
      <c r="VLY121" s="26"/>
      <c r="VLZ121" s="26"/>
      <c r="VMA121" s="26"/>
      <c r="VMB121" s="26"/>
      <c r="VMC121" s="26"/>
      <c r="VMD121" s="26"/>
      <c r="VME121" s="26"/>
      <c r="VMF121" s="26"/>
      <c r="VMG121" s="26"/>
      <c r="VMH121" s="26"/>
      <c r="VMI121" s="26"/>
      <c r="VMJ121" s="26"/>
      <c r="VMK121" s="26"/>
      <c r="VML121" s="26"/>
      <c r="VMM121" s="26"/>
      <c r="VMN121" s="26"/>
      <c r="VMO121" s="26"/>
      <c r="VMP121" s="26"/>
      <c r="VMQ121" s="26"/>
      <c r="VMR121" s="26"/>
      <c r="VMS121" s="26"/>
      <c r="VMT121" s="26"/>
      <c r="VMU121" s="26"/>
      <c r="VMV121" s="26"/>
      <c r="VMW121" s="26"/>
      <c r="VMX121" s="26"/>
      <c r="VMY121" s="26"/>
      <c r="VMZ121" s="26"/>
      <c r="VNA121" s="26"/>
      <c r="VNB121" s="26"/>
      <c r="VNC121" s="26"/>
      <c r="VND121" s="26"/>
      <c r="VNE121" s="26"/>
      <c r="VNF121" s="26"/>
      <c r="VNG121" s="26"/>
      <c r="VNH121" s="26"/>
      <c r="VNI121" s="26"/>
      <c r="VNJ121" s="26"/>
      <c r="VNK121" s="26"/>
      <c r="VNL121" s="26"/>
      <c r="VNM121" s="26"/>
      <c r="VNN121" s="26"/>
      <c r="VNO121" s="26"/>
      <c r="VNP121" s="26"/>
      <c r="VNQ121" s="26"/>
      <c r="VNR121" s="26"/>
      <c r="VNS121" s="26"/>
      <c r="VNT121" s="26"/>
      <c r="VNU121" s="26"/>
      <c r="VNV121" s="26"/>
      <c r="VNW121" s="26"/>
      <c r="VNX121" s="26"/>
      <c r="VNY121" s="26"/>
      <c r="VNZ121" s="26"/>
      <c r="VOA121" s="26"/>
      <c r="VOB121" s="26"/>
      <c r="VOC121" s="26"/>
      <c r="VOD121" s="26"/>
      <c r="VOE121" s="26"/>
      <c r="VOF121" s="26"/>
      <c r="VOG121" s="26"/>
      <c r="VOH121" s="26"/>
      <c r="VOI121" s="26"/>
      <c r="VOJ121" s="26"/>
      <c r="VOK121" s="26"/>
      <c r="VOL121" s="26"/>
      <c r="VOM121" s="26"/>
      <c r="VON121" s="26"/>
      <c r="VOO121" s="26"/>
      <c r="VOP121" s="26"/>
      <c r="VOQ121" s="26"/>
      <c r="VOR121" s="26"/>
      <c r="VOS121" s="26"/>
      <c r="VOT121" s="26"/>
      <c r="VOU121" s="26"/>
      <c r="VOV121" s="26"/>
      <c r="VOW121" s="26"/>
      <c r="VOX121" s="26"/>
      <c r="VOY121" s="26"/>
      <c r="VOZ121" s="26"/>
      <c r="VPA121" s="26"/>
      <c r="VPB121" s="26"/>
      <c r="VPC121" s="26"/>
      <c r="VPD121" s="26"/>
      <c r="VPE121" s="26"/>
      <c r="VPF121" s="26"/>
      <c r="VPG121" s="26"/>
      <c r="VPH121" s="26"/>
      <c r="VPI121" s="26"/>
      <c r="VPJ121" s="26"/>
      <c r="VPK121" s="26"/>
      <c r="VPL121" s="26"/>
      <c r="VPM121" s="26"/>
      <c r="VPN121" s="26"/>
      <c r="VPO121" s="26"/>
      <c r="VPP121" s="26"/>
      <c r="VPQ121" s="26"/>
      <c r="VPR121" s="26"/>
      <c r="VPS121" s="26"/>
      <c r="VPT121" s="26"/>
      <c r="VPU121" s="26"/>
      <c r="VPV121" s="26"/>
      <c r="VPW121" s="26"/>
      <c r="VPX121" s="26"/>
      <c r="VPY121" s="26"/>
      <c r="VPZ121" s="26"/>
      <c r="VQA121" s="26"/>
      <c r="VQB121" s="26"/>
      <c r="VQC121" s="26"/>
      <c r="VQD121" s="26"/>
      <c r="VQE121" s="26"/>
      <c r="VQF121" s="26"/>
      <c r="VQG121" s="26"/>
      <c r="VQH121" s="26"/>
      <c r="VQI121" s="26"/>
      <c r="VQJ121" s="26"/>
      <c r="VQK121" s="26"/>
      <c r="VQL121" s="26"/>
      <c r="VQM121" s="26"/>
      <c r="VQN121" s="26"/>
      <c r="VQO121" s="26"/>
      <c r="VQP121" s="26"/>
      <c r="VQQ121" s="26"/>
      <c r="VQR121" s="26"/>
      <c r="VQS121" s="26"/>
      <c r="VQT121" s="26"/>
      <c r="VQU121" s="26"/>
      <c r="VQV121" s="26"/>
      <c r="VQW121" s="26"/>
      <c r="VQX121" s="26"/>
      <c r="VQY121" s="26"/>
      <c r="VQZ121" s="26"/>
      <c r="VRA121" s="26"/>
      <c r="VRB121" s="26"/>
      <c r="VRC121" s="26"/>
      <c r="VRD121" s="26"/>
      <c r="VRE121" s="26"/>
      <c r="VRF121" s="26"/>
      <c r="VRG121" s="26"/>
      <c r="VRH121" s="26"/>
      <c r="VRI121" s="26"/>
      <c r="VRJ121" s="26"/>
      <c r="VRK121" s="26"/>
      <c r="VRL121" s="26"/>
      <c r="VRM121" s="26"/>
      <c r="VRN121" s="26"/>
      <c r="VRO121" s="26"/>
      <c r="VRP121" s="26"/>
      <c r="VRQ121" s="26"/>
      <c r="VRR121" s="26"/>
      <c r="VRS121" s="26"/>
      <c r="VRT121" s="26"/>
      <c r="VRU121" s="26"/>
      <c r="VRV121" s="26"/>
      <c r="VRW121" s="26"/>
      <c r="VRX121" s="26"/>
      <c r="VRY121" s="26"/>
      <c r="VRZ121" s="26"/>
      <c r="VSA121" s="26"/>
      <c r="VSB121" s="26"/>
      <c r="VSC121" s="26"/>
      <c r="VSD121" s="26"/>
      <c r="VSE121" s="26"/>
      <c r="VSF121" s="26"/>
      <c r="VSG121" s="26"/>
      <c r="VSH121" s="26"/>
      <c r="VSI121" s="26"/>
      <c r="VSJ121" s="26"/>
      <c r="VSK121" s="26"/>
      <c r="VSL121" s="26"/>
      <c r="VSM121" s="26"/>
      <c r="VSN121" s="26"/>
      <c r="VSO121" s="26"/>
      <c r="VSP121" s="26"/>
      <c r="VSQ121" s="26"/>
      <c r="VSR121" s="26"/>
      <c r="VSS121" s="26"/>
      <c r="VST121" s="26"/>
      <c r="VSU121" s="26"/>
      <c r="VSV121" s="26"/>
      <c r="VSW121" s="26"/>
      <c r="VSX121" s="26"/>
      <c r="VSY121" s="26"/>
      <c r="VSZ121" s="26"/>
      <c r="VTA121" s="26"/>
      <c r="VTB121" s="26"/>
      <c r="VTC121" s="26"/>
      <c r="VTD121" s="26"/>
      <c r="VTE121" s="26"/>
      <c r="VTF121" s="26"/>
      <c r="VTG121" s="26"/>
      <c r="VTH121" s="26"/>
      <c r="VTI121" s="26"/>
      <c r="VTJ121" s="26"/>
      <c r="VTK121" s="26"/>
      <c r="VTL121" s="26"/>
      <c r="VTM121" s="26"/>
      <c r="VTN121" s="26"/>
      <c r="VTO121" s="26"/>
      <c r="VTP121" s="26"/>
      <c r="VTQ121" s="26"/>
      <c r="VTR121" s="26"/>
      <c r="VTS121" s="26"/>
      <c r="VTT121" s="26"/>
      <c r="VTU121" s="26"/>
      <c r="VTV121" s="26"/>
      <c r="VTW121" s="26"/>
      <c r="VTX121" s="26"/>
      <c r="VTY121" s="26"/>
      <c r="VTZ121" s="26"/>
      <c r="VUA121" s="26"/>
      <c r="VUB121" s="26"/>
      <c r="VUC121" s="26"/>
      <c r="VUD121" s="26"/>
      <c r="VUE121" s="26"/>
      <c r="VUF121" s="26"/>
      <c r="VUG121" s="26"/>
      <c r="VUH121" s="26"/>
      <c r="VUI121" s="26"/>
      <c r="VUJ121" s="26"/>
      <c r="VUK121" s="26"/>
      <c r="VUL121" s="26"/>
      <c r="VUM121" s="26"/>
      <c r="VUN121" s="26"/>
      <c r="VUO121" s="26"/>
      <c r="VUP121" s="26"/>
      <c r="VUQ121" s="26"/>
      <c r="VUR121" s="26"/>
      <c r="VUS121" s="26"/>
      <c r="VUT121" s="26"/>
      <c r="VUU121" s="26"/>
      <c r="VUV121" s="26"/>
      <c r="VUW121" s="26"/>
      <c r="VUX121" s="26"/>
      <c r="VUY121" s="26"/>
      <c r="VUZ121" s="26"/>
      <c r="VVA121" s="26"/>
      <c r="VVB121" s="26"/>
      <c r="VVC121" s="26"/>
      <c r="VVD121" s="26"/>
      <c r="VVE121" s="26"/>
      <c r="VVF121" s="26"/>
      <c r="VVG121" s="26"/>
      <c r="VVH121" s="26"/>
      <c r="VVI121" s="26"/>
      <c r="VVJ121" s="26"/>
      <c r="VVK121" s="26"/>
      <c r="VVL121" s="26"/>
      <c r="VVM121" s="26"/>
      <c r="VVN121" s="26"/>
      <c r="VVO121" s="26"/>
      <c r="VVP121" s="26"/>
      <c r="VVQ121" s="26"/>
      <c r="VVR121" s="26"/>
      <c r="VVS121" s="26"/>
      <c r="VVT121" s="26"/>
      <c r="VVU121" s="26"/>
      <c r="VVV121" s="26"/>
      <c r="VVW121" s="26"/>
      <c r="VVX121" s="26"/>
      <c r="VVY121" s="26"/>
      <c r="VVZ121" s="26"/>
      <c r="VWA121" s="26"/>
      <c r="VWB121" s="26"/>
      <c r="VWC121" s="26"/>
      <c r="VWD121" s="26"/>
      <c r="VWE121" s="26"/>
      <c r="VWF121" s="26"/>
      <c r="VWG121" s="26"/>
      <c r="VWH121" s="26"/>
      <c r="VWI121" s="26"/>
      <c r="VWJ121" s="26"/>
      <c r="VWK121" s="26"/>
      <c r="VWL121" s="26"/>
      <c r="VWM121" s="26"/>
      <c r="VWN121" s="26"/>
      <c r="VWO121" s="26"/>
      <c r="VWP121" s="26"/>
      <c r="VWQ121" s="26"/>
      <c r="VWR121" s="26"/>
      <c r="VWS121" s="26"/>
      <c r="VWT121" s="26"/>
      <c r="VWU121" s="26"/>
      <c r="VWV121" s="26"/>
      <c r="VWW121" s="26"/>
      <c r="VWX121" s="26"/>
      <c r="VWY121" s="26"/>
      <c r="VWZ121" s="26"/>
      <c r="VXA121" s="26"/>
      <c r="VXB121" s="26"/>
      <c r="VXC121" s="26"/>
      <c r="VXD121" s="26"/>
      <c r="VXE121" s="26"/>
      <c r="VXF121" s="26"/>
      <c r="VXG121" s="26"/>
      <c r="VXH121" s="26"/>
      <c r="VXI121" s="26"/>
      <c r="VXJ121" s="26"/>
      <c r="VXK121" s="26"/>
      <c r="VXL121" s="26"/>
      <c r="VXM121" s="26"/>
      <c r="VXN121" s="26"/>
      <c r="VXO121" s="26"/>
      <c r="VXP121" s="26"/>
      <c r="VXQ121" s="26"/>
      <c r="VXR121" s="26"/>
      <c r="VXS121" s="26"/>
      <c r="VXT121" s="26"/>
      <c r="VXU121" s="26"/>
      <c r="VXV121" s="26"/>
      <c r="VXW121" s="26"/>
      <c r="VXX121" s="26"/>
      <c r="VXY121" s="26"/>
      <c r="VXZ121" s="26"/>
      <c r="VYA121" s="26"/>
      <c r="VYB121" s="26"/>
      <c r="VYC121" s="26"/>
      <c r="VYD121" s="26"/>
      <c r="VYE121" s="26"/>
      <c r="VYF121" s="26"/>
      <c r="VYG121" s="26"/>
      <c r="VYH121" s="26"/>
      <c r="VYI121" s="26"/>
      <c r="VYJ121" s="26"/>
      <c r="VYK121" s="26"/>
      <c r="VYL121" s="26"/>
      <c r="VYM121" s="26"/>
      <c r="VYN121" s="26"/>
      <c r="VYO121" s="26"/>
      <c r="VYP121" s="26"/>
      <c r="VYQ121" s="26"/>
      <c r="VYR121" s="26"/>
      <c r="VYS121" s="26"/>
      <c r="VYT121" s="26"/>
      <c r="VYU121" s="26"/>
      <c r="VYV121" s="26"/>
      <c r="VYW121" s="26"/>
      <c r="VYX121" s="26"/>
      <c r="VYY121" s="26"/>
      <c r="VYZ121" s="26"/>
      <c r="VZA121" s="26"/>
      <c r="VZB121" s="26"/>
      <c r="VZC121" s="26"/>
      <c r="VZD121" s="26"/>
      <c r="VZE121" s="26"/>
      <c r="VZF121" s="26"/>
      <c r="VZG121" s="26"/>
      <c r="VZH121" s="26"/>
      <c r="VZI121" s="26"/>
      <c r="VZJ121" s="26"/>
      <c r="VZK121" s="26"/>
      <c r="VZL121" s="26"/>
      <c r="VZM121" s="26"/>
      <c r="VZN121" s="26"/>
      <c r="VZO121" s="26"/>
      <c r="VZP121" s="26"/>
      <c r="VZQ121" s="26"/>
      <c r="VZR121" s="26"/>
      <c r="VZS121" s="26"/>
      <c r="VZT121" s="26"/>
      <c r="VZU121" s="26"/>
      <c r="VZV121" s="26"/>
      <c r="VZW121" s="26"/>
      <c r="VZX121" s="26"/>
      <c r="VZY121" s="26"/>
      <c r="VZZ121" s="26"/>
      <c r="WAA121" s="26"/>
      <c r="WAB121" s="26"/>
      <c r="WAC121" s="26"/>
      <c r="WAD121" s="26"/>
      <c r="WAE121" s="26"/>
      <c r="WAF121" s="26"/>
      <c r="WAG121" s="26"/>
      <c r="WAH121" s="26"/>
      <c r="WAI121" s="26"/>
      <c r="WAJ121" s="26"/>
      <c r="WAK121" s="26"/>
      <c r="WAL121" s="26"/>
      <c r="WAM121" s="26"/>
      <c r="WAN121" s="26"/>
      <c r="WAO121" s="26"/>
      <c r="WAP121" s="26"/>
      <c r="WAQ121" s="26"/>
      <c r="WAR121" s="26"/>
      <c r="WAS121" s="26"/>
      <c r="WAT121" s="26"/>
      <c r="WAU121" s="26"/>
      <c r="WAV121" s="26"/>
      <c r="WAW121" s="26"/>
      <c r="WAX121" s="26"/>
      <c r="WAY121" s="26"/>
      <c r="WAZ121" s="26"/>
      <c r="WBA121" s="26"/>
      <c r="WBB121" s="26"/>
      <c r="WBC121" s="26"/>
      <c r="WBD121" s="26"/>
      <c r="WBE121" s="26"/>
      <c r="WBF121" s="26"/>
      <c r="WBG121" s="26"/>
      <c r="WBH121" s="26"/>
      <c r="WBI121" s="26"/>
      <c r="WBJ121" s="26"/>
      <c r="WBK121" s="26"/>
      <c r="WBL121" s="26"/>
      <c r="WBM121" s="26"/>
      <c r="WBN121" s="26"/>
      <c r="WBO121" s="26"/>
      <c r="WBP121" s="26"/>
      <c r="WBQ121" s="26"/>
      <c r="WBR121" s="26"/>
      <c r="WBS121" s="26"/>
      <c r="WBT121" s="26"/>
      <c r="WBU121" s="26"/>
      <c r="WBV121" s="26"/>
      <c r="WBW121" s="26"/>
      <c r="WBX121" s="26"/>
      <c r="WBY121" s="26"/>
      <c r="WBZ121" s="26"/>
      <c r="WCA121" s="26"/>
      <c r="WCB121" s="26"/>
      <c r="WCC121" s="26"/>
      <c r="WCD121" s="26"/>
      <c r="WCE121" s="26"/>
      <c r="WCF121" s="26"/>
      <c r="WCG121" s="26"/>
      <c r="WCH121" s="26"/>
      <c r="WCI121" s="26"/>
      <c r="WCJ121" s="26"/>
      <c r="WCK121" s="26"/>
      <c r="WCL121" s="26"/>
      <c r="WCM121" s="26"/>
      <c r="WCN121" s="26"/>
      <c r="WCO121" s="26"/>
      <c r="WCP121" s="26"/>
      <c r="WCQ121" s="26"/>
      <c r="WCR121" s="26"/>
      <c r="WCS121" s="26"/>
      <c r="WCT121" s="26"/>
      <c r="WCU121" s="26"/>
      <c r="WCV121" s="26"/>
      <c r="WCW121" s="26"/>
      <c r="WCX121" s="26"/>
      <c r="WCY121" s="26"/>
      <c r="WCZ121" s="26"/>
      <c r="WDA121" s="26"/>
      <c r="WDB121" s="26"/>
      <c r="WDC121" s="26"/>
      <c r="WDD121" s="26"/>
      <c r="WDE121" s="26"/>
      <c r="WDF121" s="26"/>
      <c r="WDG121" s="26"/>
      <c r="WDH121" s="26"/>
      <c r="WDI121" s="26"/>
      <c r="WDJ121" s="26"/>
      <c r="WDK121" s="26"/>
      <c r="WDL121" s="26"/>
      <c r="WDM121" s="26"/>
      <c r="WDN121" s="26"/>
      <c r="WDO121" s="26"/>
      <c r="WDP121" s="26"/>
      <c r="WDQ121" s="26"/>
      <c r="WDR121" s="26"/>
      <c r="WDS121" s="26"/>
      <c r="WDT121" s="26"/>
      <c r="WDU121" s="26"/>
      <c r="WDV121" s="26"/>
      <c r="WDW121" s="26"/>
      <c r="WDX121" s="26"/>
      <c r="WDY121" s="26"/>
      <c r="WDZ121" s="26"/>
      <c r="WEA121" s="26"/>
      <c r="WEB121" s="26"/>
      <c r="WEC121" s="26"/>
      <c r="WED121" s="26"/>
      <c r="WEE121" s="26"/>
      <c r="WEF121" s="26"/>
      <c r="WEG121" s="26"/>
      <c r="WEH121" s="26"/>
      <c r="WEI121" s="26"/>
      <c r="WEJ121" s="26"/>
      <c r="WEK121" s="26"/>
      <c r="WEL121" s="26"/>
      <c r="WEM121" s="26"/>
      <c r="WEN121" s="26"/>
      <c r="WEO121" s="26"/>
      <c r="WEP121" s="26"/>
      <c r="WEQ121" s="26"/>
      <c r="WER121" s="26"/>
      <c r="WES121" s="26"/>
      <c r="WET121" s="26"/>
      <c r="WEU121" s="26"/>
      <c r="WEV121" s="26"/>
      <c r="WEW121" s="26"/>
      <c r="WEX121" s="26"/>
      <c r="WEY121" s="26"/>
      <c r="WEZ121" s="26"/>
      <c r="WFA121" s="26"/>
      <c r="WFB121" s="26"/>
      <c r="WFC121" s="26"/>
      <c r="WFD121" s="26"/>
      <c r="WFE121" s="26"/>
      <c r="WFF121" s="26"/>
      <c r="WFG121" s="26"/>
      <c r="WFH121" s="26"/>
      <c r="WFI121" s="26"/>
      <c r="WFJ121" s="26"/>
      <c r="WFK121" s="26"/>
      <c r="WFL121" s="26"/>
      <c r="WFM121" s="26"/>
      <c r="WFN121" s="26"/>
      <c r="WFO121" s="26"/>
      <c r="WFP121" s="26"/>
      <c r="WFQ121" s="26"/>
      <c r="WFR121" s="26"/>
      <c r="WFS121" s="26"/>
      <c r="WFT121" s="26"/>
      <c r="WFU121" s="26"/>
      <c r="WFV121" s="26"/>
      <c r="WFW121" s="26"/>
      <c r="WFX121" s="26"/>
      <c r="WFY121" s="26"/>
      <c r="WFZ121" s="26"/>
      <c r="WGA121" s="26"/>
      <c r="WGB121" s="26"/>
      <c r="WGC121" s="26"/>
      <c r="WGD121" s="26"/>
      <c r="WGE121" s="26"/>
      <c r="WGF121" s="26"/>
      <c r="WGG121" s="26"/>
      <c r="WGH121" s="26"/>
      <c r="WGI121" s="26"/>
      <c r="WGJ121" s="26"/>
      <c r="WGK121" s="26"/>
      <c r="WGL121" s="26"/>
      <c r="WGM121" s="26"/>
      <c r="WGN121" s="26"/>
      <c r="WGO121" s="26"/>
      <c r="WGP121" s="26"/>
      <c r="WGQ121" s="26"/>
      <c r="WGR121" s="26"/>
      <c r="WGS121" s="26"/>
      <c r="WGT121" s="26"/>
      <c r="WGU121" s="26"/>
      <c r="WGV121" s="26"/>
      <c r="WGW121" s="26"/>
      <c r="WGX121" s="26"/>
      <c r="WGY121" s="26"/>
      <c r="WGZ121" s="26"/>
      <c r="WHA121" s="26"/>
      <c r="WHB121" s="26"/>
      <c r="WHC121" s="26"/>
      <c r="WHD121" s="26"/>
      <c r="WHE121" s="26"/>
      <c r="WHF121" s="26"/>
      <c r="WHG121" s="26"/>
      <c r="WHH121" s="26"/>
      <c r="WHI121" s="26"/>
      <c r="WHJ121" s="26"/>
      <c r="WHK121" s="26"/>
      <c r="WHL121" s="26"/>
      <c r="WHM121" s="26"/>
      <c r="WHN121" s="26"/>
      <c r="WHO121" s="26"/>
      <c r="WHP121" s="26"/>
      <c r="WHQ121" s="26"/>
      <c r="WHR121" s="26"/>
      <c r="WHS121" s="26"/>
      <c r="WHT121" s="26"/>
      <c r="WHU121" s="26"/>
      <c r="WHV121" s="26"/>
      <c r="WHW121" s="26"/>
      <c r="WHX121" s="26"/>
      <c r="WHY121" s="26"/>
      <c r="WHZ121" s="26"/>
      <c r="WIA121" s="26"/>
      <c r="WIB121" s="26"/>
      <c r="WIC121" s="26"/>
      <c r="WID121" s="26"/>
      <c r="WIE121" s="26"/>
      <c r="WIF121" s="26"/>
      <c r="WIG121" s="26"/>
      <c r="WIH121" s="26"/>
      <c r="WII121" s="26"/>
      <c r="WIJ121" s="26"/>
      <c r="WIK121" s="26"/>
      <c r="WIL121" s="26"/>
      <c r="WIM121" s="26"/>
      <c r="WIN121" s="26"/>
      <c r="WIO121" s="26"/>
      <c r="WIP121" s="26"/>
      <c r="WIQ121" s="26"/>
      <c r="WIR121" s="26"/>
      <c r="WIS121" s="26"/>
      <c r="WIT121" s="26"/>
      <c r="WIU121" s="26"/>
      <c r="WIV121" s="26"/>
      <c r="WIW121" s="26"/>
      <c r="WIX121" s="26"/>
      <c r="WIY121" s="26"/>
      <c r="WIZ121" s="26"/>
      <c r="WJA121" s="26"/>
      <c r="WJB121" s="26"/>
      <c r="WJC121" s="26"/>
      <c r="WJD121" s="26"/>
      <c r="WJE121" s="26"/>
      <c r="WJF121" s="26"/>
      <c r="WJG121" s="26"/>
      <c r="WJH121" s="26"/>
      <c r="WJI121" s="26"/>
      <c r="WJJ121" s="26"/>
      <c r="WJK121" s="26"/>
      <c r="WJL121" s="26"/>
      <c r="WJM121" s="26"/>
      <c r="WJN121" s="26"/>
      <c r="WJO121" s="26"/>
      <c r="WJP121" s="26"/>
      <c r="WJQ121" s="26"/>
      <c r="WJR121" s="26"/>
      <c r="WJS121" s="26"/>
      <c r="WJT121" s="26"/>
      <c r="WJU121" s="26"/>
      <c r="WJV121" s="26"/>
      <c r="WJW121" s="26"/>
      <c r="WJX121" s="26"/>
      <c r="WJY121" s="26"/>
      <c r="WJZ121" s="26"/>
      <c r="WKA121" s="26"/>
      <c r="WKB121" s="26"/>
      <c r="WKC121" s="26"/>
      <c r="WKD121" s="26"/>
      <c r="WKE121" s="26"/>
      <c r="WKF121" s="26"/>
      <c r="WKG121" s="26"/>
      <c r="WKH121" s="26"/>
      <c r="WKI121" s="26"/>
      <c r="WKJ121" s="26"/>
      <c r="WKK121" s="26"/>
      <c r="WKL121" s="26"/>
      <c r="WKM121" s="26"/>
      <c r="WKN121" s="26"/>
      <c r="WKO121" s="26"/>
      <c r="WKP121" s="26"/>
      <c r="WKQ121" s="26"/>
      <c r="WKR121" s="26"/>
      <c r="WKS121" s="26"/>
      <c r="WKT121" s="26"/>
      <c r="WKU121" s="26"/>
      <c r="WKV121" s="26"/>
      <c r="WKW121" s="26"/>
      <c r="WKX121" s="26"/>
      <c r="WKY121" s="26"/>
      <c r="WKZ121" s="26"/>
      <c r="WLA121" s="26"/>
      <c r="WLB121" s="26"/>
      <c r="WLC121" s="26"/>
      <c r="WLD121" s="26"/>
      <c r="WLE121" s="26"/>
      <c r="WLF121" s="26"/>
      <c r="WLG121" s="26"/>
      <c r="WLH121" s="26"/>
      <c r="WLI121" s="26"/>
      <c r="WLJ121" s="26"/>
      <c r="WLK121" s="26"/>
      <c r="WLL121" s="26"/>
      <c r="WLM121" s="26"/>
      <c r="WLN121" s="26"/>
      <c r="WLO121" s="26"/>
      <c r="WLP121" s="26"/>
      <c r="WLQ121" s="26"/>
      <c r="WLR121" s="26"/>
      <c r="WLS121" s="26"/>
      <c r="WLT121" s="26"/>
      <c r="WLU121" s="26"/>
      <c r="WLV121" s="26"/>
      <c r="WLW121" s="26"/>
      <c r="WLX121" s="26"/>
      <c r="WLY121" s="26"/>
      <c r="WLZ121" s="26"/>
      <c r="WMA121" s="26"/>
      <c r="WMB121" s="26"/>
      <c r="WMC121" s="26"/>
      <c r="WMD121" s="26"/>
      <c r="WME121" s="26"/>
      <c r="WMF121" s="26"/>
      <c r="WMG121" s="26"/>
      <c r="WMH121" s="26"/>
      <c r="WMI121" s="26"/>
      <c r="WMJ121" s="26"/>
      <c r="WMK121" s="26"/>
      <c r="WML121" s="26"/>
      <c r="WMM121" s="26"/>
      <c r="WMN121" s="26"/>
      <c r="WMO121" s="26"/>
      <c r="WMP121" s="26"/>
      <c r="WMQ121" s="26"/>
      <c r="WMR121" s="26"/>
      <c r="WMS121" s="26"/>
      <c r="WMT121" s="26"/>
      <c r="WMU121" s="26"/>
      <c r="WMV121" s="26"/>
      <c r="WMW121" s="26"/>
      <c r="WMX121" s="26"/>
      <c r="WMY121" s="26"/>
      <c r="WMZ121" s="26"/>
      <c r="WNA121" s="26"/>
      <c r="WNB121" s="26"/>
      <c r="WNC121" s="26"/>
      <c r="WND121" s="26"/>
      <c r="WNE121" s="26"/>
      <c r="WNF121" s="26"/>
      <c r="WNG121" s="26"/>
      <c r="WNH121" s="26"/>
      <c r="WNI121" s="26"/>
      <c r="WNJ121" s="26"/>
      <c r="WNK121" s="26"/>
      <c r="WNL121" s="26"/>
      <c r="WNM121" s="26"/>
      <c r="WNN121" s="26"/>
      <c r="WNO121" s="26"/>
      <c r="WNP121" s="26"/>
      <c r="WNQ121" s="26"/>
      <c r="WNR121" s="26"/>
      <c r="WNS121" s="26"/>
      <c r="WNT121" s="26"/>
      <c r="WNU121" s="26"/>
      <c r="WNV121" s="26"/>
      <c r="WNW121" s="26"/>
      <c r="WNX121" s="26"/>
      <c r="WNY121" s="26"/>
      <c r="WNZ121" s="26"/>
      <c r="WOA121" s="26"/>
      <c r="WOB121" s="26"/>
      <c r="WOC121" s="26"/>
      <c r="WOD121" s="26"/>
      <c r="WOE121" s="26"/>
      <c r="WOF121" s="26"/>
      <c r="WOG121" s="26"/>
      <c r="WOH121" s="26"/>
      <c r="WOI121" s="26"/>
      <c r="WOJ121" s="26"/>
      <c r="WOK121" s="26"/>
      <c r="WOL121" s="26"/>
      <c r="WOM121" s="26"/>
      <c r="WON121" s="26"/>
      <c r="WOO121" s="26"/>
      <c r="WOP121" s="26"/>
      <c r="WOQ121" s="26"/>
      <c r="WOR121" s="26"/>
      <c r="WOS121" s="26"/>
      <c r="WOT121" s="26"/>
      <c r="WOU121" s="26"/>
      <c r="WOV121" s="26"/>
      <c r="WOW121" s="26"/>
      <c r="WOX121" s="26"/>
      <c r="WOY121" s="26"/>
      <c r="WOZ121" s="26"/>
      <c r="WPA121" s="26"/>
      <c r="WPB121" s="26"/>
      <c r="WPC121" s="26"/>
      <c r="WPD121" s="26"/>
      <c r="WPE121" s="26"/>
      <c r="WPF121" s="26"/>
      <c r="WPG121" s="26"/>
      <c r="WPH121" s="26"/>
      <c r="WPI121" s="26"/>
      <c r="WPJ121" s="26"/>
      <c r="WPK121" s="26"/>
      <c r="WPL121" s="26"/>
      <c r="WPM121" s="26"/>
      <c r="WPN121" s="26"/>
      <c r="WPO121" s="26"/>
      <c r="WPP121" s="26"/>
      <c r="WPQ121" s="26"/>
      <c r="WPR121" s="26"/>
      <c r="WPS121" s="26"/>
      <c r="WPT121" s="26"/>
      <c r="WPU121" s="26"/>
      <c r="WPV121" s="26"/>
      <c r="WPW121" s="26"/>
      <c r="WPX121" s="26"/>
      <c r="WPY121" s="26"/>
      <c r="WPZ121" s="26"/>
      <c r="WQA121" s="26"/>
      <c r="WQB121" s="26"/>
      <c r="WQC121" s="26"/>
      <c r="WQD121" s="26"/>
      <c r="WQE121" s="26"/>
      <c r="WQF121" s="26"/>
      <c r="WQG121" s="26"/>
      <c r="WQH121" s="26"/>
      <c r="WQI121" s="26"/>
      <c r="WQJ121" s="26"/>
      <c r="WQK121" s="26"/>
      <c r="WQL121" s="26"/>
      <c r="WQM121" s="26"/>
      <c r="WQN121" s="26"/>
      <c r="WQO121" s="26"/>
      <c r="WQP121" s="26"/>
      <c r="WQQ121" s="26"/>
      <c r="WQR121" s="26"/>
      <c r="WQS121" s="26"/>
      <c r="WQT121" s="26"/>
      <c r="WQU121" s="26"/>
      <c r="WQV121" s="26"/>
      <c r="WQW121" s="26"/>
      <c r="WQX121" s="26"/>
      <c r="WQY121" s="26"/>
      <c r="WQZ121" s="26"/>
      <c r="WRA121" s="26"/>
      <c r="WRB121" s="26"/>
      <c r="WRC121" s="26"/>
      <c r="WRD121" s="26"/>
      <c r="WRE121" s="26"/>
      <c r="WRF121" s="26"/>
      <c r="WRG121" s="26"/>
      <c r="WRH121" s="26"/>
      <c r="WRI121" s="26"/>
      <c r="WRJ121" s="26"/>
      <c r="WRK121" s="26"/>
      <c r="WRL121" s="26"/>
      <c r="WRM121" s="26"/>
      <c r="WRN121" s="26"/>
      <c r="WRO121" s="26"/>
      <c r="WRP121" s="26"/>
      <c r="WRQ121" s="26"/>
      <c r="WRR121" s="26"/>
      <c r="WRS121" s="26"/>
      <c r="WRT121" s="26"/>
      <c r="WRU121" s="26"/>
      <c r="WRV121" s="26"/>
      <c r="WRW121" s="26"/>
      <c r="WRX121" s="26"/>
      <c r="WRY121" s="26"/>
      <c r="WRZ121" s="26"/>
      <c r="WSA121" s="26"/>
      <c r="WSB121" s="26"/>
      <c r="WSC121" s="26"/>
      <c r="WSD121" s="26"/>
      <c r="WSE121" s="26"/>
      <c r="WSF121" s="26"/>
      <c r="WSG121" s="26"/>
      <c r="WSH121" s="26"/>
      <c r="WSI121" s="26"/>
      <c r="WSJ121" s="26"/>
      <c r="WSK121" s="26"/>
      <c r="WSL121" s="26"/>
      <c r="WSM121" s="26"/>
      <c r="WSN121" s="26"/>
      <c r="WSO121" s="26"/>
      <c r="WSP121" s="26"/>
      <c r="WSQ121" s="26"/>
      <c r="WSR121" s="26"/>
      <c r="WSS121" s="26"/>
      <c r="WST121" s="26"/>
      <c r="WSU121" s="26"/>
      <c r="WSV121" s="26"/>
      <c r="WSW121" s="26"/>
      <c r="WSX121" s="26"/>
      <c r="WSY121" s="26"/>
      <c r="WSZ121" s="26"/>
      <c r="WTA121" s="26"/>
      <c r="WTB121" s="26"/>
      <c r="WTC121" s="26"/>
      <c r="WTD121" s="26"/>
      <c r="WTE121" s="26"/>
      <c r="WTF121" s="26"/>
      <c r="WTG121" s="26"/>
      <c r="WTH121" s="26"/>
      <c r="WTI121" s="26"/>
      <c r="WTJ121" s="26"/>
      <c r="WTK121" s="26"/>
      <c r="WTL121" s="26"/>
      <c r="WTM121" s="26"/>
      <c r="WTN121" s="26"/>
      <c r="WTO121" s="26"/>
      <c r="WTP121" s="26"/>
      <c r="WTQ121" s="26"/>
      <c r="WTR121" s="26"/>
      <c r="WTS121" s="26"/>
      <c r="WTT121" s="26"/>
      <c r="WTU121" s="26"/>
      <c r="WTV121" s="26"/>
      <c r="WTW121" s="26"/>
      <c r="WTX121" s="26"/>
      <c r="WTY121" s="26"/>
      <c r="WTZ121" s="26"/>
      <c r="WUA121" s="26"/>
      <c r="WUB121" s="26"/>
      <c r="WUC121" s="26"/>
      <c r="WUD121" s="26"/>
      <c r="WUE121" s="26"/>
      <c r="WUF121" s="26"/>
      <c r="WUG121" s="26"/>
      <c r="WUH121" s="26"/>
      <c r="WUI121" s="26"/>
      <c r="WUJ121" s="26"/>
      <c r="WUK121" s="26"/>
      <c r="WUL121" s="26"/>
      <c r="WUM121" s="26"/>
      <c r="WUN121" s="26"/>
      <c r="WUO121" s="26"/>
      <c r="WUP121" s="26"/>
      <c r="WUQ121" s="26"/>
      <c r="WUR121" s="26"/>
      <c r="WUS121" s="26"/>
      <c r="WUT121" s="26"/>
      <c r="WUU121" s="26"/>
      <c r="WUV121" s="26"/>
      <c r="WUW121" s="26"/>
      <c r="WUX121" s="26"/>
      <c r="WUY121" s="26"/>
      <c r="WUZ121" s="26"/>
      <c r="WVA121" s="26"/>
      <c r="WVB121" s="26"/>
      <c r="WVC121" s="26"/>
      <c r="WVD121" s="26"/>
      <c r="WVE121" s="26"/>
      <c r="WVF121" s="26"/>
      <c r="WVG121" s="26"/>
      <c r="WVH121" s="26"/>
      <c r="WVI121" s="26"/>
      <c r="WVJ121" s="26"/>
      <c r="WVK121" s="26"/>
      <c r="WVL121" s="26"/>
      <c r="WVM121" s="26"/>
      <c r="WVN121" s="26"/>
      <c r="WVO121" s="26"/>
      <c r="WVP121" s="26"/>
      <c r="WVQ121" s="26"/>
      <c r="WVR121" s="26"/>
      <c r="WVS121" s="26"/>
      <c r="WVT121" s="26"/>
      <c r="WVU121" s="26"/>
      <c r="WVV121" s="26"/>
      <c r="WVW121" s="26"/>
      <c r="WVX121" s="26"/>
      <c r="WVY121" s="26"/>
      <c r="WVZ121" s="26"/>
      <c r="WWA121" s="26"/>
      <c r="WWB121" s="26"/>
      <c r="WWC121" s="26"/>
      <c r="WWD121" s="26"/>
      <c r="WWE121" s="26"/>
      <c r="WWF121" s="26"/>
      <c r="WWG121" s="26"/>
      <c r="WWH121" s="26"/>
      <c r="WWI121" s="26"/>
      <c r="WWJ121" s="26"/>
      <c r="WWK121" s="26"/>
      <c r="WWL121" s="26"/>
      <c r="WWM121" s="26"/>
      <c r="WWN121" s="26"/>
      <c r="WWO121" s="26"/>
      <c r="WWP121" s="26"/>
      <c r="WWQ121" s="26"/>
      <c r="WWR121" s="26"/>
      <c r="WWS121" s="26"/>
      <c r="WWT121" s="26"/>
      <c r="WWU121" s="26"/>
      <c r="WWV121" s="26"/>
      <c r="WWW121" s="26"/>
      <c r="WWX121" s="26"/>
      <c r="WWY121" s="26"/>
      <c r="WWZ121" s="26"/>
      <c r="WXA121" s="26"/>
      <c r="WXB121" s="26"/>
      <c r="WXC121" s="26"/>
      <c r="WXD121" s="26"/>
      <c r="WXE121" s="26"/>
      <c r="WXF121" s="26"/>
      <c r="WXG121" s="26"/>
      <c r="WXH121" s="26"/>
      <c r="WXI121" s="26"/>
      <c r="WXJ121" s="26"/>
      <c r="WXK121" s="26"/>
      <c r="WXL121" s="26"/>
      <c r="WXM121" s="26"/>
      <c r="WXN121" s="26"/>
      <c r="WXO121" s="26"/>
      <c r="WXP121" s="26"/>
      <c r="WXQ121" s="26"/>
      <c r="WXR121" s="26"/>
      <c r="WXS121" s="26"/>
      <c r="WXT121" s="26"/>
      <c r="WXU121" s="26"/>
      <c r="WXV121" s="26"/>
      <c r="WXW121" s="26"/>
      <c r="WXX121" s="26"/>
      <c r="WXY121" s="26"/>
      <c r="WXZ121" s="26"/>
      <c r="WYA121" s="26"/>
      <c r="WYB121" s="26"/>
      <c r="WYC121" s="26"/>
      <c r="WYD121" s="26"/>
      <c r="WYE121" s="26"/>
      <c r="WYF121" s="26"/>
      <c r="WYG121" s="26"/>
      <c r="WYH121" s="26"/>
      <c r="WYI121" s="26"/>
      <c r="WYJ121" s="26"/>
      <c r="WYK121" s="26"/>
      <c r="WYL121" s="26"/>
      <c r="WYM121" s="26"/>
      <c r="WYN121" s="26"/>
      <c r="WYO121" s="26"/>
      <c r="WYP121" s="26"/>
      <c r="WYQ121" s="26"/>
      <c r="WYR121" s="26"/>
      <c r="WYS121" s="26"/>
      <c r="WYT121" s="26"/>
      <c r="WYU121" s="26"/>
      <c r="WYV121" s="26"/>
      <c r="WYW121" s="26"/>
      <c r="WYX121" s="26"/>
      <c r="WYY121" s="26"/>
      <c r="WYZ121" s="26"/>
      <c r="WZA121" s="26"/>
      <c r="WZB121" s="26"/>
      <c r="WZC121" s="26"/>
      <c r="WZD121" s="26"/>
      <c r="WZE121" s="26"/>
      <c r="WZF121" s="26"/>
      <c r="WZG121" s="26"/>
      <c r="WZH121" s="26"/>
      <c r="WZI121" s="26"/>
      <c r="WZJ121" s="26"/>
      <c r="WZK121" s="26"/>
      <c r="WZL121" s="26"/>
      <c r="WZM121" s="26"/>
      <c r="WZN121" s="26"/>
      <c r="WZO121" s="26"/>
      <c r="WZP121" s="26"/>
      <c r="WZQ121" s="26"/>
      <c r="WZR121" s="26"/>
      <c r="WZS121" s="26"/>
      <c r="WZT121" s="26"/>
      <c r="WZU121" s="26"/>
      <c r="WZV121" s="26"/>
      <c r="WZW121" s="26"/>
      <c r="WZX121" s="26"/>
      <c r="WZY121" s="26"/>
      <c r="WZZ121" s="26"/>
      <c r="XAA121" s="26"/>
      <c r="XAB121" s="26"/>
      <c r="XAC121" s="26"/>
      <c r="XAD121" s="26"/>
      <c r="XAE121" s="26"/>
      <c r="XAF121" s="26"/>
      <c r="XAG121" s="26"/>
      <c r="XAH121" s="26"/>
      <c r="XAI121" s="26"/>
      <c r="XAJ121" s="26"/>
      <c r="XAK121" s="26"/>
      <c r="XAL121" s="26"/>
      <c r="XAM121" s="26"/>
      <c r="XAN121" s="26"/>
      <c r="XAO121" s="26"/>
      <c r="XAP121" s="26"/>
      <c r="XAQ121" s="26"/>
      <c r="XAR121" s="26"/>
      <c r="XAS121" s="26"/>
      <c r="XAT121" s="26"/>
      <c r="XAU121" s="26"/>
      <c r="XAV121" s="26"/>
      <c r="XAW121" s="26"/>
      <c r="XAX121" s="26"/>
      <c r="XAY121" s="26"/>
      <c r="XAZ121" s="26"/>
      <c r="XBA121" s="26"/>
      <c r="XBB121" s="26"/>
      <c r="XBC121" s="26"/>
      <c r="XBD121" s="26"/>
      <c r="XBE121" s="26"/>
      <c r="XBF121" s="26"/>
      <c r="XBG121" s="26"/>
      <c r="XBH121" s="26"/>
      <c r="XBI121" s="26"/>
      <c r="XBJ121" s="26"/>
      <c r="XBK121" s="26"/>
      <c r="XBL121" s="26"/>
      <c r="XBM121" s="26"/>
      <c r="XBN121" s="26"/>
      <c r="XBO121" s="26"/>
      <c r="XBP121" s="26"/>
      <c r="XBQ121" s="26"/>
      <c r="XBR121" s="26"/>
      <c r="XBS121" s="26"/>
      <c r="XBT121" s="26"/>
      <c r="XBU121" s="26"/>
      <c r="XBV121" s="26"/>
      <c r="XBW121" s="26"/>
      <c r="XBX121" s="26"/>
      <c r="XBY121" s="26"/>
      <c r="XBZ121" s="26"/>
      <c r="XCA121" s="26"/>
      <c r="XCB121" s="26"/>
      <c r="XCC121" s="26"/>
      <c r="XCD121" s="26"/>
      <c r="XCE121" s="26"/>
      <c r="XCF121" s="26"/>
      <c r="XCG121" s="26"/>
      <c r="XCH121" s="26"/>
      <c r="XCI121" s="26"/>
      <c r="XCJ121" s="26"/>
      <c r="XCK121" s="26"/>
      <c r="XCL121" s="26"/>
      <c r="XCM121" s="26"/>
      <c r="XCN121" s="26"/>
      <c r="XCO121" s="26"/>
      <c r="XCP121" s="26"/>
      <c r="XCQ121" s="26"/>
      <c r="XCR121" s="26"/>
      <c r="XCS121" s="26"/>
      <c r="XCT121" s="26"/>
      <c r="XCU121" s="26"/>
      <c r="XCV121" s="26"/>
      <c r="XCW121" s="26"/>
      <c r="XCX121" s="26"/>
      <c r="XCY121" s="26"/>
      <c r="XCZ121" s="26"/>
      <c r="XDA121" s="26"/>
      <c r="XDB121" s="26"/>
      <c r="XDC121" s="26"/>
      <c r="XDD121" s="26"/>
      <c r="XDE121" s="26"/>
      <c r="XDF121" s="26"/>
      <c r="XDG121" s="26"/>
      <c r="XDH121" s="26"/>
      <c r="XDI121" s="26"/>
      <c r="XDJ121" s="26"/>
      <c r="XDK121" s="26"/>
      <c r="XDL121" s="26"/>
      <c r="XDM121" s="26"/>
      <c r="XDN121" s="26"/>
      <c r="XDO121" s="26"/>
      <c r="XDP121" s="26"/>
      <c r="XDQ121" s="26"/>
      <c r="XDR121" s="26"/>
      <c r="XDS121" s="26"/>
      <c r="XDT121" s="26"/>
      <c r="XDU121" s="26"/>
      <c r="XDV121" s="26"/>
      <c r="XDW121" s="26"/>
      <c r="XDX121" s="26"/>
      <c r="XDY121" s="26"/>
      <c r="XDZ121" s="26"/>
      <c r="XEA121" s="26"/>
      <c r="XEB121" s="26"/>
      <c r="XEC121" s="26"/>
      <c r="XED121" s="26"/>
      <c r="XEE121" s="26"/>
      <c r="XEF121" s="26"/>
      <c r="XEG121" s="26"/>
      <c r="XEH121" s="26"/>
      <c r="XEI121" s="26"/>
      <c r="XEJ121" s="26"/>
      <c r="XEK121" s="26"/>
      <c r="XEL121" s="26"/>
      <c r="XEM121" s="26"/>
      <c r="XEN121" s="26"/>
      <c r="XEO121" s="26"/>
      <c r="XEP121" s="26"/>
      <c r="XEQ121" s="26"/>
    </row>
    <row r="122" spans="1:16371" s="30" customFormat="1" ht="32.4" x14ac:dyDescent="0.2">
      <c r="A122" s="8" t="s">
        <v>341</v>
      </c>
      <c r="B122" s="8" t="s">
        <v>348</v>
      </c>
      <c r="C122" s="8" t="s">
        <v>349</v>
      </c>
      <c r="D122" s="8" t="s">
        <v>350</v>
      </c>
      <c r="E122" s="8"/>
      <c r="F122" s="26"/>
      <c r="G122" s="26"/>
      <c r="H122" s="26"/>
      <c r="I122" s="26"/>
      <c r="J122" s="26"/>
      <c r="K122" s="26"/>
      <c r="L122" s="26"/>
      <c r="M122" s="26"/>
      <c r="N122" s="26"/>
      <c r="O122" s="26"/>
      <c r="P122" s="26"/>
      <c r="Q122" s="26"/>
      <c r="R122" s="26"/>
      <c r="S122" s="26"/>
      <c r="T122" s="26"/>
      <c r="U122" s="26"/>
      <c r="V122" s="26"/>
      <c r="W122" s="26"/>
      <c r="X122" s="26"/>
      <c r="Y122" s="26"/>
      <c r="Z122" s="26"/>
      <c r="AA122" s="26"/>
      <c r="AB122" s="26"/>
      <c r="AC122" s="26"/>
      <c r="AD122" s="26"/>
      <c r="AE122" s="26"/>
      <c r="AF122" s="26"/>
      <c r="AG122" s="26"/>
      <c r="AH122" s="26"/>
      <c r="AI122" s="26"/>
      <c r="AJ122" s="26"/>
      <c r="AK122" s="26"/>
      <c r="AL122" s="26"/>
      <c r="AM122" s="26"/>
      <c r="AN122" s="26"/>
      <c r="AO122" s="26"/>
      <c r="AP122" s="26"/>
      <c r="AQ122" s="26"/>
      <c r="AR122" s="26"/>
      <c r="AS122" s="26"/>
      <c r="AT122" s="26"/>
      <c r="AU122" s="26"/>
      <c r="AV122" s="26"/>
      <c r="AW122" s="26"/>
      <c r="AX122" s="26"/>
      <c r="AY122" s="26"/>
      <c r="AZ122" s="26"/>
      <c r="BA122" s="26"/>
      <c r="BB122" s="26"/>
      <c r="BC122" s="26"/>
      <c r="BD122" s="26"/>
      <c r="BE122" s="26"/>
      <c r="BF122" s="26"/>
      <c r="BG122" s="26"/>
      <c r="BH122" s="26"/>
      <c r="BI122" s="26"/>
      <c r="BJ122" s="26"/>
      <c r="BK122" s="26"/>
      <c r="BL122" s="26"/>
      <c r="BM122" s="26"/>
      <c r="BN122" s="26"/>
      <c r="BO122" s="26"/>
      <c r="BP122" s="26"/>
      <c r="BQ122" s="26"/>
      <c r="BR122" s="26"/>
      <c r="BS122" s="26"/>
      <c r="BT122" s="26"/>
      <c r="BU122" s="26"/>
      <c r="BV122" s="26"/>
      <c r="BW122" s="26"/>
      <c r="BX122" s="26"/>
      <c r="BY122" s="26"/>
      <c r="BZ122" s="26"/>
      <c r="CA122" s="26"/>
      <c r="CB122" s="26"/>
      <c r="CC122" s="26"/>
      <c r="CD122" s="26"/>
      <c r="CE122" s="26"/>
      <c r="CF122" s="26"/>
      <c r="CG122" s="26"/>
      <c r="CH122" s="26"/>
      <c r="CI122" s="26"/>
      <c r="CJ122" s="26"/>
      <c r="CK122" s="26"/>
      <c r="CL122" s="26"/>
      <c r="CM122" s="26"/>
      <c r="CN122" s="26"/>
      <c r="CO122" s="26"/>
      <c r="CP122" s="26"/>
      <c r="CQ122" s="26"/>
      <c r="CR122" s="26"/>
      <c r="CS122" s="26"/>
      <c r="CT122" s="26"/>
      <c r="CU122" s="26"/>
      <c r="CV122" s="26"/>
      <c r="CW122" s="26"/>
      <c r="CX122" s="26"/>
      <c r="CY122" s="26"/>
      <c r="CZ122" s="26"/>
      <c r="DA122" s="26"/>
      <c r="DB122" s="26"/>
      <c r="DC122" s="26"/>
      <c r="DD122" s="26"/>
      <c r="DE122" s="26"/>
      <c r="DF122" s="26"/>
      <c r="DG122" s="26"/>
      <c r="DH122" s="26"/>
      <c r="DI122" s="26"/>
      <c r="DJ122" s="26"/>
      <c r="DK122" s="26"/>
      <c r="DL122" s="26"/>
      <c r="DM122" s="26"/>
      <c r="DN122" s="26"/>
      <c r="DO122" s="26"/>
      <c r="DP122" s="26"/>
      <c r="DQ122" s="26"/>
      <c r="DR122" s="26"/>
      <c r="DS122" s="26"/>
      <c r="DT122" s="26"/>
      <c r="DU122" s="26"/>
      <c r="DV122" s="26"/>
      <c r="DW122" s="26"/>
      <c r="DX122" s="26"/>
      <c r="DY122" s="26"/>
      <c r="DZ122" s="26"/>
      <c r="EA122" s="26"/>
      <c r="EB122" s="26"/>
      <c r="EC122" s="26"/>
      <c r="ED122" s="26"/>
      <c r="EE122" s="26"/>
      <c r="EF122" s="26"/>
      <c r="EG122" s="26"/>
      <c r="EH122" s="26"/>
      <c r="EI122" s="26"/>
      <c r="EJ122" s="26"/>
      <c r="EK122" s="26"/>
      <c r="EL122" s="26"/>
      <c r="EM122" s="26"/>
      <c r="EN122" s="26"/>
      <c r="EO122" s="26"/>
      <c r="EP122" s="26"/>
      <c r="EQ122" s="26"/>
      <c r="ER122" s="26"/>
      <c r="ES122" s="26"/>
      <c r="ET122" s="26"/>
      <c r="EU122" s="26"/>
      <c r="EV122" s="26"/>
      <c r="EW122" s="26"/>
      <c r="EX122" s="26"/>
      <c r="EY122" s="26"/>
      <c r="EZ122" s="26"/>
      <c r="FA122" s="26"/>
      <c r="FB122" s="26"/>
      <c r="FC122" s="26"/>
      <c r="FD122" s="26"/>
      <c r="FE122" s="26"/>
      <c r="FF122" s="26"/>
      <c r="FG122" s="26"/>
      <c r="FH122" s="26"/>
      <c r="FI122" s="26"/>
      <c r="FJ122" s="26"/>
      <c r="FK122" s="26"/>
      <c r="FL122" s="26"/>
      <c r="FM122" s="26"/>
      <c r="FN122" s="26"/>
      <c r="FO122" s="26"/>
      <c r="FP122" s="26"/>
      <c r="FQ122" s="26"/>
      <c r="FR122" s="26"/>
      <c r="FS122" s="26"/>
      <c r="FT122" s="26"/>
      <c r="FU122" s="26"/>
      <c r="FV122" s="26"/>
      <c r="FW122" s="26"/>
      <c r="FX122" s="26"/>
      <c r="FY122" s="26"/>
      <c r="FZ122" s="26"/>
      <c r="GA122" s="26"/>
      <c r="GB122" s="26"/>
      <c r="GC122" s="26"/>
      <c r="GD122" s="26"/>
      <c r="GE122" s="26"/>
      <c r="GF122" s="26"/>
      <c r="GG122" s="26"/>
      <c r="GH122" s="26"/>
      <c r="GI122" s="26"/>
      <c r="GJ122" s="26"/>
      <c r="GK122" s="26"/>
      <c r="GL122" s="26"/>
      <c r="GM122" s="26"/>
      <c r="GN122" s="26"/>
      <c r="GO122" s="26"/>
      <c r="GP122" s="26"/>
      <c r="GQ122" s="26"/>
      <c r="GR122" s="26"/>
      <c r="GS122" s="26"/>
      <c r="GT122" s="26"/>
      <c r="GU122" s="26"/>
      <c r="GV122" s="26"/>
      <c r="GW122" s="26"/>
      <c r="GX122" s="26"/>
      <c r="GY122" s="26"/>
      <c r="GZ122" s="26"/>
      <c r="HA122" s="26"/>
      <c r="HB122" s="26"/>
      <c r="HC122" s="26"/>
      <c r="HD122" s="26"/>
      <c r="HE122" s="26"/>
      <c r="HF122" s="26"/>
      <c r="HG122" s="26"/>
      <c r="HH122" s="26"/>
      <c r="HI122" s="26"/>
      <c r="HJ122" s="26"/>
      <c r="HK122" s="26"/>
      <c r="HL122" s="26"/>
      <c r="HM122" s="26"/>
      <c r="HN122" s="26"/>
      <c r="HO122" s="26"/>
      <c r="HP122" s="26"/>
      <c r="HQ122" s="26"/>
      <c r="HR122" s="26"/>
      <c r="HS122" s="26"/>
      <c r="HT122" s="26"/>
      <c r="HU122" s="26"/>
      <c r="HV122" s="26"/>
      <c r="HW122" s="26"/>
      <c r="HX122" s="26"/>
      <c r="HY122" s="26"/>
      <c r="HZ122" s="26"/>
      <c r="IA122" s="26"/>
      <c r="IB122" s="26"/>
      <c r="IC122" s="26"/>
      <c r="ID122" s="26"/>
      <c r="IE122" s="26"/>
      <c r="IF122" s="26"/>
      <c r="IG122" s="26"/>
      <c r="IH122" s="26"/>
      <c r="II122" s="26"/>
      <c r="IJ122" s="26"/>
      <c r="IK122" s="26"/>
      <c r="IL122" s="26"/>
      <c r="IM122" s="26"/>
      <c r="IN122" s="26"/>
      <c r="IO122" s="26"/>
      <c r="IP122" s="26"/>
      <c r="IQ122" s="26"/>
      <c r="IR122" s="26"/>
      <c r="IS122" s="26"/>
      <c r="IT122" s="26"/>
      <c r="IU122" s="26"/>
      <c r="IV122" s="26"/>
      <c r="IW122" s="26"/>
      <c r="IX122" s="26"/>
      <c r="IY122" s="26"/>
      <c r="IZ122" s="26"/>
      <c r="JA122" s="26"/>
      <c r="JB122" s="26"/>
      <c r="JC122" s="26"/>
      <c r="JD122" s="26"/>
      <c r="JE122" s="26"/>
      <c r="JF122" s="26"/>
      <c r="JG122" s="26"/>
      <c r="JH122" s="26"/>
      <c r="JI122" s="26"/>
      <c r="JJ122" s="26"/>
      <c r="JK122" s="26"/>
      <c r="JL122" s="26"/>
      <c r="JM122" s="26"/>
      <c r="JN122" s="26"/>
      <c r="JO122" s="26"/>
      <c r="JP122" s="26"/>
      <c r="JQ122" s="26"/>
      <c r="JR122" s="26"/>
      <c r="JS122" s="26"/>
      <c r="JT122" s="26"/>
      <c r="JU122" s="26"/>
      <c r="JV122" s="26"/>
      <c r="JW122" s="26"/>
      <c r="JX122" s="26"/>
      <c r="JY122" s="26"/>
      <c r="JZ122" s="26"/>
      <c r="KA122" s="26"/>
      <c r="KB122" s="26"/>
      <c r="KC122" s="26"/>
      <c r="KD122" s="26"/>
      <c r="KE122" s="26"/>
      <c r="KF122" s="26"/>
      <c r="KG122" s="26"/>
      <c r="KH122" s="26"/>
      <c r="KI122" s="26"/>
      <c r="KJ122" s="26"/>
      <c r="KK122" s="26"/>
      <c r="KL122" s="26"/>
      <c r="KM122" s="26"/>
      <c r="KN122" s="26"/>
      <c r="KO122" s="26"/>
      <c r="KP122" s="26"/>
      <c r="KQ122" s="26"/>
      <c r="KR122" s="26"/>
      <c r="KS122" s="26"/>
      <c r="KT122" s="26"/>
      <c r="KU122" s="26"/>
      <c r="KV122" s="26"/>
      <c r="KW122" s="26"/>
      <c r="KX122" s="26"/>
      <c r="KY122" s="26"/>
      <c r="KZ122" s="26"/>
      <c r="LA122" s="26"/>
      <c r="LB122" s="26"/>
      <c r="LC122" s="26"/>
      <c r="LD122" s="26"/>
      <c r="LE122" s="26"/>
      <c r="LF122" s="26"/>
      <c r="LG122" s="26"/>
      <c r="LH122" s="26"/>
      <c r="LI122" s="26"/>
      <c r="LJ122" s="26"/>
      <c r="LK122" s="26"/>
      <c r="LL122" s="26"/>
      <c r="LM122" s="26"/>
      <c r="LN122" s="26"/>
      <c r="LO122" s="26"/>
      <c r="LP122" s="26"/>
      <c r="LQ122" s="26"/>
      <c r="LR122" s="26"/>
      <c r="LS122" s="26"/>
      <c r="LT122" s="26"/>
      <c r="LU122" s="26"/>
      <c r="LV122" s="26"/>
      <c r="LW122" s="26"/>
      <c r="LX122" s="26"/>
      <c r="LY122" s="26"/>
      <c r="LZ122" s="26"/>
      <c r="MA122" s="26"/>
      <c r="MB122" s="26"/>
      <c r="MC122" s="26"/>
      <c r="MD122" s="26"/>
      <c r="ME122" s="26"/>
      <c r="MF122" s="26"/>
      <c r="MG122" s="26"/>
      <c r="MH122" s="26"/>
      <c r="MI122" s="26"/>
      <c r="MJ122" s="26"/>
      <c r="MK122" s="26"/>
      <c r="ML122" s="26"/>
      <c r="MM122" s="26"/>
      <c r="MN122" s="26"/>
      <c r="MO122" s="26"/>
      <c r="MP122" s="26"/>
      <c r="MQ122" s="26"/>
      <c r="MR122" s="26"/>
      <c r="MS122" s="26"/>
      <c r="MT122" s="26"/>
      <c r="MU122" s="26"/>
      <c r="MV122" s="26"/>
      <c r="MW122" s="26"/>
      <c r="MX122" s="26"/>
      <c r="MY122" s="26"/>
      <c r="MZ122" s="26"/>
      <c r="NA122" s="26"/>
      <c r="NB122" s="26"/>
      <c r="NC122" s="26"/>
      <c r="ND122" s="26"/>
      <c r="NE122" s="26"/>
      <c r="NF122" s="26"/>
      <c r="NG122" s="26"/>
      <c r="NH122" s="26"/>
      <c r="NI122" s="26"/>
      <c r="NJ122" s="26"/>
      <c r="NK122" s="26"/>
      <c r="NL122" s="26"/>
      <c r="NM122" s="26"/>
      <c r="NN122" s="26"/>
      <c r="NO122" s="26"/>
      <c r="NP122" s="26"/>
      <c r="NQ122" s="26"/>
      <c r="NR122" s="26"/>
      <c r="NS122" s="26"/>
      <c r="NT122" s="26"/>
      <c r="NU122" s="26"/>
      <c r="NV122" s="26"/>
      <c r="NW122" s="26"/>
      <c r="NX122" s="26"/>
      <c r="NY122" s="26"/>
      <c r="NZ122" s="26"/>
      <c r="OA122" s="26"/>
      <c r="OB122" s="26"/>
      <c r="OC122" s="26"/>
      <c r="OD122" s="26"/>
      <c r="OE122" s="26"/>
      <c r="OF122" s="26"/>
      <c r="OG122" s="26"/>
      <c r="OH122" s="26"/>
      <c r="OI122" s="26"/>
      <c r="OJ122" s="26"/>
      <c r="OK122" s="26"/>
      <c r="OL122" s="26"/>
      <c r="OM122" s="26"/>
      <c r="ON122" s="26"/>
      <c r="OO122" s="26"/>
      <c r="OP122" s="26"/>
      <c r="OQ122" s="26"/>
      <c r="OR122" s="26"/>
      <c r="OS122" s="26"/>
      <c r="OT122" s="26"/>
      <c r="OU122" s="26"/>
      <c r="OV122" s="26"/>
      <c r="OW122" s="26"/>
      <c r="OX122" s="26"/>
      <c r="OY122" s="26"/>
      <c r="OZ122" s="26"/>
      <c r="PA122" s="26"/>
      <c r="PB122" s="26"/>
      <c r="PC122" s="26"/>
      <c r="PD122" s="26"/>
      <c r="PE122" s="26"/>
      <c r="PF122" s="26"/>
      <c r="PG122" s="26"/>
      <c r="PH122" s="26"/>
      <c r="PI122" s="26"/>
      <c r="PJ122" s="26"/>
      <c r="PK122" s="26"/>
      <c r="PL122" s="26"/>
      <c r="PM122" s="26"/>
      <c r="PN122" s="26"/>
      <c r="PO122" s="26"/>
      <c r="PP122" s="26"/>
      <c r="PQ122" s="26"/>
      <c r="PR122" s="26"/>
      <c r="PS122" s="26"/>
      <c r="PT122" s="26"/>
      <c r="PU122" s="26"/>
      <c r="PV122" s="26"/>
      <c r="PW122" s="26"/>
      <c r="PX122" s="26"/>
      <c r="PY122" s="26"/>
      <c r="PZ122" s="26"/>
      <c r="QA122" s="26"/>
      <c r="QB122" s="26"/>
      <c r="QC122" s="26"/>
      <c r="QD122" s="26"/>
      <c r="QE122" s="26"/>
      <c r="QF122" s="26"/>
      <c r="QG122" s="26"/>
      <c r="QH122" s="26"/>
      <c r="QI122" s="26"/>
      <c r="QJ122" s="26"/>
      <c r="QK122" s="26"/>
      <c r="QL122" s="26"/>
      <c r="QM122" s="26"/>
      <c r="QN122" s="26"/>
      <c r="QO122" s="26"/>
      <c r="QP122" s="26"/>
      <c r="QQ122" s="26"/>
      <c r="QR122" s="26"/>
      <c r="QS122" s="26"/>
      <c r="QT122" s="26"/>
      <c r="QU122" s="26"/>
      <c r="QV122" s="26"/>
      <c r="QW122" s="26"/>
      <c r="QX122" s="26"/>
      <c r="QY122" s="26"/>
      <c r="QZ122" s="26"/>
      <c r="RA122" s="26"/>
      <c r="RB122" s="26"/>
      <c r="RC122" s="26"/>
      <c r="RD122" s="26"/>
      <c r="RE122" s="26"/>
      <c r="RF122" s="26"/>
      <c r="RG122" s="26"/>
      <c r="RH122" s="26"/>
      <c r="RI122" s="26"/>
      <c r="RJ122" s="26"/>
      <c r="RK122" s="26"/>
      <c r="RL122" s="26"/>
      <c r="RM122" s="26"/>
      <c r="RN122" s="26"/>
      <c r="RO122" s="26"/>
      <c r="RP122" s="26"/>
      <c r="RQ122" s="26"/>
      <c r="RR122" s="26"/>
      <c r="RS122" s="26"/>
      <c r="RT122" s="26"/>
      <c r="RU122" s="26"/>
      <c r="RV122" s="26"/>
      <c r="RW122" s="26"/>
      <c r="RX122" s="26"/>
      <c r="RY122" s="26"/>
      <c r="RZ122" s="26"/>
      <c r="SA122" s="26"/>
      <c r="SB122" s="26"/>
      <c r="SC122" s="26"/>
      <c r="SD122" s="26"/>
      <c r="SE122" s="26"/>
      <c r="SF122" s="26"/>
      <c r="SG122" s="26"/>
      <c r="SH122" s="26"/>
      <c r="SI122" s="26"/>
      <c r="SJ122" s="26"/>
      <c r="SK122" s="26"/>
      <c r="SL122" s="26"/>
      <c r="SM122" s="26"/>
      <c r="SN122" s="26"/>
      <c r="SO122" s="26"/>
      <c r="SP122" s="26"/>
      <c r="SQ122" s="26"/>
      <c r="SR122" s="26"/>
      <c r="SS122" s="26"/>
      <c r="ST122" s="26"/>
      <c r="SU122" s="26"/>
      <c r="SV122" s="26"/>
      <c r="SW122" s="26"/>
      <c r="SX122" s="26"/>
      <c r="SY122" s="26"/>
      <c r="SZ122" s="26"/>
      <c r="TA122" s="26"/>
      <c r="TB122" s="26"/>
      <c r="TC122" s="26"/>
      <c r="TD122" s="26"/>
      <c r="TE122" s="26"/>
      <c r="TF122" s="26"/>
      <c r="TG122" s="26"/>
      <c r="TH122" s="26"/>
      <c r="TI122" s="26"/>
      <c r="TJ122" s="26"/>
      <c r="TK122" s="26"/>
      <c r="TL122" s="26"/>
      <c r="TM122" s="26"/>
      <c r="TN122" s="26"/>
      <c r="TO122" s="26"/>
      <c r="TP122" s="26"/>
      <c r="TQ122" s="26"/>
      <c r="TR122" s="26"/>
      <c r="TS122" s="26"/>
      <c r="TT122" s="26"/>
      <c r="TU122" s="26"/>
      <c r="TV122" s="26"/>
      <c r="TW122" s="26"/>
      <c r="TX122" s="26"/>
      <c r="TY122" s="26"/>
      <c r="TZ122" s="26"/>
      <c r="UA122" s="26"/>
      <c r="UB122" s="26"/>
      <c r="UC122" s="26"/>
      <c r="UD122" s="26"/>
      <c r="UE122" s="26"/>
      <c r="UF122" s="26"/>
      <c r="UG122" s="26"/>
      <c r="UH122" s="26"/>
      <c r="UI122" s="26"/>
      <c r="UJ122" s="26"/>
      <c r="UK122" s="26"/>
      <c r="UL122" s="26"/>
      <c r="UM122" s="26"/>
      <c r="UN122" s="26"/>
      <c r="UO122" s="26"/>
      <c r="UP122" s="26"/>
      <c r="UQ122" s="26"/>
      <c r="UR122" s="26"/>
      <c r="US122" s="26"/>
      <c r="UT122" s="26"/>
      <c r="UU122" s="26"/>
      <c r="UV122" s="26"/>
      <c r="UW122" s="26"/>
      <c r="UX122" s="26"/>
      <c r="UY122" s="26"/>
      <c r="UZ122" s="26"/>
      <c r="VA122" s="26"/>
      <c r="VB122" s="26"/>
      <c r="VC122" s="26"/>
      <c r="VD122" s="26"/>
      <c r="VE122" s="26"/>
      <c r="VF122" s="26"/>
      <c r="VG122" s="26"/>
      <c r="VH122" s="26"/>
      <c r="VI122" s="26"/>
      <c r="VJ122" s="26"/>
      <c r="VK122" s="26"/>
      <c r="VL122" s="26"/>
      <c r="VM122" s="26"/>
      <c r="VN122" s="26"/>
      <c r="VO122" s="26"/>
      <c r="VP122" s="26"/>
      <c r="VQ122" s="26"/>
      <c r="VR122" s="26"/>
      <c r="VS122" s="26"/>
      <c r="VT122" s="26"/>
      <c r="VU122" s="26"/>
      <c r="VV122" s="26"/>
      <c r="VW122" s="26"/>
      <c r="VX122" s="26"/>
      <c r="VY122" s="26"/>
      <c r="VZ122" s="26"/>
      <c r="WA122" s="26"/>
      <c r="WB122" s="26"/>
      <c r="WC122" s="26"/>
      <c r="WD122" s="26"/>
      <c r="WE122" s="26"/>
      <c r="WF122" s="26"/>
      <c r="WG122" s="26"/>
      <c r="WH122" s="26"/>
      <c r="WI122" s="26"/>
      <c r="WJ122" s="26"/>
      <c r="WK122" s="26"/>
      <c r="WL122" s="26"/>
      <c r="WM122" s="26"/>
      <c r="WN122" s="26"/>
      <c r="WO122" s="26"/>
      <c r="WP122" s="26"/>
      <c r="WQ122" s="26"/>
      <c r="WR122" s="26"/>
      <c r="WS122" s="26"/>
      <c r="WT122" s="26"/>
      <c r="WU122" s="26"/>
      <c r="WV122" s="26"/>
      <c r="WW122" s="26"/>
      <c r="WX122" s="26"/>
      <c r="WY122" s="26"/>
      <c r="WZ122" s="26"/>
      <c r="XA122" s="26"/>
      <c r="XB122" s="26"/>
      <c r="XC122" s="26"/>
      <c r="XD122" s="26"/>
      <c r="XE122" s="26"/>
      <c r="XF122" s="26"/>
      <c r="XG122" s="26"/>
      <c r="XH122" s="26"/>
      <c r="XI122" s="26"/>
      <c r="XJ122" s="26"/>
      <c r="XK122" s="26"/>
      <c r="XL122" s="26"/>
      <c r="XM122" s="26"/>
      <c r="XN122" s="26"/>
      <c r="XO122" s="26"/>
      <c r="XP122" s="26"/>
      <c r="XQ122" s="26"/>
      <c r="XR122" s="26"/>
      <c r="XS122" s="26"/>
      <c r="XT122" s="26"/>
      <c r="XU122" s="26"/>
      <c r="XV122" s="26"/>
      <c r="XW122" s="26"/>
      <c r="XX122" s="26"/>
      <c r="XY122" s="26"/>
      <c r="XZ122" s="26"/>
      <c r="YA122" s="26"/>
      <c r="YB122" s="26"/>
      <c r="YC122" s="26"/>
      <c r="YD122" s="26"/>
      <c r="YE122" s="26"/>
      <c r="YF122" s="26"/>
      <c r="YG122" s="26"/>
      <c r="YH122" s="26"/>
      <c r="YI122" s="26"/>
      <c r="YJ122" s="26"/>
      <c r="YK122" s="26"/>
      <c r="YL122" s="26"/>
      <c r="YM122" s="26"/>
      <c r="YN122" s="26"/>
      <c r="YO122" s="26"/>
      <c r="YP122" s="26"/>
      <c r="YQ122" s="26"/>
      <c r="YR122" s="26"/>
      <c r="YS122" s="26"/>
      <c r="YT122" s="26"/>
      <c r="YU122" s="26"/>
      <c r="YV122" s="26"/>
      <c r="YW122" s="26"/>
      <c r="YX122" s="26"/>
      <c r="YY122" s="26"/>
      <c r="YZ122" s="26"/>
      <c r="ZA122" s="26"/>
      <c r="ZB122" s="26"/>
      <c r="ZC122" s="26"/>
      <c r="ZD122" s="26"/>
      <c r="ZE122" s="26"/>
      <c r="ZF122" s="26"/>
      <c r="ZG122" s="26"/>
      <c r="ZH122" s="26"/>
      <c r="ZI122" s="26"/>
      <c r="ZJ122" s="26"/>
      <c r="ZK122" s="26"/>
      <c r="ZL122" s="26"/>
      <c r="ZM122" s="26"/>
      <c r="ZN122" s="26"/>
      <c r="ZO122" s="26"/>
      <c r="ZP122" s="26"/>
      <c r="ZQ122" s="26"/>
      <c r="ZR122" s="26"/>
      <c r="ZS122" s="26"/>
      <c r="ZT122" s="26"/>
      <c r="ZU122" s="26"/>
      <c r="ZV122" s="26"/>
      <c r="ZW122" s="26"/>
      <c r="ZX122" s="26"/>
      <c r="ZY122" s="26"/>
      <c r="ZZ122" s="26"/>
      <c r="AAA122" s="26"/>
      <c r="AAB122" s="26"/>
      <c r="AAC122" s="26"/>
      <c r="AAD122" s="26"/>
      <c r="AAE122" s="26"/>
      <c r="AAF122" s="26"/>
      <c r="AAG122" s="26"/>
      <c r="AAH122" s="26"/>
      <c r="AAI122" s="26"/>
      <c r="AAJ122" s="26"/>
      <c r="AAK122" s="26"/>
      <c r="AAL122" s="26"/>
      <c r="AAM122" s="26"/>
      <c r="AAN122" s="26"/>
      <c r="AAO122" s="26"/>
      <c r="AAP122" s="26"/>
      <c r="AAQ122" s="26"/>
      <c r="AAR122" s="26"/>
      <c r="AAS122" s="26"/>
      <c r="AAT122" s="26"/>
      <c r="AAU122" s="26"/>
      <c r="AAV122" s="26"/>
      <c r="AAW122" s="26"/>
      <c r="AAX122" s="26"/>
      <c r="AAY122" s="26"/>
      <c r="AAZ122" s="26"/>
      <c r="ABA122" s="26"/>
      <c r="ABB122" s="26"/>
      <c r="ABC122" s="26"/>
      <c r="ABD122" s="26"/>
      <c r="ABE122" s="26"/>
      <c r="ABF122" s="26"/>
      <c r="ABG122" s="26"/>
      <c r="ABH122" s="26"/>
      <c r="ABI122" s="26"/>
      <c r="ABJ122" s="26"/>
      <c r="ABK122" s="26"/>
      <c r="ABL122" s="26"/>
      <c r="ABM122" s="26"/>
      <c r="ABN122" s="26"/>
      <c r="ABO122" s="26"/>
      <c r="ABP122" s="26"/>
      <c r="ABQ122" s="26"/>
      <c r="ABR122" s="26"/>
      <c r="ABS122" s="26"/>
      <c r="ABT122" s="26"/>
      <c r="ABU122" s="26"/>
      <c r="ABV122" s="26"/>
      <c r="ABW122" s="26"/>
      <c r="ABX122" s="26"/>
      <c r="ABY122" s="26"/>
      <c r="ABZ122" s="26"/>
      <c r="ACA122" s="26"/>
      <c r="ACB122" s="26"/>
      <c r="ACC122" s="26"/>
      <c r="ACD122" s="26"/>
      <c r="ACE122" s="26"/>
      <c r="ACF122" s="26"/>
      <c r="ACG122" s="26"/>
      <c r="ACH122" s="26"/>
      <c r="ACI122" s="26"/>
      <c r="ACJ122" s="26"/>
      <c r="ACK122" s="26"/>
      <c r="ACL122" s="26"/>
      <c r="ACM122" s="26"/>
      <c r="ACN122" s="26"/>
      <c r="ACO122" s="26"/>
      <c r="ACP122" s="26"/>
      <c r="ACQ122" s="26"/>
      <c r="ACR122" s="26"/>
      <c r="ACS122" s="26"/>
      <c r="ACT122" s="26"/>
      <c r="ACU122" s="26"/>
      <c r="ACV122" s="26"/>
      <c r="ACW122" s="26"/>
      <c r="ACX122" s="26"/>
      <c r="ACY122" s="26"/>
      <c r="ACZ122" s="26"/>
      <c r="ADA122" s="26"/>
      <c r="ADB122" s="26"/>
      <c r="ADC122" s="26"/>
      <c r="ADD122" s="26"/>
      <c r="ADE122" s="26"/>
      <c r="ADF122" s="26"/>
      <c r="ADG122" s="26"/>
      <c r="ADH122" s="26"/>
      <c r="ADI122" s="26"/>
      <c r="ADJ122" s="26"/>
      <c r="ADK122" s="26"/>
      <c r="ADL122" s="26"/>
      <c r="ADM122" s="26"/>
      <c r="ADN122" s="26"/>
      <c r="ADO122" s="26"/>
      <c r="ADP122" s="26"/>
      <c r="ADQ122" s="26"/>
      <c r="ADR122" s="26"/>
      <c r="ADS122" s="26"/>
      <c r="ADT122" s="26"/>
      <c r="ADU122" s="26"/>
      <c r="ADV122" s="26"/>
      <c r="ADW122" s="26"/>
      <c r="ADX122" s="26"/>
      <c r="ADY122" s="26"/>
      <c r="ADZ122" s="26"/>
      <c r="AEA122" s="26"/>
      <c r="AEB122" s="26"/>
      <c r="AEC122" s="26"/>
      <c r="AED122" s="26"/>
      <c r="AEE122" s="26"/>
      <c r="AEF122" s="26"/>
      <c r="AEG122" s="26"/>
      <c r="AEH122" s="26"/>
      <c r="AEI122" s="26"/>
      <c r="AEJ122" s="26"/>
      <c r="AEK122" s="26"/>
      <c r="AEL122" s="26"/>
      <c r="AEM122" s="26"/>
      <c r="AEN122" s="26"/>
      <c r="AEO122" s="26"/>
      <c r="AEP122" s="26"/>
      <c r="AEQ122" s="26"/>
      <c r="AER122" s="26"/>
      <c r="AES122" s="26"/>
      <c r="AET122" s="26"/>
      <c r="AEU122" s="26"/>
      <c r="AEV122" s="26"/>
      <c r="AEW122" s="26"/>
      <c r="AEX122" s="26"/>
      <c r="AEY122" s="26"/>
      <c r="AEZ122" s="26"/>
      <c r="AFA122" s="26"/>
      <c r="AFB122" s="26"/>
      <c r="AFC122" s="26"/>
      <c r="AFD122" s="26"/>
      <c r="AFE122" s="26"/>
      <c r="AFF122" s="26"/>
      <c r="AFG122" s="26"/>
      <c r="AFH122" s="26"/>
      <c r="AFI122" s="26"/>
      <c r="AFJ122" s="26"/>
      <c r="AFK122" s="26"/>
      <c r="AFL122" s="26"/>
      <c r="AFM122" s="26"/>
      <c r="AFN122" s="26"/>
      <c r="AFO122" s="26"/>
      <c r="AFP122" s="26"/>
      <c r="AFQ122" s="26"/>
      <c r="AFR122" s="26"/>
      <c r="AFS122" s="26"/>
      <c r="AFT122" s="26"/>
      <c r="AFU122" s="26"/>
      <c r="AFV122" s="26"/>
      <c r="AFW122" s="26"/>
      <c r="AFX122" s="26"/>
      <c r="AFY122" s="26"/>
      <c r="AFZ122" s="26"/>
      <c r="AGA122" s="26"/>
      <c r="AGB122" s="26"/>
      <c r="AGC122" s="26"/>
      <c r="AGD122" s="26"/>
      <c r="AGE122" s="26"/>
      <c r="AGF122" s="26"/>
      <c r="AGG122" s="26"/>
      <c r="AGH122" s="26"/>
      <c r="AGI122" s="26"/>
      <c r="AGJ122" s="26"/>
      <c r="AGK122" s="26"/>
      <c r="AGL122" s="26"/>
      <c r="AGM122" s="26"/>
      <c r="AGN122" s="26"/>
      <c r="AGO122" s="26"/>
      <c r="AGP122" s="26"/>
      <c r="AGQ122" s="26"/>
      <c r="AGR122" s="26"/>
      <c r="AGS122" s="26"/>
      <c r="AGT122" s="26"/>
      <c r="AGU122" s="26"/>
      <c r="AGV122" s="26"/>
      <c r="AGW122" s="26"/>
      <c r="AGX122" s="26"/>
      <c r="AGY122" s="26"/>
      <c r="AGZ122" s="26"/>
      <c r="AHA122" s="26"/>
      <c r="AHB122" s="26"/>
      <c r="AHC122" s="26"/>
      <c r="AHD122" s="26"/>
      <c r="AHE122" s="26"/>
      <c r="AHF122" s="26"/>
      <c r="AHG122" s="26"/>
      <c r="AHH122" s="26"/>
      <c r="AHI122" s="26"/>
      <c r="AHJ122" s="26"/>
      <c r="AHK122" s="26"/>
      <c r="AHL122" s="26"/>
      <c r="AHM122" s="26"/>
      <c r="AHN122" s="26"/>
      <c r="AHO122" s="26"/>
      <c r="AHP122" s="26"/>
      <c r="AHQ122" s="26"/>
      <c r="AHR122" s="26"/>
      <c r="AHS122" s="26"/>
      <c r="AHT122" s="26"/>
      <c r="AHU122" s="26"/>
      <c r="AHV122" s="26"/>
      <c r="AHW122" s="26"/>
      <c r="AHX122" s="26"/>
      <c r="AHY122" s="26"/>
      <c r="AHZ122" s="26"/>
      <c r="AIA122" s="26"/>
      <c r="AIB122" s="26"/>
      <c r="AIC122" s="26"/>
      <c r="AID122" s="26"/>
      <c r="AIE122" s="26"/>
      <c r="AIF122" s="26"/>
      <c r="AIG122" s="26"/>
      <c r="AIH122" s="26"/>
      <c r="AII122" s="26"/>
      <c r="AIJ122" s="26"/>
      <c r="AIK122" s="26"/>
      <c r="AIL122" s="26"/>
      <c r="AIM122" s="26"/>
      <c r="AIN122" s="26"/>
      <c r="AIO122" s="26"/>
      <c r="AIP122" s="26"/>
      <c r="AIQ122" s="26"/>
      <c r="AIR122" s="26"/>
      <c r="AIS122" s="26"/>
      <c r="AIT122" s="26"/>
      <c r="AIU122" s="26"/>
      <c r="AIV122" s="26"/>
      <c r="AIW122" s="26"/>
      <c r="AIX122" s="26"/>
      <c r="AIY122" s="26"/>
      <c r="AIZ122" s="26"/>
      <c r="AJA122" s="26"/>
      <c r="AJB122" s="26"/>
      <c r="AJC122" s="26"/>
      <c r="AJD122" s="26"/>
      <c r="AJE122" s="26"/>
      <c r="AJF122" s="26"/>
      <c r="AJG122" s="26"/>
      <c r="AJH122" s="26"/>
      <c r="AJI122" s="26"/>
      <c r="AJJ122" s="26"/>
      <c r="AJK122" s="26"/>
      <c r="AJL122" s="26"/>
      <c r="AJM122" s="26"/>
      <c r="AJN122" s="26"/>
      <c r="AJO122" s="26"/>
      <c r="AJP122" s="26"/>
      <c r="AJQ122" s="26"/>
      <c r="AJR122" s="26"/>
      <c r="AJS122" s="26"/>
      <c r="AJT122" s="26"/>
      <c r="AJU122" s="26"/>
      <c r="AJV122" s="26"/>
      <c r="AJW122" s="26"/>
      <c r="AJX122" s="26"/>
      <c r="AJY122" s="26"/>
      <c r="AJZ122" s="26"/>
      <c r="AKA122" s="26"/>
      <c r="AKB122" s="26"/>
      <c r="AKC122" s="26"/>
      <c r="AKD122" s="26"/>
      <c r="AKE122" s="26"/>
      <c r="AKF122" s="26"/>
      <c r="AKG122" s="26"/>
      <c r="AKH122" s="26"/>
      <c r="AKI122" s="26"/>
      <c r="AKJ122" s="26"/>
      <c r="AKK122" s="26"/>
      <c r="AKL122" s="26"/>
      <c r="AKM122" s="26"/>
      <c r="AKN122" s="26"/>
      <c r="AKO122" s="26"/>
      <c r="AKP122" s="26"/>
      <c r="AKQ122" s="26"/>
      <c r="AKR122" s="26"/>
      <c r="AKS122" s="26"/>
      <c r="AKT122" s="26"/>
      <c r="AKU122" s="26"/>
      <c r="AKV122" s="26"/>
      <c r="AKW122" s="26"/>
      <c r="AKX122" s="26"/>
      <c r="AKY122" s="26"/>
      <c r="AKZ122" s="26"/>
      <c r="ALA122" s="26"/>
      <c r="ALB122" s="26"/>
      <c r="ALC122" s="26"/>
      <c r="ALD122" s="26"/>
      <c r="ALE122" s="26"/>
      <c r="ALF122" s="26"/>
      <c r="ALG122" s="26"/>
      <c r="ALH122" s="26"/>
      <c r="ALI122" s="26"/>
      <c r="ALJ122" s="26"/>
      <c r="ALK122" s="26"/>
      <c r="ALL122" s="26"/>
      <c r="ALM122" s="26"/>
      <c r="ALN122" s="26"/>
      <c r="ALO122" s="26"/>
      <c r="ALP122" s="26"/>
      <c r="ALQ122" s="26"/>
      <c r="ALR122" s="26"/>
      <c r="ALS122" s="26"/>
      <c r="ALT122" s="26"/>
      <c r="ALU122" s="26"/>
      <c r="ALV122" s="26"/>
      <c r="ALW122" s="26"/>
      <c r="ALX122" s="26"/>
      <c r="ALY122" s="26"/>
      <c r="ALZ122" s="26"/>
      <c r="AMA122" s="26"/>
      <c r="AMB122" s="26"/>
      <c r="AMC122" s="26"/>
      <c r="AMD122" s="26"/>
      <c r="AME122" s="26"/>
      <c r="AMF122" s="26"/>
      <c r="AMG122" s="26"/>
      <c r="AMH122" s="26"/>
      <c r="AMI122" s="26"/>
      <c r="AMJ122" s="26"/>
      <c r="AMK122" s="26"/>
      <c r="AML122" s="26"/>
      <c r="AMM122" s="26"/>
      <c r="AMN122" s="26"/>
      <c r="AMO122" s="26"/>
      <c r="AMP122" s="26"/>
      <c r="AMQ122" s="26"/>
      <c r="AMR122" s="26"/>
      <c r="AMS122" s="26"/>
      <c r="AMT122" s="26"/>
      <c r="AMU122" s="26"/>
      <c r="AMV122" s="26"/>
      <c r="AMW122" s="26"/>
      <c r="AMX122" s="26"/>
      <c r="AMY122" s="26"/>
      <c r="AMZ122" s="26"/>
      <c r="ANA122" s="26"/>
      <c r="ANB122" s="26"/>
      <c r="ANC122" s="26"/>
      <c r="AND122" s="26"/>
      <c r="ANE122" s="26"/>
      <c r="ANF122" s="26"/>
      <c r="ANG122" s="26"/>
      <c r="ANH122" s="26"/>
      <c r="ANI122" s="26"/>
      <c r="ANJ122" s="26"/>
      <c r="ANK122" s="26"/>
      <c r="ANL122" s="26"/>
      <c r="ANM122" s="26"/>
      <c r="ANN122" s="26"/>
      <c r="ANO122" s="26"/>
      <c r="ANP122" s="26"/>
      <c r="ANQ122" s="26"/>
      <c r="ANR122" s="26"/>
      <c r="ANS122" s="26"/>
      <c r="ANT122" s="26"/>
      <c r="ANU122" s="26"/>
      <c r="ANV122" s="26"/>
      <c r="ANW122" s="26"/>
      <c r="ANX122" s="26"/>
      <c r="ANY122" s="26"/>
      <c r="ANZ122" s="26"/>
      <c r="AOA122" s="26"/>
      <c r="AOB122" s="26"/>
      <c r="AOC122" s="26"/>
      <c r="AOD122" s="26"/>
      <c r="AOE122" s="26"/>
      <c r="AOF122" s="26"/>
      <c r="AOG122" s="26"/>
      <c r="AOH122" s="26"/>
      <c r="AOI122" s="26"/>
      <c r="AOJ122" s="26"/>
      <c r="AOK122" s="26"/>
      <c r="AOL122" s="26"/>
      <c r="AOM122" s="26"/>
      <c r="AON122" s="26"/>
      <c r="AOO122" s="26"/>
      <c r="AOP122" s="26"/>
      <c r="AOQ122" s="26"/>
      <c r="AOR122" s="26"/>
      <c r="AOS122" s="26"/>
      <c r="AOT122" s="26"/>
      <c r="AOU122" s="26"/>
      <c r="AOV122" s="26"/>
      <c r="AOW122" s="26"/>
      <c r="AOX122" s="26"/>
      <c r="AOY122" s="26"/>
      <c r="AOZ122" s="26"/>
      <c r="APA122" s="26"/>
      <c r="APB122" s="26"/>
      <c r="APC122" s="26"/>
      <c r="APD122" s="26"/>
      <c r="APE122" s="26"/>
      <c r="APF122" s="26"/>
      <c r="APG122" s="26"/>
      <c r="APH122" s="26"/>
      <c r="API122" s="26"/>
      <c r="APJ122" s="26"/>
      <c r="APK122" s="26"/>
      <c r="APL122" s="26"/>
      <c r="APM122" s="26"/>
      <c r="APN122" s="26"/>
      <c r="APO122" s="26"/>
      <c r="APP122" s="26"/>
      <c r="APQ122" s="26"/>
      <c r="APR122" s="26"/>
      <c r="APS122" s="26"/>
      <c r="APT122" s="26"/>
      <c r="APU122" s="26"/>
      <c r="APV122" s="26"/>
      <c r="APW122" s="26"/>
      <c r="APX122" s="26"/>
      <c r="APY122" s="26"/>
      <c r="APZ122" s="26"/>
      <c r="AQA122" s="26"/>
      <c r="AQB122" s="26"/>
      <c r="AQC122" s="26"/>
      <c r="AQD122" s="26"/>
      <c r="AQE122" s="26"/>
      <c r="AQF122" s="26"/>
      <c r="AQG122" s="26"/>
      <c r="AQH122" s="26"/>
      <c r="AQI122" s="26"/>
      <c r="AQJ122" s="26"/>
      <c r="AQK122" s="26"/>
      <c r="AQL122" s="26"/>
      <c r="AQM122" s="26"/>
      <c r="AQN122" s="26"/>
      <c r="AQO122" s="26"/>
      <c r="AQP122" s="26"/>
      <c r="AQQ122" s="26"/>
      <c r="AQR122" s="26"/>
      <c r="AQS122" s="26"/>
      <c r="AQT122" s="26"/>
      <c r="AQU122" s="26"/>
      <c r="AQV122" s="26"/>
      <c r="AQW122" s="26"/>
      <c r="AQX122" s="26"/>
      <c r="AQY122" s="26"/>
      <c r="AQZ122" s="26"/>
      <c r="ARA122" s="26"/>
      <c r="ARB122" s="26"/>
      <c r="ARC122" s="26"/>
      <c r="ARD122" s="26"/>
      <c r="ARE122" s="26"/>
      <c r="ARF122" s="26"/>
      <c r="ARG122" s="26"/>
      <c r="ARH122" s="26"/>
      <c r="ARI122" s="26"/>
      <c r="ARJ122" s="26"/>
      <c r="ARK122" s="26"/>
      <c r="ARL122" s="26"/>
      <c r="ARM122" s="26"/>
      <c r="ARN122" s="26"/>
      <c r="ARO122" s="26"/>
      <c r="ARP122" s="26"/>
      <c r="ARQ122" s="26"/>
      <c r="ARR122" s="26"/>
      <c r="ARS122" s="26"/>
      <c r="ART122" s="26"/>
      <c r="ARU122" s="26"/>
      <c r="ARV122" s="26"/>
      <c r="ARW122" s="26"/>
      <c r="ARX122" s="26"/>
      <c r="ARY122" s="26"/>
      <c r="ARZ122" s="26"/>
      <c r="ASA122" s="26"/>
      <c r="ASB122" s="26"/>
      <c r="ASC122" s="26"/>
      <c r="ASD122" s="26"/>
      <c r="ASE122" s="26"/>
      <c r="ASF122" s="26"/>
      <c r="ASG122" s="26"/>
      <c r="ASH122" s="26"/>
      <c r="ASI122" s="26"/>
      <c r="ASJ122" s="26"/>
      <c r="ASK122" s="26"/>
      <c r="ASL122" s="26"/>
      <c r="ASM122" s="26"/>
      <c r="ASN122" s="26"/>
      <c r="ASO122" s="26"/>
      <c r="ASP122" s="26"/>
      <c r="ASQ122" s="26"/>
      <c r="ASR122" s="26"/>
      <c r="ASS122" s="26"/>
      <c r="AST122" s="26"/>
      <c r="ASU122" s="26"/>
      <c r="ASV122" s="26"/>
      <c r="ASW122" s="26"/>
      <c r="ASX122" s="26"/>
      <c r="ASY122" s="26"/>
      <c r="ASZ122" s="26"/>
      <c r="ATA122" s="26"/>
      <c r="ATB122" s="26"/>
      <c r="ATC122" s="26"/>
      <c r="ATD122" s="26"/>
      <c r="ATE122" s="26"/>
      <c r="ATF122" s="26"/>
      <c r="ATG122" s="26"/>
      <c r="ATH122" s="26"/>
      <c r="ATI122" s="26"/>
      <c r="ATJ122" s="26"/>
      <c r="ATK122" s="26"/>
      <c r="ATL122" s="26"/>
      <c r="ATM122" s="26"/>
      <c r="ATN122" s="26"/>
      <c r="ATO122" s="26"/>
      <c r="ATP122" s="26"/>
      <c r="ATQ122" s="26"/>
      <c r="ATR122" s="26"/>
      <c r="ATS122" s="26"/>
      <c r="ATT122" s="26"/>
      <c r="ATU122" s="26"/>
      <c r="ATV122" s="26"/>
      <c r="ATW122" s="26"/>
      <c r="ATX122" s="26"/>
      <c r="ATY122" s="26"/>
      <c r="ATZ122" s="26"/>
      <c r="AUA122" s="26"/>
      <c r="AUB122" s="26"/>
      <c r="AUC122" s="26"/>
      <c r="AUD122" s="26"/>
      <c r="AUE122" s="26"/>
      <c r="AUF122" s="26"/>
      <c r="AUG122" s="26"/>
      <c r="AUH122" s="26"/>
      <c r="AUI122" s="26"/>
      <c r="AUJ122" s="26"/>
      <c r="AUK122" s="26"/>
      <c r="AUL122" s="26"/>
      <c r="AUM122" s="26"/>
      <c r="AUN122" s="26"/>
      <c r="AUO122" s="26"/>
      <c r="AUP122" s="26"/>
      <c r="AUQ122" s="26"/>
      <c r="AUR122" s="26"/>
      <c r="AUS122" s="26"/>
      <c r="AUT122" s="26"/>
      <c r="AUU122" s="26"/>
      <c r="AUV122" s="26"/>
      <c r="AUW122" s="26"/>
      <c r="AUX122" s="26"/>
      <c r="AUY122" s="26"/>
      <c r="AUZ122" s="26"/>
      <c r="AVA122" s="26"/>
      <c r="AVB122" s="26"/>
      <c r="AVC122" s="26"/>
      <c r="AVD122" s="26"/>
      <c r="AVE122" s="26"/>
      <c r="AVF122" s="26"/>
      <c r="AVG122" s="26"/>
      <c r="AVH122" s="26"/>
      <c r="AVI122" s="26"/>
      <c r="AVJ122" s="26"/>
      <c r="AVK122" s="26"/>
      <c r="AVL122" s="26"/>
      <c r="AVM122" s="26"/>
      <c r="AVN122" s="26"/>
      <c r="AVO122" s="26"/>
      <c r="AVP122" s="26"/>
      <c r="AVQ122" s="26"/>
      <c r="AVR122" s="26"/>
      <c r="AVS122" s="26"/>
      <c r="AVT122" s="26"/>
      <c r="AVU122" s="26"/>
      <c r="AVV122" s="26"/>
      <c r="AVW122" s="26"/>
      <c r="AVX122" s="26"/>
      <c r="AVY122" s="26"/>
      <c r="AVZ122" s="26"/>
      <c r="AWA122" s="26"/>
      <c r="AWB122" s="26"/>
      <c r="AWC122" s="26"/>
      <c r="AWD122" s="26"/>
      <c r="AWE122" s="26"/>
      <c r="AWF122" s="26"/>
      <c r="AWG122" s="26"/>
      <c r="AWH122" s="26"/>
      <c r="AWI122" s="26"/>
      <c r="AWJ122" s="26"/>
      <c r="AWK122" s="26"/>
      <c r="AWL122" s="26"/>
      <c r="AWM122" s="26"/>
      <c r="AWN122" s="26"/>
      <c r="AWO122" s="26"/>
      <c r="AWP122" s="26"/>
      <c r="AWQ122" s="26"/>
      <c r="AWR122" s="26"/>
      <c r="AWS122" s="26"/>
      <c r="AWT122" s="26"/>
      <c r="AWU122" s="26"/>
      <c r="AWV122" s="26"/>
      <c r="AWW122" s="26"/>
      <c r="AWX122" s="26"/>
      <c r="AWY122" s="26"/>
      <c r="AWZ122" s="26"/>
      <c r="AXA122" s="26"/>
      <c r="AXB122" s="26"/>
      <c r="AXC122" s="26"/>
      <c r="AXD122" s="26"/>
      <c r="AXE122" s="26"/>
      <c r="AXF122" s="26"/>
      <c r="AXG122" s="26"/>
      <c r="AXH122" s="26"/>
      <c r="AXI122" s="26"/>
      <c r="AXJ122" s="26"/>
      <c r="AXK122" s="26"/>
      <c r="AXL122" s="26"/>
      <c r="AXM122" s="26"/>
      <c r="AXN122" s="26"/>
      <c r="AXO122" s="26"/>
      <c r="AXP122" s="26"/>
      <c r="AXQ122" s="26"/>
      <c r="AXR122" s="26"/>
      <c r="AXS122" s="26"/>
      <c r="AXT122" s="26"/>
      <c r="AXU122" s="26"/>
      <c r="AXV122" s="26"/>
      <c r="AXW122" s="26"/>
      <c r="AXX122" s="26"/>
      <c r="AXY122" s="26"/>
      <c r="AXZ122" s="26"/>
      <c r="AYA122" s="26"/>
      <c r="AYB122" s="26"/>
      <c r="AYC122" s="26"/>
      <c r="AYD122" s="26"/>
      <c r="AYE122" s="26"/>
      <c r="AYF122" s="26"/>
      <c r="AYG122" s="26"/>
      <c r="AYH122" s="26"/>
      <c r="AYI122" s="26"/>
      <c r="AYJ122" s="26"/>
      <c r="AYK122" s="26"/>
      <c r="AYL122" s="26"/>
      <c r="AYM122" s="26"/>
      <c r="AYN122" s="26"/>
      <c r="AYO122" s="26"/>
      <c r="AYP122" s="26"/>
      <c r="AYQ122" s="26"/>
      <c r="AYR122" s="26"/>
      <c r="AYS122" s="26"/>
      <c r="AYT122" s="26"/>
      <c r="AYU122" s="26"/>
      <c r="AYV122" s="26"/>
      <c r="AYW122" s="26"/>
      <c r="AYX122" s="26"/>
      <c r="AYY122" s="26"/>
      <c r="AYZ122" s="26"/>
      <c r="AZA122" s="26"/>
      <c r="AZB122" s="26"/>
      <c r="AZC122" s="26"/>
      <c r="AZD122" s="26"/>
      <c r="AZE122" s="26"/>
      <c r="AZF122" s="26"/>
      <c r="AZG122" s="26"/>
      <c r="AZH122" s="26"/>
      <c r="AZI122" s="26"/>
      <c r="AZJ122" s="26"/>
      <c r="AZK122" s="26"/>
      <c r="AZL122" s="26"/>
      <c r="AZM122" s="26"/>
      <c r="AZN122" s="26"/>
      <c r="AZO122" s="26"/>
      <c r="AZP122" s="26"/>
      <c r="AZQ122" s="26"/>
      <c r="AZR122" s="26"/>
      <c r="AZS122" s="26"/>
      <c r="AZT122" s="26"/>
      <c r="AZU122" s="26"/>
      <c r="AZV122" s="26"/>
      <c r="AZW122" s="26"/>
      <c r="AZX122" s="26"/>
      <c r="AZY122" s="26"/>
      <c r="AZZ122" s="26"/>
      <c r="BAA122" s="26"/>
      <c r="BAB122" s="26"/>
      <c r="BAC122" s="26"/>
      <c r="BAD122" s="26"/>
      <c r="BAE122" s="26"/>
      <c r="BAF122" s="26"/>
      <c r="BAG122" s="26"/>
      <c r="BAH122" s="26"/>
      <c r="BAI122" s="26"/>
      <c r="BAJ122" s="26"/>
      <c r="BAK122" s="26"/>
      <c r="BAL122" s="26"/>
      <c r="BAM122" s="26"/>
      <c r="BAN122" s="26"/>
      <c r="BAO122" s="26"/>
      <c r="BAP122" s="26"/>
      <c r="BAQ122" s="26"/>
      <c r="BAR122" s="26"/>
      <c r="BAS122" s="26"/>
      <c r="BAT122" s="26"/>
      <c r="BAU122" s="26"/>
      <c r="BAV122" s="26"/>
      <c r="BAW122" s="26"/>
      <c r="BAX122" s="26"/>
      <c r="BAY122" s="26"/>
      <c r="BAZ122" s="26"/>
      <c r="BBA122" s="26"/>
      <c r="BBB122" s="26"/>
      <c r="BBC122" s="26"/>
      <c r="BBD122" s="26"/>
      <c r="BBE122" s="26"/>
      <c r="BBF122" s="26"/>
      <c r="BBG122" s="26"/>
      <c r="BBH122" s="26"/>
      <c r="BBI122" s="26"/>
      <c r="BBJ122" s="26"/>
      <c r="BBK122" s="26"/>
      <c r="BBL122" s="26"/>
      <c r="BBM122" s="26"/>
      <c r="BBN122" s="26"/>
      <c r="BBO122" s="26"/>
      <c r="BBP122" s="26"/>
      <c r="BBQ122" s="26"/>
      <c r="BBR122" s="26"/>
      <c r="BBS122" s="26"/>
      <c r="BBT122" s="26"/>
      <c r="BBU122" s="26"/>
      <c r="BBV122" s="26"/>
      <c r="BBW122" s="26"/>
      <c r="BBX122" s="26"/>
      <c r="BBY122" s="26"/>
      <c r="BBZ122" s="26"/>
      <c r="BCA122" s="26"/>
      <c r="BCB122" s="26"/>
      <c r="BCC122" s="26"/>
      <c r="BCD122" s="26"/>
      <c r="BCE122" s="26"/>
      <c r="BCF122" s="26"/>
      <c r="BCG122" s="26"/>
      <c r="BCH122" s="26"/>
      <c r="BCI122" s="26"/>
      <c r="BCJ122" s="26"/>
      <c r="BCK122" s="26"/>
      <c r="BCL122" s="26"/>
      <c r="BCM122" s="26"/>
      <c r="BCN122" s="26"/>
      <c r="BCO122" s="26"/>
      <c r="BCP122" s="26"/>
      <c r="BCQ122" s="26"/>
      <c r="BCR122" s="26"/>
      <c r="BCS122" s="26"/>
      <c r="BCT122" s="26"/>
      <c r="BCU122" s="26"/>
      <c r="BCV122" s="26"/>
      <c r="BCW122" s="26"/>
      <c r="BCX122" s="26"/>
      <c r="BCY122" s="26"/>
      <c r="BCZ122" s="26"/>
      <c r="BDA122" s="26"/>
      <c r="BDB122" s="26"/>
      <c r="BDC122" s="26"/>
      <c r="BDD122" s="26"/>
      <c r="BDE122" s="26"/>
      <c r="BDF122" s="26"/>
      <c r="BDG122" s="26"/>
      <c r="BDH122" s="26"/>
      <c r="BDI122" s="26"/>
      <c r="BDJ122" s="26"/>
      <c r="BDK122" s="26"/>
      <c r="BDL122" s="26"/>
      <c r="BDM122" s="26"/>
      <c r="BDN122" s="26"/>
      <c r="BDO122" s="26"/>
      <c r="BDP122" s="26"/>
      <c r="BDQ122" s="26"/>
      <c r="BDR122" s="26"/>
      <c r="BDS122" s="26"/>
      <c r="BDT122" s="26"/>
      <c r="BDU122" s="26"/>
      <c r="BDV122" s="26"/>
      <c r="BDW122" s="26"/>
      <c r="BDX122" s="26"/>
      <c r="BDY122" s="26"/>
      <c r="BDZ122" s="26"/>
      <c r="BEA122" s="26"/>
      <c r="BEB122" s="26"/>
      <c r="BEC122" s="26"/>
      <c r="BED122" s="26"/>
      <c r="BEE122" s="26"/>
      <c r="BEF122" s="26"/>
      <c r="BEG122" s="26"/>
      <c r="BEH122" s="26"/>
      <c r="BEI122" s="26"/>
      <c r="BEJ122" s="26"/>
      <c r="BEK122" s="26"/>
      <c r="BEL122" s="26"/>
      <c r="BEM122" s="26"/>
      <c r="BEN122" s="26"/>
      <c r="BEO122" s="26"/>
      <c r="BEP122" s="26"/>
      <c r="BEQ122" s="26"/>
      <c r="BER122" s="26"/>
      <c r="BES122" s="26"/>
      <c r="BET122" s="26"/>
      <c r="BEU122" s="26"/>
      <c r="BEV122" s="26"/>
      <c r="BEW122" s="26"/>
      <c r="BEX122" s="26"/>
      <c r="BEY122" s="26"/>
      <c r="BEZ122" s="26"/>
      <c r="BFA122" s="26"/>
      <c r="BFB122" s="26"/>
      <c r="BFC122" s="26"/>
      <c r="BFD122" s="26"/>
      <c r="BFE122" s="26"/>
      <c r="BFF122" s="26"/>
      <c r="BFG122" s="26"/>
      <c r="BFH122" s="26"/>
      <c r="BFI122" s="26"/>
      <c r="BFJ122" s="26"/>
      <c r="BFK122" s="26"/>
      <c r="BFL122" s="26"/>
      <c r="BFM122" s="26"/>
      <c r="BFN122" s="26"/>
      <c r="BFO122" s="26"/>
      <c r="BFP122" s="26"/>
      <c r="BFQ122" s="26"/>
      <c r="BFR122" s="26"/>
      <c r="BFS122" s="26"/>
      <c r="BFT122" s="26"/>
      <c r="BFU122" s="26"/>
      <c r="BFV122" s="26"/>
      <c r="BFW122" s="26"/>
      <c r="BFX122" s="26"/>
      <c r="BFY122" s="26"/>
      <c r="BFZ122" s="26"/>
      <c r="BGA122" s="26"/>
      <c r="BGB122" s="26"/>
      <c r="BGC122" s="26"/>
      <c r="BGD122" s="26"/>
      <c r="BGE122" s="26"/>
      <c r="BGF122" s="26"/>
      <c r="BGG122" s="26"/>
      <c r="BGH122" s="26"/>
      <c r="BGI122" s="26"/>
      <c r="BGJ122" s="26"/>
      <c r="BGK122" s="26"/>
      <c r="BGL122" s="26"/>
      <c r="BGM122" s="26"/>
      <c r="BGN122" s="26"/>
      <c r="BGO122" s="26"/>
      <c r="BGP122" s="26"/>
      <c r="BGQ122" s="26"/>
      <c r="BGR122" s="26"/>
      <c r="BGS122" s="26"/>
      <c r="BGT122" s="26"/>
      <c r="BGU122" s="26"/>
      <c r="BGV122" s="26"/>
      <c r="BGW122" s="26"/>
      <c r="BGX122" s="26"/>
      <c r="BGY122" s="26"/>
      <c r="BGZ122" s="26"/>
      <c r="BHA122" s="26"/>
      <c r="BHB122" s="26"/>
      <c r="BHC122" s="26"/>
      <c r="BHD122" s="26"/>
      <c r="BHE122" s="26"/>
      <c r="BHF122" s="26"/>
      <c r="BHG122" s="26"/>
      <c r="BHH122" s="26"/>
      <c r="BHI122" s="26"/>
      <c r="BHJ122" s="26"/>
      <c r="BHK122" s="26"/>
      <c r="BHL122" s="26"/>
      <c r="BHM122" s="26"/>
      <c r="BHN122" s="26"/>
      <c r="BHO122" s="26"/>
      <c r="BHP122" s="26"/>
      <c r="BHQ122" s="26"/>
      <c r="BHR122" s="26"/>
      <c r="BHS122" s="26"/>
      <c r="BHT122" s="26"/>
      <c r="BHU122" s="26"/>
      <c r="BHV122" s="26"/>
      <c r="BHW122" s="26"/>
      <c r="BHX122" s="26"/>
      <c r="BHY122" s="26"/>
      <c r="BHZ122" s="26"/>
      <c r="BIA122" s="26"/>
      <c r="BIB122" s="26"/>
      <c r="BIC122" s="26"/>
      <c r="BID122" s="26"/>
      <c r="BIE122" s="26"/>
      <c r="BIF122" s="26"/>
      <c r="BIG122" s="26"/>
      <c r="BIH122" s="26"/>
      <c r="BII122" s="26"/>
      <c r="BIJ122" s="26"/>
      <c r="BIK122" s="26"/>
      <c r="BIL122" s="26"/>
      <c r="BIM122" s="26"/>
      <c r="BIN122" s="26"/>
      <c r="BIO122" s="26"/>
      <c r="BIP122" s="26"/>
      <c r="BIQ122" s="26"/>
      <c r="BIR122" s="26"/>
      <c r="BIS122" s="26"/>
      <c r="BIT122" s="26"/>
      <c r="BIU122" s="26"/>
      <c r="BIV122" s="26"/>
      <c r="BIW122" s="26"/>
      <c r="BIX122" s="26"/>
      <c r="BIY122" s="26"/>
      <c r="BIZ122" s="26"/>
      <c r="BJA122" s="26"/>
      <c r="BJB122" s="26"/>
      <c r="BJC122" s="26"/>
      <c r="BJD122" s="26"/>
      <c r="BJE122" s="26"/>
      <c r="BJF122" s="26"/>
      <c r="BJG122" s="26"/>
      <c r="BJH122" s="26"/>
      <c r="BJI122" s="26"/>
      <c r="BJJ122" s="26"/>
      <c r="BJK122" s="26"/>
      <c r="BJL122" s="26"/>
      <c r="BJM122" s="26"/>
      <c r="BJN122" s="26"/>
      <c r="BJO122" s="26"/>
      <c r="BJP122" s="26"/>
      <c r="BJQ122" s="26"/>
      <c r="BJR122" s="26"/>
      <c r="BJS122" s="26"/>
      <c r="BJT122" s="26"/>
      <c r="BJU122" s="26"/>
      <c r="BJV122" s="26"/>
      <c r="BJW122" s="26"/>
      <c r="BJX122" s="26"/>
      <c r="BJY122" s="26"/>
      <c r="BJZ122" s="26"/>
      <c r="BKA122" s="26"/>
      <c r="BKB122" s="26"/>
      <c r="BKC122" s="26"/>
      <c r="BKD122" s="26"/>
      <c r="BKE122" s="26"/>
      <c r="BKF122" s="26"/>
      <c r="BKG122" s="26"/>
      <c r="BKH122" s="26"/>
      <c r="BKI122" s="26"/>
      <c r="BKJ122" s="26"/>
      <c r="BKK122" s="26"/>
      <c r="BKL122" s="26"/>
      <c r="BKM122" s="26"/>
      <c r="BKN122" s="26"/>
      <c r="BKO122" s="26"/>
      <c r="BKP122" s="26"/>
      <c r="BKQ122" s="26"/>
      <c r="BKR122" s="26"/>
      <c r="BKS122" s="26"/>
      <c r="BKT122" s="26"/>
      <c r="BKU122" s="26"/>
      <c r="BKV122" s="26"/>
      <c r="BKW122" s="26"/>
      <c r="BKX122" s="26"/>
      <c r="BKY122" s="26"/>
      <c r="BKZ122" s="26"/>
      <c r="BLA122" s="26"/>
      <c r="BLB122" s="26"/>
      <c r="BLC122" s="26"/>
      <c r="BLD122" s="26"/>
      <c r="BLE122" s="26"/>
      <c r="BLF122" s="26"/>
      <c r="BLG122" s="26"/>
      <c r="BLH122" s="26"/>
      <c r="BLI122" s="26"/>
      <c r="BLJ122" s="26"/>
      <c r="BLK122" s="26"/>
      <c r="BLL122" s="26"/>
      <c r="BLM122" s="26"/>
      <c r="BLN122" s="26"/>
      <c r="BLO122" s="26"/>
      <c r="BLP122" s="26"/>
      <c r="BLQ122" s="26"/>
      <c r="BLR122" s="26"/>
      <c r="BLS122" s="26"/>
      <c r="BLT122" s="26"/>
      <c r="BLU122" s="26"/>
      <c r="BLV122" s="26"/>
      <c r="BLW122" s="26"/>
      <c r="BLX122" s="26"/>
      <c r="BLY122" s="26"/>
      <c r="BLZ122" s="26"/>
      <c r="BMA122" s="26"/>
      <c r="BMB122" s="26"/>
      <c r="BMC122" s="26"/>
      <c r="BMD122" s="26"/>
      <c r="BME122" s="26"/>
      <c r="BMF122" s="26"/>
      <c r="BMG122" s="26"/>
      <c r="BMH122" s="26"/>
      <c r="BMI122" s="26"/>
      <c r="BMJ122" s="26"/>
      <c r="BMK122" s="26"/>
      <c r="BML122" s="26"/>
      <c r="BMM122" s="26"/>
      <c r="BMN122" s="26"/>
      <c r="BMO122" s="26"/>
      <c r="BMP122" s="26"/>
      <c r="BMQ122" s="26"/>
      <c r="BMR122" s="26"/>
      <c r="BMS122" s="26"/>
      <c r="BMT122" s="26"/>
      <c r="BMU122" s="26"/>
      <c r="BMV122" s="26"/>
      <c r="BMW122" s="26"/>
      <c r="BMX122" s="26"/>
      <c r="BMY122" s="26"/>
      <c r="BMZ122" s="26"/>
      <c r="BNA122" s="26"/>
      <c r="BNB122" s="26"/>
      <c r="BNC122" s="26"/>
      <c r="BND122" s="26"/>
      <c r="BNE122" s="26"/>
      <c r="BNF122" s="26"/>
      <c r="BNG122" s="26"/>
      <c r="BNH122" s="26"/>
      <c r="BNI122" s="26"/>
      <c r="BNJ122" s="26"/>
      <c r="BNK122" s="26"/>
      <c r="BNL122" s="26"/>
      <c r="BNM122" s="26"/>
      <c r="BNN122" s="26"/>
      <c r="BNO122" s="26"/>
      <c r="BNP122" s="26"/>
      <c r="BNQ122" s="26"/>
      <c r="BNR122" s="26"/>
      <c r="BNS122" s="26"/>
      <c r="BNT122" s="26"/>
      <c r="BNU122" s="26"/>
      <c r="BNV122" s="26"/>
      <c r="BNW122" s="26"/>
      <c r="BNX122" s="26"/>
      <c r="BNY122" s="26"/>
      <c r="BNZ122" s="26"/>
      <c r="BOA122" s="26"/>
      <c r="BOB122" s="26"/>
      <c r="BOC122" s="26"/>
      <c r="BOD122" s="26"/>
      <c r="BOE122" s="26"/>
      <c r="BOF122" s="26"/>
      <c r="BOG122" s="26"/>
      <c r="BOH122" s="26"/>
      <c r="BOI122" s="26"/>
      <c r="BOJ122" s="26"/>
      <c r="BOK122" s="26"/>
      <c r="BOL122" s="26"/>
      <c r="BOM122" s="26"/>
      <c r="BON122" s="26"/>
      <c r="BOO122" s="26"/>
      <c r="BOP122" s="26"/>
      <c r="BOQ122" s="26"/>
      <c r="BOR122" s="26"/>
      <c r="BOS122" s="26"/>
      <c r="BOT122" s="26"/>
      <c r="BOU122" s="26"/>
      <c r="BOV122" s="26"/>
      <c r="BOW122" s="26"/>
      <c r="BOX122" s="26"/>
      <c r="BOY122" s="26"/>
      <c r="BOZ122" s="26"/>
      <c r="BPA122" s="26"/>
      <c r="BPB122" s="26"/>
      <c r="BPC122" s="26"/>
      <c r="BPD122" s="26"/>
      <c r="BPE122" s="26"/>
      <c r="BPF122" s="26"/>
      <c r="BPG122" s="26"/>
      <c r="BPH122" s="26"/>
      <c r="BPI122" s="26"/>
      <c r="BPJ122" s="26"/>
      <c r="BPK122" s="26"/>
      <c r="BPL122" s="26"/>
      <c r="BPM122" s="26"/>
      <c r="BPN122" s="26"/>
      <c r="BPO122" s="26"/>
      <c r="BPP122" s="26"/>
      <c r="BPQ122" s="26"/>
      <c r="BPR122" s="26"/>
      <c r="BPS122" s="26"/>
      <c r="BPT122" s="26"/>
      <c r="BPU122" s="26"/>
      <c r="BPV122" s="26"/>
      <c r="BPW122" s="26"/>
      <c r="BPX122" s="26"/>
      <c r="BPY122" s="26"/>
      <c r="BPZ122" s="26"/>
      <c r="BQA122" s="26"/>
      <c r="BQB122" s="26"/>
      <c r="BQC122" s="26"/>
      <c r="BQD122" s="26"/>
      <c r="BQE122" s="26"/>
      <c r="BQF122" s="26"/>
      <c r="BQG122" s="26"/>
      <c r="BQH122" s="26"/>
      <c r="BQI122" s="26"/>
      <c r="BQJ122" s="26"/>
      <c r="BQK122" s="26"/>
      <c r="BQL122" s="26"/>
      <c r="BQM122" s="26"/>
      <c r="BQN122" s="26"/>
      <c r="BQO122" s="26"/>
      <c r="BQP122" s="26"/>
      <c r="BQQ122" s="26"/>
      <c r="BQR122" s="26"/>
      <c r="BQS122" s="26"/>
      <c r="BQT122" s="26"/>
      <c r="BQU122" s="26"/>
      <c r="BQV122" s="26"/>
      <c r="BQW122" s="26"/>
      <c r="BQX122" s="26"/>
      <c r="BQY122" s="26"/>
      <c r="BQZ122" s="26"/>
      <c r="BRA122" s="26"/>
      <c r="BRB122" s="26"/>
      <c r="BRC122" s="26"/>
      <c r="BRD122" s="26"/>
      <c r="BRE122" s="26"/>
      <c r="BRF122" s="26"/>
      <c r="BRG122" s="26"/>
      <c r="BRH122" s="26"/>
      <c r="BRI122" s="26"/>
      <c r="BRJ122" s="26"/>
      <c r="BRK122" s="26"/>
      <c r="BRL122" s="26"/>
      <c r="BRM122" s="26"/>
      <c r="BRN122" s="26"/>
      <c r="BRO122" s="26"/>
      <c r="BRP122" s="26"/>
      <c r="BRQ122" s="26"/>
      <c r="BRR122" s="26"/>
      <c r="BRS122" s="26"/>
      <c r="BRT122" s="26"/>
      <c r="BRU122" s="26"/>
      <c r="BRV122" s="26"/>
      <c r="BRW122" s="26"/>
      <c r="BRX122" s="26"/>
      <c r="BRY122" s="26"/>
      <c r="BRZ122" s="26"/>
      <c r="BSA122" s="26"/>
      <c r="BSB122" s="26"/>
      <c r="BSC122" s="26"/>
      <c r="BSD122" s="26"/>
      <c r="BSE122" s="26"/>
      <c r="BSF122" s="26"/>
      <c r="BSG122" s="26"/>
      <c r="BSH122" s="26"/>
      <c r="BSI122" s="26"/>
      <c r="BSJ122" s="26"/>
      <c r="BSK122" s="26"/>
      <c r="BSL122" s="26"/>
      <c r="BSM122" s="26"/>
      <c r="BSN122" s="26"/>
      <c r="BSO122" s="26"/>
      <c r="BSP122" s="26"/>
      <c r="BSQ122" s="26"/>
      <c r="BSR122" s="26"/>
      <c r="BSS122" s="26"/>
      <c r="BST122" s="26"/>
      <c r="BSU122" s="26"/>
      <c r="BSV122" s="26"/>
      <c r="BSW122" s="26"/>
      <c r="BSX122" s="26"/>
      <c r="BSY122" s="26"/>
      <c r="BSZ122" s="26"/>
      <c r="BTA122" s="26"/>
      <c r="BTB122" s="26"/>
      <c r="BTC122" s="26"/>
      <c r="BTD122" s="26"/>
      <c r="BTE122" s="26"/>
      <c r="BTF122" s="26"/>
      <c r="BTG122" s="26"/>
      <c r="BTH122" s="26"/>
      <c r="BTI122" s="26"/>
      <c r="BTJ122" s="26"/>
      <c r="BTK122" s="26"/>
      <c r="BTL122" s="26"/>
      <c r="BTM122" s="26"/>
      <c r="BTN122" s="26"/>
      <c r="BTO122" s="26"/>
      <c r="BTP122" s="26"/>
      <c r="BTQ122" s="26"/>
      <c r="BTR122" s="26"/>
      <c r="BTS122" s="26"/>
      <c r="BTT122" s="26"/>
      <c r="BTU122" s="26"/>
      <c r="BTV122" s="26"/>
      <c r="BTW122" s="26"/>
      <c r="BTX122" s="26"/>
      <c r="BTY122" s="26"/>
      <c r="BTZ122" s="26"/>
      <c r="BUA122" s="26"/>
      <c r="BUB122" s="26"/>
      <c r="BUC122" s="26"/>
      <c r="BUD122" s="26"/>
      <c r="BUE122" s="26"/>
      <c r="BUF122" s="26"/>
      <c r="BUG122" s="26"/>
      <c r="BUH122" s="26"/>
      <c r="BUI122" s="26"/>
      <c r="BUJ122" s="26"/>
      <c r="BUK122" s="26"/>
      <c r="BUL122" s="26"/>
      <c r="BUM122" s="26"/>
      <c r="BUN122" s="26"/>
      <c r="BUO122" s="26"/>
      <c r="BUP122" s="26"/>
      <c r="BUQ122" s="26"/>
      <c r="BUR122" s="26"/>
      <c r="BUS122" s="26"/>
      <c r="BUT122" s="26"/>
      <c r="BUU122" s="26"/>
      <c r="BUV122" s="26"/>
      <c r="BUW122" s="26"/>
      <c r="BUX122" s="26"/>
      <c r="BUY122" s="26"/>
      <c r="BUZ122" s="26"/>
      <c r="BVA122" s="26"/>
      <c r="BVB122" s="26"/>
      <c r="BVC122" s="26"/>
      <c r="BVD122" s="26"/>
      <c r="BVE122" s="26"/>
      <c r="BVF122" s="26"/>
      <c r="BVG122" s="26"/>
      <c r="BVH122" s="26"/>
      <c r="BVI122" s="26"/>
      <c r="BVJ122" s="26"/>
      <c r="BVK122" s="26"/>
      <c r="BVL122" s="26"/>
      <c r="BVM122" s="26"/>
      <c r="BVN122" s="26"/>
      <c r="BVO122" s="26"/>
      <c r="BVP122" s="26"/>
      <c r="BVQ122" s="26"/>
      <c r="BVR122" s="26"/>
      <c r="BVS122" s="26"/>
      <c r="BVT122" s="26"/>
      <c r="BVU122" s="26"/>
      <c r="BVV122" s="26"/>
      <c r="BVW122" s="26"/>
      <c r="BVX122" s="26"/>
      <c r="BVY122" s="26"/>
      <c r="BVZ122" s="26"/>
      <c r="BWA122" s="26"/>
      <c r="BWB122" s="26"/>
      <c r="BWC122" s="26"/>
      <c r="BWD122" s="26"/>
      <c r="BWE122" s="26"/>
      <c r="BWF122" s="26"/>
      <c r="BWG122" s="26"/>
      <c r="BWH122" s="26"/>
      <c r="BWI122" s="26"/>
      <c r="BWJ122" s="26"/>
      <c r="BWK122" s="26"/>
      <c r="BWL122" s="26"/>
      <c r="BWM122" s="26"/>
      <c r="BWN122" s="26"/>
      <c r="BWO122" s="26"/>
      <c r="BWP122" s="26"/>
      <c r="BWQ122" s="26"/>
      <c r="BWR122" s="26"/>
      <c r="BWS122" s="26"/>
      <c r="BWT122" s="26"/>
      <c r="BWU122" s="26"/>
      <c r="BWV122" s="26"/>
      <c r="BWW122" s="26"/>
      <c r="BWX122" s="26"/>
      <c r="BWY122" s="26"/>
      <c r="BWZ122" s="26"/>
      <c r="BXA122" s="26"/>
      <c r="BXB122" s="26"/>
      <c r="BXC122" s="26"/>
      <c r="BXD122" s="26"/>
      <c r="BXE122" s="26"/>
      <c r="BXF122" s="26"/>
      <c r="BXG122" s="26"/>
      <c r="BXH122" s="26"/>
      <c r="BXI122" s="26"/>
      <c r="BXJ122" s="26"/>
      <c r="BXK122" s="26"/>
      <c r="BXL122" s="26"/>
      <c r="BXM122" s="26"/>
      <c r="BXN122" s="26"/>
      <c r="BXO122" s="26"/>
      <c r="BXP122" s="26"/>
      <c r="BXQ122" s="26"/>
      <c r="BXR122" s="26"/>
      <c r="BXS122" s="26"/>
      <c r="BXT122" s="26"/>
      <c r="BXU122" s="26"/>
      <c r="BXV122" s="26"/>
      <c r="BXW122" s="26"/>
      <c r="BXX122" s="26"/>
      <c r="BXY122" s="26"/>
      <c r="BXZ122" s="26"/>
      <c r="BYA122" s="26"/>
      <c r="BYB122" s="26"/>
      <c r="BYC122" s="26"/>
      <c r="BYD122" s="26"/>
      <c r="BYE122" s="26"/>
      <c r="BYF122" s="26"/>
      <c r="BYG122" s="26"/>
      <c r="BYH122" s="26"/>
      <c r="BYI122" s="26"/>
      <c r="BYJ122" s="26"/>
      <c r="BYK122" s="26"/>
      <c r="BYL122" s="26"/>
      <c r="BYM122" s="26"/>
      <c r="BYN122" s="26"/>
      <c r="BYO122" s="26"/>
      <c r="BYP122" s="26"/>
      <c r="BYQ122" s="26"/>
      <c r="BYR122" s="26"/>
      <c r="BYS122" s="26"/>
      <c r="BYT122" s="26"/>
      <c r="BYU122" s="26"/>
      <c r="BYV122" s="26"/>
      <c r="BYW122" s="26"/>
      <c r="BYX122" s="26"/>
      <c r="BYY122" s="26"/>
      <c r="BYZ122" s="26"/>
      <c r="BZA122" s="26"/>
      <c r="BZB122" s="26"/>
      <c r="BZC122" s="26"/>
      <c r="BZD122" s="26"/>
      <c r="BZE122" s="26"/>
      <c r="BZF122" s="26"/>
      <c r="BZG122" s="26"/>
      <c r="BZH122" s="26"/>
      <c r="BZI122" s="26"/>
      <c r="BZJ122" s="26"/>
      <c r="BZK122" s="26"/>
      <c r="BZL122" s="26"/>
      <c r="BZM122" s="26"/>
      <c r="BZN122" s="26"/>
      <c r="BZO122" s="26"/>
      <c r="BZP122" s="26"/>
      <c r="BZQ122" s="26"/>
      <c r="BZR122" s="26"/>
      <c r="BZS122" s="26"/>
      <c r="BZT122" s="26"/>
      <c r="BZU122" s="26"/>
      <c r="BZV122" s="26"/>
      <c r="BZW122" s="26"/>
      <c r="BZX122" s="26"/>
      <c r="BZY122" s="26"/>
      <c r="BZZ122" s="26"/>
      <c r="CAA122" s="26"/>
      <c r="CAB122" s="26"/>
      <c r="CAC122" s="26"/>
      <c r="CAD122" s="26"/>
      <c r="CAE122" s="26"/>
      <c r="CAF122" s="26"/>
      <c r="CAG122" s="26"/>
      <c r="CAH122" s="26"/>
      <c r="CAI122" s="26"/>
      <c r="CAJ122" s="26"/>
      <c r="CAK122" s="26"/>
      <c r="CAL122" s="26"/>
      <c r="CAM122" s="26"/>
      <c r="CAN122" s="26"/>
      <c r="CAO122" s="26"/>
      <c r="CAP122" s="26"/>
      <c r="CAQ122" s="26"/>
      <c r="CAR122" s="26"/>
      <c r="CAS122" s="26"/>
      <c r="CAT122" s="26"/>
      <c r="CAU122" s="26"/>
      <c r="CAV122" s="26"/>
      <c r="CAW122" s="26"/>
      <c r="CAX122" s="26"/>
      <c r="CAY122" s="26"/>
      <c r="CAZ122" s="26"/>
      <c r="CBA122" s="26"/>
      <c r="CBB122" s="26"/>
      <c r="CBC122" s="26"/>
      <c r="CBD122" s="26"/>
      <c r="CBE122" s="26"/>
      <c r="CBF122" s="26"/>
      <c r="CBG122" s="26"/>
      <c r="CBH122" s="26"/>
      <c r="CBI122" s="26"/>
      <c r="CBJ122" s="26"/>
      <c r="CBK122" s="26"/>
      <c r="CBL122" s="26"/>
      <c r="CBM122" s="26"/>
      <c r="CBN122" s="26"/>
      <c r="CBO122" s="26"/>
      <c r="CBP122" s="26"/>
      <c r="CBQ122" s="26"/>
      <c r="CBR122" s="26"/>
      <c r="CBS122" s="26"/>
      <c r="CBT122" s="26"/>
      <c r="CBU122" s="26"/>
      <c r="CBV122" s="26"/>
      <c r="CBW122" s="26"/>
      <c r="CBX122" s="26"/>
      <c r="CBY122" s="26"/>
      <c r="CBZ122" s="26"/>
      <c r="CCA122" s="26"/>
      <c r="CCB122" s="26"/>
      <c r="CCC122" s="26"/>
      <c r="CCD122" s="26"/>
      <c r="CCE122" s="26"/>
      <c r="CCF122" s="26"/>
      <c r="CCG122" s="26"/>
      <c r="CCH122" s="26"/>
      <c r="CCI122" s="26"/>
      <c r="CCJ122" s="26"/>
      <c r="CCK122" s="26"/>
      <c r="CCL122" s="26"/>
      <c r="CCM122" s="26"/>
      <c r="CCN122" s="26"/>
      <c r="CCO122" s="26"/>
      <c r="CCP122" s="26"/>
      <c r="CCQ122" s="26"/>
      <c r="CCR122" s="26"/>
      <c r="CCS122" s="26"/>
      <c r="CCT122" s="26"/>
      <c r="CCU122" s="26"/>
      <c r="CCV122" s="26"/>
      <c r="CCW122" s="26"/>
      <c r="CCX122" s="26"/>
      <c r="CCY122" s="26"/>
      <c r="CCZ122" s="26"/>
      <c r="CDA122" s="26"/>
      <c r="CDB122" s="26"/>
      <c r="CDC122" s="26"/>
      <c r="CDD122" s="26"/>
      <c r="CDE122" s="26"/>
      <c r="CDF122" s="26"/>
      <c r="CDG122" s="26"/>
      <c r="CDH122" s="26"/>
      <c r="CDI122" s="26"/>
      <c r="CDJ122" s="26"/>
      <c r="CDK122" s="26"/>
      <c r="CDL122" s="26"/>
      <c r="CDM122" s="26"/>
      <c r="CDN122" s="26"/>
      <c r="CDO122" s="26"/>
      <c r="CDP122" s="26"/>
      <c r="CDQ122" s="26"/>
      <c r="CDR122" s="26"/>
      <c r="CDS122" s="26"/>
      <c r="CDT122" s="26"/>
      <c r="CDU122" s="26"/>
      <c r="CDV122" s="26"/>
      <c r="CDW122" s="26"/>
      <c r="CDX122" s="26"/>
      <c r="CDY122" s="26"/>
      <c r="CDZ122" s="26"/>
      <c r="CEA122" s="26"/>
      <c r="CEB122" s="26"/>
      <c r="CEC122" s="26"/>
      <c r="CED122" s="26"/>
      <c r="CEE122" s="26"/>
      <c r="CEF122" s="26"/>
      <c r="CEG122" s="26"/>
      <c r="CEH122" s="26"/>
      <c r="CEI122" s="26"/>
      <c r="CEJ122" s="26"/>
      <c r="CEK122" s="26"/>
      <c r="CEL122" s="26"/>
      <c r="CEM122" s="26"/>
      <c r="CEN122" s="26"/>
      <c r="CEO122" s="26"/>
      <c r="CEP122" s="26"/>
      <c r="CEQ122" s="26"/>
      <c r="CER122" s="26"/>
      <c r="CES122" s="26"/>
      <c r="CET122" s="26"/>
      <c r="CEU122" s="26"/>
      <c r="CEV122" s="26"/>
      <c r="CEW122" s="26"/>
      <c r="CEX122" s="26"/>
      <c r="CEY122" s="26"/>
      <c r="CEZ122" s="26"/>
      <c r="CFA122" s="26"/>
      <c r="CFB122" s="26"/>
      <c r="CFC122" s="26"/>
      <c r="CFD122" s="26"/>
      <c r="CFE122" s="26"/>
      <c r="CFF122" s="26"/>
      <c r="CFG122" s="26"/>
      <c r="CFH122" s="26"/>
      <c r="CFI122" s="26"/>
      <c r="CFJ122" s="26"/>
      <c r="CFK122" s="26"/>
      <c r="CFL122" s="26"/>
      <c r="CFM122" s="26"/>
      <c r="CFN122" s="26"/>
      <c r="CFO122" s="26"/>
      <c r="CFP122" s="26"/>
      <c r="CFQ122" s="26"/>
      <c r="CFR122" s="26"/>
      <c r="CFS122" s="26"/>
      <c r="CFT122" s="26"/>
      <c r="CFU122" s="26"/>
      <c r="CFV122" s="26"/>
      <c r="CFW122" s="26"/>
      <c r="CFX122" s="26"/>
      <c r="CFY122" s="26"/>
      <c r="CFZ122" s="26"/>
      <c r="CGA122" s="26"/>
      <c r="CGB122" s="26"/>
      <c r="CGC122" s="26"/>
      <c r="CGD122" s="26"/>
      <c r="CGE122" s="26"/>
      <c r="CGF122" s="26"/>
      <c r="CGG122" s="26"/>
      <c r="CGH122" s="26"/>
      <c r="CGI122" s="26"/>
      <c r="CGJ122" s="26"/>
      <c r="CGK122" s="26"/>
      <c r="CGL122" s="26"/>
      <c r="CGM122" s="26"/>
      <c r="CGN122" s="26"/>
      <c r="CGO122" s="26"/>
      <c r="CGP122" s="26"/>
      <c r="CGQ122" s="26"/>
      <c r="CGR122" s="26"/>
      <c r="CGS122" s="26"/>
      <c r="CGT122" s="26"/>
      <c r="CGU122" s="26"/>
      <c r="CGV122" s="26"/>
      <c r="CGW122" s="26"/>
      <c r="CGX122" s="26"/>
      <c r="CGY122" s="26"/>
      <c r="CGZ122" s="26"/>
      <c r="CHA122" s="26"/>
      <c r="CHB122" s="26"/>
      <c r="CHC122" s="26"/>
      <c r="CHD122" s="26"/>
      <c r="CHE122" s="26"/>
      <c r="CHF122" s="26"/>
      <c r="CHG122" s="26"/>
      <c r="CHH122" s="26"/>
      <c r="CHI122" s="26"/>
      <c r="CHJ122" s="26"/>
      <c r="CHK122" s="26"/>
      <c r="CHL122" s="26"/>
      <c r="CHM122" s="26"/>
      <c r="CHN122" s="26"/>
      <c r="CHO122" s="26"/>
      <c r="CHP122" s="26"/>
      <c r="CHQ122" s="26"/>
      <c r="CHR122" s="26"/>
      <c r="CHS122" s="26"/>
      <c r="CHT122" s="26"/>
      <c r="CHU122" s="26"/>
      <c r="CHV122" s="26"/>
      <c r="CHW122" s="26"/>
      <c r="CHX122" s="26"/>
      <c r="CHY122" s="26"/>
      <c r="CHZ122" s="26"/>
      <c r="CIA122" s="26"/>
      <c r="CIB122" s="26"/>
      <c r="CIC122" s="26"/>
      <c r="CID122" s="26"/>
      <c r="CIE122" s="26"/>
      <c r="CIF122" s="26"/>
      <c r="CIG122" s="26"/>
      <c r="CIH122" s="26"/>
      <c r="CII122" s="26"/>
      <c r="CIJ122" s="26"/>
      <c r="CIK122" s="26"/>
      <c r="CIL122" s="26"/>
      <c r="CIM122" s="26"/>
      <c r="CIN122" s="26"/>
      <c r="CIO122" s="26"/>
      <c r="CIP122" s="26"/>
      <c r="CIQ122" s="26"/>
      <c r="CIR122" s="26"/>
      <c r="CIS122" s="26"/>
      <c r="CIT122" s="26"/>
      <c r="CIU122" s="26"/>
      <c r="CIV122" s="26"/>
      <c r="CIW122" s="26"/>
      <c r="CIX122" s="26"/>
      <c r="CIY122" s="26"/>
      <c r="CIZ122" s="26"/>
      <c r="CJA122" s="26"/>
      <c r="CJB122" s="26"/>
      <c r="CJC122" s="26"/>
      <c r="CJD122" s="26"/>
      <c r="CJE122" s="26"/>
      <c r="CJF122" s="26"/>
      <c r="CJG122" s="26"/>
      <c r="CJH122" s="26"/>
      <c r="CJI122" s="26"/>
      <c r="CJJ122" s="26"/>
      <c r="CJK122" s="26"/>
      <c r="CJL122" s="26"/>
      <c r="CJM122" s="26"/>
      <c r="CJN122" s="26"/>
      <c r="CJO122" s="26"/>
      <c r="CJP122" s="26"/>
      <c r="CJQ122" s="26"/>
      <c r="CJR122" s="26"/>
      <c r="CJS122" s="26"/>
      <c r="CJT122" s="26"/>
      <c r="CJU122" s="26"/>
      <c r="CJV122" s="26"/>
      <c r="CJW122" s="26"/>
      <c r="CJX122" s="26"/>
      <c r="CJY122" s="26"/>
      <c r="CJZ122" s="26"/>
      <c r="CKA122" s="26"/>
      <c r="CKB122" s="26"/>
      <c r="CKC122" s="26"/>
      <c r="CKD122" s="26"/>
      <c r="CKE122" s="26"/>
      <c r="CKF122" s="26"/>
      <c r="CKG122" s="26"/>
      <c r="CKH122" s="26"/>
      <c r="CKI122" s="26"/>
      <c r="CKJ122" s="26"/>
      <c r="CKK122" s="26"/>
      <c r="CKL122" s="26"/>
      <c r="CKM122" s="26"/>
      <c r="CKN122" s="26"/>
      <c r="CKO122" s="26"/>
      <c r="CKP122" s="26"/>
      <c r="CKQ122" s="26"/>
      <c r="CKR122" s="26"/>
      <c r="CKS122" s="26"/>
      <c r="CKT122" s="26"/>
      <c r="CKU122" s="26"/>
      <c r="CKV122" s="26"/>
      <c r="CKW122" s="26"/>
      <c r="CKX122" s="26"/>
      <c r="CKY122" s="26"/>
      <c r="CKZ122" s="26"/>
      <c r="CLA122" s="26"/>
      <c r="CLB122" s="26"/>
      <c r="CLC122" s="26"/>
      <c r="CLD122" s="26"/>
      <c r="CLE122" s="26"/>
      <c r="CLF122" s="26"/>
      <c r="CLG122" s="26"/>
      <c r="CLH122" s="26"/>
      <c r="CLI122" s="26"/>
      <c r="CLJ122" s="26"/>
      <c r="CLK122" s="26"/>
      <c r="CLL122" s="26"/>
      <c r="CLM122" s="26"/>
      <c r="CLN122" s="26"/>
      <c r="CLO122" s="26"/>
      <c r="CLP122" s="26"/>
      <c r="CLQ122" s="26"/>
      <c r="CLR122" s="26"/>
      <c r="CLS122" s="26"/>
      <c r="CLT122" s="26"/>
      <c r="CLU122" s="26"/>
      <c r="CLV122" s="26"/>
      <c r="CLW122" s="26"/>
      <c r="CLX122" s="26"/>
      <c r="CLY122" s="26"/>
      <c r="CLZ122" s="26"/>
      <c r="CMA122" s="26"/>
      <c r="CMB122" s="26"/>
      <c r="CMC122" s="26"/>
      <c r="CMD122" s="26"/>
      <c r="CME122" s="26"/>
      <c r="CMF122" s="26"/>
      <c r="CMG122" s="26"/>
      <c r="CMH122" s="26"/>
      <c r="CMI122" s="26"/>
      <c r="CMJ122" s="26"/>
      <c r="CMK122" s="26"/>
      <c r="CML122" s="26"/>
      <c r="CMM122" s="26"/>
      <c r="CMN122" s="26"/>
      <c r="CMO122" s="26"/>
      <c r="CMP122" s="26"/>
      <c r="CMQ122" s="26"/>
      <c r="CMR122" s="26"/>
      <c r="CMS122" s="26"/>
      <c r="CMT122" s="26"/>
      <c r="CMU122" s="26"/>
      <c r="CMV122" s="26"/>
      <c r="CMW122" s="26"/>
      <c r="CMX122" s="26"/>
      <c r="CMY122" s="26"/>
      <c r="CMZ122" s="26"/>
      <c r="CNA122" s="26"/>
      <c r="CNB122" s="26"/>
      <c r="CNC122" s="26"/>
      <c r="CND122" s="26"/>
      <c r="CNE122" s="26"/>
      <c r="CNF122" s="26"/>
      <c r="CNG122" s="26"/>
      <c r="CNH122" s="26"/>
      <c r="CNI122" s="26"/>
      <c r="CNJ122" s="26"/>
      <c r="CNK122" s="26"/>
      <c r="CNL122" s="26"/>
      <c r="CNM122" s="26"/>
      <c r="CNN122" s="26"/>
      <c r="CNO122" s="26"/>
      <c r="CNP122" s="26"/>
      <c r="CNQ122" s="26"/>
      <c r="CNR122" s="26"/>
      <c r="CNS122" s="26"/>
      <c r="CNT122" s="26"/>
      <c r="CNU122" s="26"/>
      <c r="CNV122" s="26"/>
      <c r="CNW122" s="26"/>
      <c r="CNX122" s="26"/>
      <c r="CNY122" s="26"/>
      <c r="CNZ122" s="26"/>
      <c r="COA122" s="26"/>
      <c r="COB122" s="26"/>
      <c r="COC122" s="26"/>
      <c r="COD122" s="26"/>
      <c r="COE122" s="26"/>
      <c r="COF122" s="26"/>
      <c r="COG122" s="26"/>
      <c r="COH122" s="26"/>
      <c r="COI122" s="26"/>
      <c r="COJ122" s="26"/>
      <c r="COK122" s="26"/>
      <c r="COL122" s="26"/>
      <c r="COM122" s="26"/>
      <c r="CON122" s="26"/>
      <c r="COO122" s="26"/>
      <c r="COP122" s="26"/>
      <c r="COQ122" s="26"/>
      <c r="COR122" s="26"/>
      <c r="COS122" s="26"/>
      <c r="COT122" s="26"/>
      <c r="COU122" s="26"/>
      <c r="COV122" s="26"/>
      <c r="COW122" s="26"/>
      <c r="COX122" s="26"/>
      <c r="COY122" s="26"/>
      <c r="COZ122" s="26"/>
      <c r="CPA122" s="26"/>
      <c r="CPB122" s="26"/>
      <c r="CPC122" s="26"/>
      <c r="CPD122" s="26"/>
      <c r="CPE122" s="26"/>
      <c r="CPF122" s="26"/>
      <c r="CPG122" s="26"/>
      <c r="CPH122" s="26"/>
      <c r="CPI122" s="26"/>
      <c r="CPJ122" s="26"/>
      <c r="CPK122" s="26"/>
      <c r="CPL122" s="26"/>
      <c r="CPM122" s="26"/>
      <c r="CPN122" s="26"/>
      <c r="CPO122" s="26"/>
      <c r="CPP122" s="26"/>
      <c r="CPQ122" s="26"/>
      <c r="CPR122" s="26"/>
      <c r="CPS122" s="26"/>
      <c r="CPT122" s="26"/>
      <c r="CPU122" s="26"/>
      <c r="CPV122" s="26"/>
      <c r="CPW122" s="26"/>
      <c r="CPX122" s="26"/>
      <c r="CPY122" s="26"/>
      <c r="CPZ122" s="26"/>
      <c r="CQA122" s="26"/>
      <c r="CQB122" s="26"/>
      <c r="CQC122" s="26"/>
      <c r="CQD122" s="26"/>
      <c r="CQE122" s="26"/>
      <c r="CQF122" s="26"/>
      <c r="CQG122" s="26"/>
      <c r="CQH122" s="26"/>
      <c r="CQI122" s="26"/>
      <c r="CQJ122" s="26"/>
      <c r="CQK122" s="26"/>
      <c r="CQL122" s="26"/>
      <c r="CQM122" s="26"/>
      <c r="CQN122" s="26"/>
      <c r="CQO122" s="26"/>
      <c r="CQP122" s="26"/>
      <c r="CQQ122" s="26"/>
      <c r="CQR122" s="26"/>
      <c r="CQS122" s="26"/>
      <c r="CQT122" s="26"/>
      <c r="CQU122" s="26"/>
      <c r="CQV122" s="26"/>
      <c r="CQW122" s="26"/>
      <c r="CQX122" s="26"/>
      <c r="CQY122" s="26"/>
      <c r="CQZ122" s="26"/>
      <c r="CRA122" s="26"/>
      <c r="CRB122" s="26"/>
      <c r="CRC122" s="26"/>
      <c r="CRD122" s="26"/>
      <c r="CRE122" s="26"/>
      <c r="CRF122" s="26"/>
      <c r="CRG122" s="26"/>
      <c r="CRH122" s="26"/>
      <c r="CRI122" s="26"/>
      <c r="CRJ122" s="26"/>
      <c r="CRK122" s="26"/>
      <c r="CRL122" s="26"/>
      <c r="CRM122" s="26"/>
      <c r="CRN122" s="26"/>
      <c r="CRO122" s="26"/>
      <c r="CRP122" s="26"/>
      <c r="CRQ122" s="26"/>
      <c r="CRR122" s="26"/>
      <c r="CRS122" s="26"/>
      <c r="CRT122" s="26"/>
      <c r="CRU122" s="26"/>
      <c r="CRV122" s="26"/>
      <c r="CRW122" s="26"/>
      <c r="CRX122" s="26"/>
      <c r="CRY122" s="26"/>
      <c r="CRZ122" s="26"/>
      <c r="CSA122" s="26"/>
      <c r="CSB122" s="26"/>
      <c r="CSC122" s="26"/>
      <c r="CSD122" s="26"/>
      <c r="CSE122" s="26"/>
      <c r="CSF122" s="26"/>
      <c r="CSG122" s="26"/>
      <c r="CSH122" s="26"/>
      <c r="CSI122" s="26"/>
      <c r="CSJ122" s="26"/>
      <c r="CSK122" s="26"/>
      <c r="CSL122" s="26"/>
      <c r="CSM122" s="26"/>
      <c r="CSN122" s="26"/>
      <c r="CSO122" s="26"/>
      <c r="CSP122" s="26"/>
      <c r="CSQ122" s="26"/>
      <c r="CSR122" s="26"/>
      <c r="CSS122" s="26"/>
      <c r="CST122" s="26"/>
      <c r="CSU122" s="26"/>
      <c r="CSV122" s="26"/>
      <c r="CSW122" s="26"/>
      <c r="CSX122" s="26"/>
      <c r="CSY122" s="26"/>
      <c r="CSZ122" s="26"/>
      <c r="CTA122" s="26"/>
      <c r="CTB122" s="26"/>
      <c r="CTC122" s="26"/>
      <c r="CTD122" s="26"/>
      <c r="CTE122" s="26"/>
      <c r="CTF122" s="26"/>
      <c r="CTG122" s="26"/>
      <c r="CTH122" s="26"/>
      <c r="CTI122" s="26"/>
      <c r="CTJ122" s="26"/>
      <c r="CTK122" s="26"/>
      <c r="CTL122" s="26"/>
      <c r="CTM122" s="26"/>
      <c r="CTN122" s="26"/>
      <c r="CTO122" s="26"/>
      <c r="CTP122" s="26"/>
      <c r="CTQ122" s="26"/>
      <c r="CTR122" s="26"/>
      <c r="CTS122" s="26"/>
      <c r="CTT122" s="26"/>
      <c r="CTU122" s="26"/>
      <c r="CTV122" s="26"/>
      <c r="CTW122" s="26"/>
      <c r="CTX122" s="26"/>
      <c r="CTY122" s="26"/>
      <c r="CTZ122" s="26"/>
      <c r="CUA122" s="26"/>
      <c r="CUB122" s="26"/>
      <c r="CUC122" s="26"/>
      <c r="CUD122" s="26"/>
      <c r="CUE122" s="26"/>
      <c r="CUF122" s="26"/>
      <c r="CUG122" s="26"/>
      <c r="CUH122" s="26"/>
      <c r="CUI122" s="26"/>
      <c r="CUJ122" s="26"/>
      <c r="CUK122" s="26"/>
      <c r="CUL122" s="26"/>
      <c r="CUM122" s="26"/>
      <c r="CUN122" s="26"/>
      <c r="CUO122" s="26"/>
      <c r="CUP122" s="26"/>
      <c r="CUQ122" s="26"/>
      <c r="CUR122" s="26"/>
      <c r="CUS122" s="26"/>
      <c r="CUT122" s="26"/>
      <c r="CUU122" s="26"/>
      <c r="CUV122" s="26"/>
      <c r="CUW122" s="26"/>
      <c r="CUX122" s="26"/>
      <c r="CUY122" s="26"/>
      <c r="CUZ122" s="26"/>
      <c r="CVA122" s="26"/>
      <c r="CVB122" s="26"/>
      <c r="CVC122" s="26"/>
      <c r="CVD122" s="26"/>
      <c r="CVE122" s="26"/>
      <c r="CVF122" s="26"/>
      <c r="CVG122" s="26"/>
      <c r="CVH122" s="26"/>
      <c r="CVI122" s="26"/>
      <c r="CVJ122" s="26"/>
      <c r="CVK122" s="26"/>
      <c r="CVL122" s="26"/>
      <c r="CVM122" s="26"/>
      <c r="CVN122" s="26"/>
      <c r="CVO122" s="26"/>
      <c r="CVP122" s="26"/>
      <c r="CVQ122" s="26"/>
      <c r="CVR122" s="26"/>
      <c r="CVS122" s="26"/>
      <c r="CVT122" s="26"/>
      <c r="CVU122" s="26"/>
      <c r="CVV122" s="26"/>
      <c r="CVW122" s="26"/>
      <c r="CVX122" s="26"/>
      <c r="CVY122" s="26"/>
      <c r="CVZ122" s="26"/>
      <c r="CWA122" s="26"/>
      <c r="CWB122" s="26"/>
      <c r="CWC122" s="26"/>
      <c r="CWD122" s="26"/>
      <c r="CWE122" s="26"/>
      <c r="CWF122" s="26"/>
      <c r="CWG122" s="26"/>
      <c r="CWH122" s="26"/>
      <c r="CWI122" s="26"/>
      <c r="CWJ122" s="26"/>
      <c r="CWK122" s="26"/>
      <c r="CWL122" s="26"/>
      <c r="CWM122" s="26"/>
      <c r="CWN122" s="26"/>
      <c r="CWO122" s="26"/>
      <c r="CWP122" s="26"/>
      <c r="CWQ122" s="26"/>
      <c r="CWR122" s="26"/>
      <c r="CWS122" s="26"/>
      <c r="CWT122" s="26"/>
      <c r="CWU122" s="26"/>
      <c r="CWV122" s="26"/>
      <c r="CWW122" s="26"/>
      <c r="CWX122" s="26"/>
      <c r="CWY122" s="26"/>
      <c r="CWZ122" s="26"/>
      <c r="CXA122" s="26"/>
      <c r="CXB122" s="26"/>
      <c r="CXC122" s="26"/>
      <c r="CXD122" s="26"/>
      <c r="CXE122" s="26"/>
      <c r="CXF122" s="26"/>
      <c r="CXG122" s="26"/>
      <c r="CXH122" s="26"/>
      <c r="CXI122" s="26"/>
      <c r="CXJ122" s="26"/>
      <c r="CXK122" s="26"/>
      <c r="CXL122" s="26"/>
      <c r="CXM122" s="26"/>
      <c r="CXN122" s="26"/>
      <c r="CXO122" s="26"/>
      <c r="CXP122" s="26"/>
      <c r="CXQ122" s="26"/>
      <c r="CXR122" s="26"/>
      <c r="CXS122" s="26"/>
      <c r="CXT122" s="26"/>
      <c r="CXU122" s="26"/>
      <c r="CXV122" s="26"/>
      <c r="CXW122" s="26"/>
      <c r="CXX122" s="26"/>
      <c r="CXY122" s="26"/>
      <c r="CXZ122" s="26"/>
      <c r="CYA122" s="26"/>
      <c r="CYB122" s="26"/>
      <c r="CYC122" s="26"/>
      <c r="CYD122" s="26"/>
      <c r="CYE122" s="26"/>
      <c r="CYF122" s="26"/>
      <c r="CYG122" s="26"/>
      <c r="CYH122" s="26"/>
      <c r="CYI122" s="26"/>
      <c r="CYJ122" s="26"/>
      <c r="CYK122" s="26"/>
      <c r="CYL122" s="26"/>
      <c r="CYM122" s="26"/>
      <c r="CYN122" s="26"/>
      <c r="CYO122" s="26"/>
      <c r="CYP122" s="26"/>
      <c r="CYQ122" s="26"/>
      <c r="CYR122" s="26"/>
      <c r="CYS122" s="26"/>
      <c r="CYT122" s="26"/>
      <c r="CYU122" s="26"/>
      <c r="CYV122" s="26"/>
      <c r="CYW122" s="26"/>
      <c r="CYX122" s="26"/>
      <c r="CYY122" s="26"/>
      <c r="CYZ122" s="26"/>
      <c r="CZA122" s="26"/>
      <c r="CZB122" s="26"/>
      <c r="CZC122" s="26"/>
      <c r="CZD122" s="26"/>
      <c r="CZE122" s="26"/>
      <c r="CZF122" s="26"/>
      <c r="CZG122" s="26"/>
      <c r="CZH122" s="26"/>
      <c r="CZI122" s="26"/>
      <c r="CZJ122" s="26"/>
      <c r="CZK122" s="26"/>
      <c r="CZL122" s="26"/>
      <c r="CZM122" s="26"/>
      <c r="CZN122" s="26"/>
      <c r="CZO122" s="26"/>
      <c r="CZP122" s="26"/>
      <c r="CZQ122" s="26"/>
      <c r="CZR122" s="26"/>
      <c r="CZS122" s="26"/>
      <c r="CZT122" s="26"/>
      <c r="CZU122" s="26"/>
      <c r="CZV122" s="26"/>
      <c r="CZW122" s="26"/>
      <c r="CZX122" s="26"/>
      <c r="CZY122" s="26"/>
      <c r="CZZ122" s="26"/>
      <c r="DAA122" s="26"/>
      <c r="DAB122" s="26"/>
      <c r="DAC122" s="26"/>
      <c r="DAD122" s="26"/>
      <c r="DAE122" s="26"/>
      <c r="DAF122" s="26"/>
      <c r="DAG122" s="26"/>
      <c r="DAH122" s="26"/>
      <c r="DAI122" s="26"/>
      <c r="DAJ122" s="26"/>
      <c r="DAK122" s="26"/>
      <c r="DAL122" s="26"/>
      <c r="DAM122" s="26"/>
      <c r="DAN122" s="26"/>
      <c r="DAO122" s="26"/>
      <c r="DAP122" s="26"/>
      <c r="DAQ122" s="26"/>
      <c r="DAR122" s="26"/>
      <c r="DAS122" s="26"/>
      <c r="DAT122" s="26"/>
      <c r="DAU122" s="26"/>
      <c r="DAV122" s="26"/>
      <c r="DAW122" s="26"/>
      <c r="DAX122" s="26"/>
      <c r="DAY122" s="26"/>
      <c r="DAZ122" s="26"/>
      <c r="DBA122" s="26"/>
      <c r="DBB122" s="26"/>
      <c r="DBC122" s="26"/>
      <c r="DBD122" s="26"/>
      <c r="DBE122" s="26"/>
      <c r="DBF122" s="26"/>
      <c r="DBG122" s="26"/>
      <c r="DBH122" s="26"/>
      <c r="DBI122" s="26"/>
      <c r="DBJ122" s="26"/>
      <c r="DBK122" s="26"/>
      <c r="DBL122" s="26"/>
      <c r="DBM122" s="26"/>
      <c r="DBN122" s="26"/>
      <c r="DBO122" s="26"/>
      <c r="DBP122" s="26"/>
      <c r="DBQ122" s="26"/>
      <c r="DBR122" s="26"/>
      <c r="DBS122" s="26"/>
      <c r="DBT122" s="26"/>
      <c r="DBU122" s="26"/>
      <c r="DBV122" s="26"/>
      <c r="DBW122" s="26"/>
      <c r="DBX122" s="26"/>
      <c r="DBY122" s="26"/>
      <c r="DBZ122" s="26"/>
      <c r="DCA122" s="26"/>
      <c r="DCB122" s="26"/>
      <c r="DCC122" s="26"/>
      <c r="DCD122" s="26"/>
      <c r="DCE122" s="26"/>
      <c r="DCF122" s="26"/>
      <c r="DCG122" s="26"/>
      <c r="DCH122" s="26"/>
      <c r="DCI122" s="26"/>
      <c r="DCJ122" s="26"/>
      <c r="DCK122" s="26"/>
      <c r="DCL122" s="26"/>
      <c r="DCM122" s="26"/>
      <c r="DCN122" s="26"/>
      <c r="DCO122" s="26"/>
      <c r="DCP122" s="26"/>
      <c r="DCQ122" s="26"/>
      <c r="DCR122" s="26"/>
      <c r="DCS122" s="26"/>
      <c r="DCT122" s="26"/>
      <c r="DCU122" s="26"/>
      <c r="DCV122" s="26"/>
      <c r="DCW122" s="26"/>
      <c r="DCX122" s="26"/>
      <c r="DCY122" s="26"/>
      <c r="DCZ122" s="26"/>
      <c r="DDA122" s="26"/>
      <c r="DDB122" s="26"/>
      <c r="DDC122" s="26"/>
      <c r="DDD122" s="26"/>
      <c r="DDE122" s="26"/>
      <c r="DDF122" s="26"/>
      <c r="DDG122" s="26"/>
      <c r="DDH122" s="26"/>
      <c r="DDI122" s="26"/>
      <c r="DDJ122" s="26"/>
      <c r="DDK122" s="26"/>
      <c r="DDL122" s="26"/>
      <c r="DDM122" s="26"/>
      <c r="DDN122" s="26"/>
      <c r="DDO122" s="26"/>
      <c r="DDP122" s="26"/>
      <c r="DDQ122" s="26"/>
      <c r="DDR122" s="26"/>
      <c r="DDS122" s="26"/>
      <c r="DDT122" s="26"/>
      <c r="DDU122" s="26"/>
      <c r="DDV122" s="26"/>
      <c r="DDW122" s="26"/>
      <c r="DDX122" s="26"/>
      <c r="DDY122" s="26"/>
      <c r="DDZ122" s="26"/>
      <c r="DEA122" s="26"/>
      <c r="DEB122" s="26"/>
      <c r="DEC122" s="26"/>
      <c r="DED122" s="26"/>
      <c r="DEE122" s="26"/>
      <c r="DEF122" s="26"/>
      <c r="DEG122" s="26"/>
      <c r="DEH122" s="26"/>
      <c r="DEI122" s="26"/>
      <c r="DEJ122" s="26"/>
      <c r="DEK122" s="26"/>
      <c r="DEL122" s="26"/>
      <c r="DEM122" s="26"/>
      <c r="DEN122" s="26"/>
      <c r="DEO122" s="26"/>
      <c r="DEP122" s="26"/>
      <c r="DEQ122" s="26"/>
      <c r="DER122" s="26"/>
      <c r="DES122" s="26"/>
      <c r="DET122" s="26"/>
      <c r="DEU122" s="26"/>
      <c r="DEV122" s="26"/>
      <c r="DEW122" s="26"/>
      <c r="DEX122" s="26"/>
      <c r="DEY122" s="26"/>
      <c r="DEZ122" s="26"/>
      <c r="DFA122" s="26"/>
      <c r="DFB122" s="26"/>
      <c r="DFC122" s="26"/>
      <c r="DFD122" s="26"/>
      <c r="DFE122" s="26"/>
      <c r="DFF122" s="26"/>
      <c r="DFG122" s="26"/>
      <c r="DFH122" s="26"/>
      <c r="DFI122" s="26"/>
      <c r="DFJ122" s="26"/>
      <c r="DFK122" s="26"/>
      <c r="DFL122" s="26"/>
      <c r="DFM122" s="26"/>
      <c r="DFN122" s="26"/>
      <c r="DFO122" s="26"/>
      <c r="DFP122" s="26"/>
      <c r="DFQ122" s="26"/>
      <c r="DFR122" s="26"/>
      <c r="DFS122" s="26"/>
      <c r="DFT122" s="26"/>
      <c r="DFU122" s="26"/>
      <c r="DFV122" s="26"/>
      <c r="DFW122" s="26"/>
      <c r="DFX122" s="26"/>
      <c r="DFY122" s="26"/>
      <c r="DFZ122" s="26"/>
      <c r="DGA122" s="26"/>
      <c r="DGB122" s="26"/>
      <c r="DGC122" s="26"/>
      <c r="DGD122" s="26"/>
      <c r="DGE122" s="26"/>
      <c r="DGF122" s="26"/>
      <c r="DGG122" s="26"/>
      <c r="DGH122" s="26"/>
      <c r="DGI122" s="26"/>
      <c r="DGJ122" s="26"/>
      <c r="DGK122" s="26"/>
      <c r="DGL122" s="26"/>
      <c r="DGM122" s="26"/>
      <c r="DGN122" s="26"/>
      <c r="DGO122" s="26"/>
      <c r="DGP122" s="26"/>
      <c r="DGQ122" s="26"/>
      <c r="DGR122" s="26"/>
      <c r="DGS122" s="26"/>
      <c r="DGT122" s="26"/>
      <c r="DGU122" s="26"/>
      <c r="DGV122" s="26"/>
      <c r="DGW122" s="26"/>
      <c r="DGX122" s="26"/>
      <c r="DGY122" s="26"/>
      <c r="DGZ122" s="26"/>
      <c r="DHA122" s="26"/>
      <c r="DHB122" s="26"/>
      <c r="DHC122" s="26"/>
      <c r="DHD122" s="26"/>
      <c r="DHE122" s="26"/>
      <c r="DHF122" s="26"/>
      <c r="DHG122" s="26"/>
      <c r="DHH122" s="26"/>
      <c r="DHI122" s="26"/>
      <c r="DHJ122" s="26"/>
      <c r="DHK122" s="26"/>
      <c r="DHL122" s="26"/>
      <c r="DHM122" s="26"/>
      <c r="DHN122" s="26"/>
      <c r="DHO122" s="26"/>
      <c r="DHP122" s="26"/>
      <c r="DHQ122" s="26"/>
      <c r="DHR122" s="26"/>
      <c r="DHS122" s="26"/>
      <c r="DHT122" s="26"/>
      <c r="DHU122" s="26"/>
      <c r="DHV122" s="26"/>
      <c r="DHW122" s="26"/>
      <c r="DHX122" s="26"/>
      <c r="DHY122" s="26"/>
      <c r="DHZ122" s="26"/>
      <c r="DIA122" s="26"/>
      <c r="DIB122" s="26"/>
      <c r="DIC122" s="26"/>
      <c r="DID122" s="26"/>
      <c r="DIE122" s="26"/>
      <c r="DIF122" s="26"/>
      <c r="DIG122" s="26"/>
      <c r="DIH122" s="26"/>
      <c r="DII122" s="26"/>
      <c r="DIJ122" s="26"/>
      <c r="DIK122" s="26"/>
      <c r="DIL122" s="26"/>
      <c r="DIM122" s="26"/>
      <c r="DIN122" s="26"/>
      <c r="DIO122" s="26"/>
      <c r="DIP122" s="26"/>
      <c r="DIQ122" s="26"/>
      <c r="DIR122" s="26"/>
      <c r="DIS122" s="26"/>
      <c r="DIT122" s="26"/>
      <c r="DIU122" s="26"/>
      <c r="DIV122" s="26"/>
      <c r="DIW122" s="26"/>
      <c r="DIX122" s="26"/>
      <c r="DIY122" s="26"/>
      <c r="DIZ122" s="26"/>
      <c r="DJA122" s="26"/>
      <c r="DJB122" s="26"/>
      <c r="DJC122" s="26"/>
      <c r="DJD122" s="26"/>
      <c r="DJE122" s="26"/>
      <c r="DJF122" s="26"/>
      <c r="DJG122" s="26"/>
      <c r="DJH122" s="26"/>
      <c r="DJI122" s="26"/>
      <c r="DJJ122" s="26"/>
      <c r="DJK122" s="26"/>
      <c r="DJL122" s="26"/>
      <c r="DJM122" s="26"/>
      <c r="DJN122" s="26"/>
      <c r="DJO122" s="26"/>
      <c r="DJP122" s="26"/>
      <c r="DJQ122" s="26"/>
      <c r="DJR122" s="26"/>
      <c r="DJS122" s="26"/>
      <c r="DJT122" s="26"/>
      <c r="DJU122" s="26"/>
      <c r="DJV122" s="26"/>
      <c r="DJW122" s="26"/>
      <c r="DJX122" s="26"/>
      <c r="DJY122" s="26"/>
      <c r="DJZ122" s="26"/>
      <c r="DKA122" s="26"/>
      <c r="DKB122" s="26"/>
      <c r="DKC122" s="26"/>
      <c r="DKD122" s="26"/>
      <c r="DKE122" s="26"/>
      <c r="DKF122" s="26"/>
      <c r="DKG122" s="26"/>
      <c r="DKH122" s="26"/>
      <c r="DKI122" s="26"/>
      <c r="DKJ122" s="26"/>
      <c r="DKK122" s="26"/>
      <c r="DKL122" s="26"/>
      <c r="DKM122" s="26"/>
      <c r="DKN122" s="26"/>
      <c r="DKO122" s="26"/>
      <c r="DKP122" s="26"/>
      <c r="DKQ122" s="26"/>
      <c r="DKR122" s="26"/>
      <c r="DKS122" s="26"/>
      <c r="DKT122" s="26"/>
      <c r="DKU122" s="26"/>
      <c r="DKV122" s="26"/>
      <c r="DKW122" s="26"/>
      <c r="DKX122" s="26"/>
      <c r="DKY122" s="26"/>
      <c r="DKZ122" s="26"/>
      <c r="DLA122" s="26"/>
      <c r="DLB122" s="26"/>
      <c r="DLC122" s="26"/>
      <c r="DLD122" s="26"/>
      <c r="DLE122" s="26"/>
      <c r="DLF122" s="26"/>
      <c r="DLG122" s="26"/>
      <c r="DLH122" s="26"/>
      <c r="DLI122" s="26"/>
      <c r="DLJ122" s="26"/>
      <c r="DLK122" s="26"/>
      <c r="DLL122" s="26"/>
      <c r="DLM122" s="26"/>
      <c r="DLN122" s="26"/>
      <c r="DLO122" s="26"/>
      <c r="DLP122" s="26"/>
      <c r="DLQ122" s="26"/>
      <c r="DLR122" s="26"/>
      <c r="DLS122" s="26"/>
      <c r="DLT122" s="26"/>
      <c r="DLU122" s="26"/>
      <c r="DLV122" s="26"/>
      <c r="DLW122" s="26"/>
      <c r="DLX122" s="26"/>
      <c r="DLY122" s="26"/>
      <c r="DLZ122" s="26"/>
      <c r="DMA122" s="26"/>
      <c r="DMB122" s="26"/>
      <c r="DMC122" s="26"/>
      <c r="DMD122" s="26"/>
      <c r="DME122" s="26"/>
      <c r="DMF122" s="26"/>
      <c r="DMG122" s="26"/>
      <c r="DMH122" s="26"/>
      <c r="DMI122" s="26"/>
      <c r="DMJ122" s="26"/>
      <c r="DMK122" s="26"/>
      <c r="DML122" s="26"/>
      <c r="DMM122" s="26"/>
      <c r="DMN122" s="26"/>
      <c r="DMO122" s="26"/>
      <c r="DMP122" s="26"/>
      <c r="DMQ122" s="26"/>
      <c r="DMR122" s="26"/>
      <c r="DMS122" s="26"/>
      <c r="DMT122" s="26"/>
      <c r="DMU122" s="26"/>
      <c r="DMV122" s="26"/>
      <c r="DMW122" s="26"/>
      <c r="DMX122" s="26"/>
      <c r="DMY122" s="26"/>
      <c r="DMZ122" s="26"/>
      <c r="DNA122" s="26"/>
      <c r="DNB122" s="26"/>
      <c r="DNC122" s="26"/>
      <c r="DND122" s="26"/>
      <c r="DNE122" s="26"/>
      <c r="DNF122" s="26"/>
      <c r="DNG122" s="26"/>
      <c r="DNH122" s="26"/>
      <c r="DNI122" s="26"/>
      <c r="DNJ122" s="26"/>
      <c r="DNK122" s="26"/>
      <c r="DNL122" s="26"/>
      <c r="DNM122" s="26"/>
      <c r="DNN122" s="26"/>
      <c r="DNO122" s="26"/>
      <c r="DNP122" s="26"/>
      <c r="DNQ122" s="26"/>
      <c r="DNR122" s="26"/>
      <c r="DNS122" s="26"/>
      <c r="DNT122" s="26"/>
      <c r="DNU122" s="26"/>
      <c r="DNV122" s="26"/>
      <c r="DNW122" s="26"/>
      <c r="DNX122" s="26"/>
      <c r="DNY122" s="26"/>
      <c r="DNZ122" s="26"/>
      <c r="DOA122" s="26"/>
      <c r="DOB122" s="26"/>
      <c r="DOC122" s="26"/>
      <c r="DOD122" s="26"/>
      <c r="DOE122" s="26"/>
      <c r="DOF122" s="26"/>
      <c r="DOG122" s="26"/>
      <c r="DOH122" s="26"/>
      <c r="DOI122" s="26"/>
      <c r="DOJ122" s="26"/>
      <c r="DOK122" s="26"/>
      <c r="DOL122" s="26"/>
      <c r="DOM122" s="26"/>
      <c r="DON122" s="26"/>
      <c r="DOO122" s="26"/>
      <c r="DOP122" s="26"/>
      <c r="DOQ122" s="26"/>
      <c r="DOR122" s="26"/>
      <c r="DOS122" s="26"/>
      <c r="DOT122" s="26"/>
      <c r="DOU122" s="26"/>
      <c r="DOV122" s="26"/>
      <c r="DOW122" s="26"/>
      <c r="DOX122" s="26"/>
      <c r="DOY122" s="26"/>
      <c r="DOZ122" s="26"/>
      <c r="DPA122" s="26"/>
      <c r="DPB122" s="26"/>
      <c r="DPC122" s="26"/>
      <c r="DPD122" s="26"/>
      <c r="DPE122" s="26"/>
      <c r="DPF122" s="26"/>
      <c r="DPG122" s="26"/>
      <c r="DPH122" s="26"/>
      <c r="DPI122" s="26"/>
      <c r="DPJ122" s="26"/>
      <c r="DPK122" s="26"/>
      <c r="DPL122" s="26"/>
      <c r="DPM122" s="26"/>
      <c r="DPN122" s="26"/>
      <c r="DPO122" s="26"/>
      <c r="DPP122" s="26"/>
      <c r="DPQ122" s="26"/>
      <c r="DPR122" s="26"/>
      <c r="DPS122" s="26"/>
      <c r="DPT122" s="26"/>
      <c r="DPU122" s="26"/>
      <c r="DPV122" s="26"/>
      <c r="DPW122" s="26"/>
      <c r="DPX122" s="26"/>
      <c r="DPY122" s="26"/>
      <c r="DPZ122" s="26"/>
      <c r="DQA122" s="26"/>
      <c r="DQB122" s="26"/>
      <c r="DQC122" s="26"/>
      <c r="DQD122" s="26"/>
      <c r="DQE122" s="26"/>
      <c r="DQF122" s="26"/>
      <c r="DQG122" s="26"/>
      <c r="DQH122" s="26"/>
      <c r="DQI122" s="26"/>
      <c r="DQJ122" s="26"/>
      <c r="DQK122" s="26"/>
      <c r="DQL122" s="26"/>
      <c r="DQM122" s="26"/>
      <c r="DQN122" s="26"/>
      <c r="DQO122" s="26"/>
      <c r="DQP122" s="26"/>
      <c r="DQQ122" s="26"/>
      <c r="DQR122" s="26"/>
      <c r="DQS122" s="26"/>
      <c r="DQT122" s="26"/>
      <c r="DQU122" s="26"/>
      <c r="DQV122" s="26"/>
      <c r="DQW122" s="26"/>
      <c r="DQX122" s="26"/>
      <c r="DQY122" s="26"/>
      <c r="DQZ122" s="26"/>
      <c r="DRA122" s="26"/>
      <c r="DRB122" s="26"/>
      <c r="DRC122" s="26"/>
      <c r="DRD122" s="26"/>
      <c r="DRE122" s="26"/>
      <c r="DRF122" s="26"/>
      <c r="DRG122" s="26"/>
      <c r="DRH122" s="26"/>
      <c r="DRI122" s="26"/>
      <c r="DRJ122" s="26"/>
      <c r="DRK122" s="26"/>
      <c r="DRL122" s="26"/>
      <c r="DRM122" s="26"/>
      <c r="DRN122" s="26"/>
      <c r="DRO122" s="26"/>
      <c r="DRP122" s="26"/>
      <c r="DRQ122" s="26"/>
      <c r="DRR122" s="26"/>
      <c r="DRS122" s="26"/>
      <c r="DRT122" s="26"/>
      <c r="DRU122" s="26"/>
      <c r="DRV122" s="26"/>
      <c r="DRW122" s="26"/>
      <c r="DRX122" s="26"/>
      <c r="DRY122" s="26"/>
      <c r="DRZ122" s="26"/>
      <c r="DSA122" s="26"/>
      <c r="DSB122" s="26"/>
      <c r="DSC122" s="26"/>
      <c r="DSD122" s="26"/>
      <c r="DSE122" s="26"/>
      <c r="DSF122" s="26"/>
      <c r="DSG122" s="26"/>
      <c r="DSH122" s="26"/>
      <c r="DSI122" s="26"/>
      <c r="DSJ122" s="26"/>
      <c r="DSK122" s="26"/>
      <c r="DSL122" s="26"/>
      <c r="DSM122" s="26"/>
      <c r="DSN122" s="26"/>
      <c r="DSO122" s="26"/>
      <c r="DSP122" s="26"/>
      <c r="DSQ122" s="26"/>
      <c r="DSR122" s="26"/>
      <c r="DSS122" s="26"/>
      <c r="DST122" s="26"/>
      <c r="DSU122" s="26"/>
      <c r="DSV122" s="26"/>
      <c r="DSW122" s="26"/>
      <c r="DSX122" s="26"/>
      <c r="DSY122" s="26"/>
      <c r="DSZ122" s="26"/>
      <c r="DTA122" s="26"/>
      <c r="DTB122" s="26"/>
      <c r="DTC122" s="26"/>
      <c r="DTD122" s="26"/>
      <c r="DTE122" s="26"/>
      <c r="DTF122" s="26"/>
      <c r="DTG122" s="26"/>
      <c r="DTH122" s="26"/>
      <c r="DTI122" s="26"/>
      <c r="DTJ122" s="26"/>
      <c r="DTK122" s="26"/>
      <c r="DTL122" s="26"/>
      <c r="DTM122" s="26"/>
      <c r="DTN122" s="26"/>
      <c r="DTO122" s="26"/>
      <c r="DTP122" s="26"/>
      <c r="DTQ122" s="26"/>
      <c r="DTR122" s="26"/>
      <c r="DTS122" s="26"/>
      <c r="DTT122" s="26"/>
      <c r="DTU122" s="26"/>
      <c r="DTV122" s="26"/>
      <c r="DTW122" s="26"/>
      <c r="DTX122" s="26"/>
      <c r="DTY122" s="26"/>
      <c r="DTZ122" s="26"/>
      <c r="DUA122" s="26"/>
      <c r="DUB122" s="26"/>
      <c r="DUC122" s="26"/>
      <c r="DUD122" s="26"/>
      <c r="DUE122" s="26"/>
      <c r="DUF122" s="26"/>
      <c r="DUG122" s="26"/>
      <c r="DUH122" s="26"/>
      <c r="DUI122" s="26"/>
      <c r="DUJ122" s="26"/>
      <c r="DUK122" s="26"/>
      <c r="DUL122" s="26"/>
      <c r="DUM122" s="26"/>
      <c r="DUN122" s="26"/>
      <c r="DUO122" s="26"/>
      <c r="DUP122" s="26"/>
      <c r="DUQ122" s="26"/>
      <c r="DUR122" s="26"/>
      <c r="DUS122" s="26"/>
      <c r="DUT122" s="26"/>
      <c r="DUU122" s="26"/>
      <c r="DUV122" s="26"/>
      <c r="DUW122" s="26"/>
      <c r="DUX122" s="26"/>
      <c r="DUY122" s="26"/>
      <c r="DUZ122" s="26"/>
      <c r="DVA122" s="26"/>
      <c r="DVB122" s="26"/>
      <c r="DVC122" s="26"/>
      <c r="DVD122" s="26"/>
      <c r="DVE122" s="26"/>
      <c r="DVF122" s="26"/>
      <c r="DVG122" s="26"/>
      <c r="DVH122" s="26"/>
      <c r="DVI122" s="26"/>
      <c r="DVJ122" s="26"/>
      <c r="DVK122" s="26"/>
      <c r="DVL122" s="26"/>
      <c r="DVM122" s="26"/>
      <c r="DVN122" s="26"/>
      <c r="DVO122" s="26"/>
      <c r="DVP122" s="26"/>
      <c r="DVQ122" s="26"/>
      <c r="DVR122" s="26"/>
      <c r="DVS122" s="26"/>
      <c r="DVT122" s="26"/>
      <c r="DVU122" s="26"/>
      <c r="DVV122" s="26"/>
      <c r="DVW122" s="26"/>
      <c r="DVX122" s="26"/>
      <c r="DVY122" s="26"/>
      <c r="DVZ122" s="26"/>
      <c r="DWA122" s="26"/>
      <c r="DWB122" s="26"/>
      <c r="DWC122" s="26"/>
      <c r="DWD122" s="26"/>
      <c r="DWE122" s="26"/>
      <c r="DWF122" s="26"/>
      <c r="DWG122" s="26"/>
      <c r="DWH122" s="26"/>
      <c r="DWI122" s="26"/>
      <c r="DWJ122" s="26"/>
      <c r="DWK122" s="26"/>
      <c r="DWL122" s="26"/>
      <c r="DWM122" s="26"/>
      <c r="DWN122" s="26"/>
      <c r="DWO122" s="26"/>
      <c r="DWP122" s="26"/>
      <c r="DWQ122" s="26"/>
      <c r="DWR122" s="26"/>
      <c r="DWS122" s="26"/>
      <c r="DWT122" s="26"/>
      <c r="DWU122" s="26"/>
      <c r="DWV122" s="26"/>
      <c r="DWW122" s="26"/>
      <c r="DWX122" s="26"/>
      <c r="DWY122" s="26"/>
      <c r="DWZ122" s="26"/>
      <c r="DXA122" s="26"/>
      <c r="DXB122" s="26"/>
      <c r="DXC122" s="26"/>
      <c r="DXD122" s="26"/>
      <c r="DXE122" s="26"/>
      <c r="DXF122" s="26"/>
      <c r="DXG122" s="26"/>
      <c r="DXH122" s="26"/>
      <c r="DXI122" s="26"/>
      <c r="DXJ122" s="26"/>
      <c r="DXK122" s="26"/>
      <c r="DXL122" s="26"/>
      <c r="DXM122" s="26"/>
      <c r="DXN122" s="26"/>
      <c r="DXO122" s="26"/>
      <c r="DXP122" s="26"/>
      <c r="DXQ122" s="26"/>
      <c r="DXR122" s="26"/>
      <c r="DXS122" s="26"/>
      <c r="DXT122" s="26"/>
      <c r="DXU122" s="26"/>
      <c r="DXV122" s="26"/>
      <c r="DXW122" s="26"/>
      <c r="DXX122" s="26"/>
      <c r="DXY122" s="26"/>
      <c r="DXZ122" s="26"/>
      <c r="DYA122" s="26"/>
      <c r="DYB122" s="26"/>
      <c r="DYC122" s="26"/>
      <c r="DYD122" s="26"/>
      <c r="DYE122" s="26"/>
      <c r="DYF122" s="26"/>
      <c r="DYG122" s="26"/>
      <c r="DYH122" s="26"/>
      <c r="DYI122" s="26"/>
      <c r="DYJ122" s="26"/>
      <c r="DYK122" s="26"/>
      <c r="DYL122" s="26"/>
      <c r="DYM122" s="26"/>
      <c r="DYN122" s="26"/>
      <c r="DYO122" s="26"/>
      <c r="DYP122" s="26"/>
      <c r="DYQ122" s="26"/>
      <c r="DYR122" s="26"/>
      <c r="DYS122" s="26"/>
      <c r="DYT122" s="26"/>
      <c r="DYU122" s="26"/>
      <c r="DYV122" s="26"/>
      <c r="DYW122" s="26"/>
      <c r="DYX122" s="26"/>
      <c r="DYY122" s="26"/>
      <c r="DYZ122" s="26"/>
      <c r="DZA122" s="26"/>
      <c r="DZB122" s="26"/>
      <c r="DZC122" s="26"/>
      <c r="DZD122" s="26"/>
      <c r="DZE122" s="26"/>
      <c r="DZF122" s="26"/>
      <c r="DZG122" s="26"/>
      <c r="DZH122" s="26"/>
      <c r="DZI122" s="26"/>
      <c r="DZJ122" s="26"/>
      <c r="DZK122" s="26"/>
      <c r="DZL122" s="26"/>
      <c r="DZM122" s="26"/>
      <c r="DZN122" s="26"/>
      <c r="DZO122" s="26"/>
      <c r="DZP122" s="26"/>
      <c r="DZQ122" s="26"/>
      <c r="DZR122" s="26"/>
      <c r="DZS122" s="26"/>
      <c r="DZT122" s="26"/>
      <c r="DZU122" s="26"/>
      <c r="DZV122" s="26"/>
      <c r="DZW122" s="26"/>
      <c r="DZX122" s="26"/>
      <c r="DZY122" s="26"/>
      <c r="DZZ122" s="26"/>
      <c r="EAA122" s="26"/>
      <c r="EAB122" s="26"/>
      <c r="EAC122" s="26"/>
      <c r="EAD122" s="26"/>
      <c r="EAE122" s="26"/>
      <c r="EAF122" s="26"/>
      <c r="EAG122" s="26"/>
      <c r="EAH122" s="26"/>
      <c r="EAI122" s="26"/>
      <c r="EAJ122" s="26"/>
      <c r="EAK122" s="26"/>
      <c r="EAL122" s="26"/>
      <c r="EAM122" s="26"/>
      <c r="EAN122" s="26"/>
      <c r="EAO122" s="26"/>
      <c r="EAP122" s="26"/>
      <c r="EAQ122" s="26"/>
      <c r="EAR122" s="26"/>
      <c r="EAS122" s="26"/>
      <c r="EAT122" s="26"/>
      <c r="EAU122" s="26"/>
      <c r="EAV122" s="26"/>
      <c r="EAW122" s="26"/>
      <c r="EAX122" s="26"/>
      <c r="EAY122" s="26"/>
      <c r="EAZ122" s="26"/>
      <c r="EBA122" s="26"/>
      <c r="EBB122" s="26"/>
      <c r="EBC122" s="26"/>
      <c r="EBD122" s="26"/>
      <c r="EBE122" s="26"/>
      <c r="EBF122" s="26"/>
      <c r="EBG122" s="26"/>
      <c r="EBH122" s="26"/>
      <c r="EBI122" s="26"/>
      <c r="EBJ122" s="26"/>
      <c r="EBK122" s="26"/>
      <c r="EBL122" s="26"/>
      <c r="EBM122" s="26"/>
      <c r="EBN122" s="26"/>
      <c r="EBO122" s="26"/>
      <c r="EBP122" s="26"/>
      <c r="EBQ122" s="26"/>
      <c r="EBR122" s="26"/>
      <c r="EBS122" s="26"/>
      <c r="EBT122" s="26"/>
      <c r="EBU122" s="26"/>
      <c r="EBV122" s="26"/>
      <c r="EBW122" s="26"/>
      <c r="EBX122" s="26"/>
      <c r="EBY122" s="26"/>
      <c r="EBZ122" s="26"/>
      <c r="ECA122" s="26"/>
      <c r="ECB122" s="26"/>
      <c r="ECC122" s="26"/>
      <c r="ECD122" s="26"/>
      <c r="ECE122" s="26"/>
      <c r="ECF122" s="26"/>
      <c r="ECG122" s="26"/>
      <c r="ECH122" s="26"/>
      <c r="ECI122" s="26"/>
      <c r="ECJ122" s="26"/>
      <c r="ECK122" s="26"/>
      <c r="ECL122" s="26"/>
      <c r="ECM122" s="26"/>
      <c r="ECN122" s="26"/>
      <c r="ECO122" s="26"/>
      <c r="ECP122" s="26"/>
      <c r="ECQ122" s="26"/>
      <c r="ECR122" s="26"/>
      <c r="ECS122" s="26"/>
      <c r="ECT122" s="26"/>
      <c r="ECU122" s="26"/>
      <c r="ECV122" s="26"/>
      <c r="ECW122" s="26"/>
      <c r="ECX122" s="26"/>
      <c r="ECY122" s="26"/>
      <c r="ECZ122" s="26"/>
      <c r="EDA122" s="26"/>
      <c r="EDB122" s="26"/>
      <c r="EDC122" s="26"/>
      <c r="EDD122" s="26"/>
      <c r="EDE122" s="26"/>
      <c r="EDF122" s="26"/>
      <c r="EDG122" s="26"/>
      <c r="EDH122" s="26"/>
      <c r="EDI122" s="26"/>
      <c r="EDJ122" s="26"/>
      <c r="EDK122" s="26"/>
      <c r="EDL122" s="26"/>
      <c r="EDM122" s="26"/>
      <c r="EDN122" s="26"/>
      <c r="EDO122" s="26"/>
      <c r="EDP122" s="26"/>
      <c r="EDQ122" s="26"/>
      <c r="EDR122" s="26"/>
      <c r="EDS122" s="26"/>
      <c r="EDT122" s="26"/>
      <c r="EDU122" s="26"/>
      <c r="EDV122" s="26"/>
      <c r="EDW122" s="26"/>
      <c r="EDX122" s="26"/>
      <c r="EDY122" s="26"/>
      <c r="EDZ122" s="26"/>
      <c r="EEA122" s="26"/>
      <c r="EEB122" s="26"/>
      <c r="EEC122" s="26"/>
      <c r="EED122" s="26"/>
      <c r="EEE122" s="26"/>
      <c r="EEF122" s="26"/>
      <c r="EEG122" s="26"/>
      <c r="EEH122" s="26"/>
      <c r="EEI122" s="26"/>
      <c r="EEJ122" s="26"/>
      <c r="EEK122" s="26"/>
      <c r="EEL122" s="26"/>
      <c r="EEM122" s="26"/>
      <c r="EEN122" s="26"/>
      <c r="EEO122" s="26"/>
      <c r="EEP122" s="26"/>
      <c r="EEQ122" s="26"/>
      <c r="EER122" s="26"/>
      <c r="EES122" s="26"/>
      <c r="EET122" s="26"/>
      <c r="EEU122" s="26"/>
      <c r="EEV122" s="26"/>
      <c r="EEW122" s="26"/>
      <c r="EEX122" s="26"/>
      <c r="EEY122" s="26"/>
      <c r="EEZ122" s="26"/>
      <c r="EFA122" s="26"/>
      <c r="EFB122" s="26"/>
      <c r="EFC122" s="26"/>
      <c r="EFD122" s="26"/>
      <c r="EFE122" s="26"/>
      <c r="EFF122" s="26"/>
      <c r="EFG122" s="26"/>
      <c r="EFH122" s="26"/>
      <c r="EFI122" s="26"/>
      <c r="EFJ122" s="26"/>
      <c r="EFK122" s="26"/>
      <c r="EFL122" s="26"/>
      <c r="EFM122" s="26"/>
      <c r="EFN122" s="26"/>
      <c r="EFO122" s="26"/>
      <c r="EFP122" s="26"/>
      <c r="EFQ122" s="26"/>
      <c r="EFR122" s="26"/>
      <c r="EFS122" s="26"/>
      <c r="EFT122" s="26"/>
      <c r="EFU122" s="26"/>
      <c r="EFV122" s="26"/>
      <c r="EFW122" s="26"/>
      <c r="EFX122" s="26"/>
      <c r="EFY122" s="26"/>
      <c r="EFZ122" s="26"/>
      <c r="EGA122" s="26"/>
      <c r="EGB122" s="26"/>
      <c r="EGC122" s="26"/>
      <c r="EGD122" s="26"/>
      <c r="EGE122" s="26"/>
      <c r="EGF122" s="26"/>
      <c r="EGG122" s="26"/>
      <c r="EGH122" s="26"/>
      <c r="EGI122" s="26"/>
      <c r="EGJ122" s="26"/>
      <c r="EGK122" s="26"/>
      <c r="EGL122" s="26"/>
      <c r="EGM122" s="26"/>
      <c r="EGN122" s="26"/>
      <c r="EGO122" s="26"/>
      <c r="EGP122" s="26"/>
      <c r="EGQ122" s="26"/>
      <c r="EGR122" s="26"/>
      <c r="EGS122" s="26"/>
      <c r="EGT122" s="26"/>
      <c r="EGU122" s="26"/>
      <c r="EGV122" s="26"/>
      <c r="EGW122" s="26"/>
      <c r="EGX122" s="26"/>
      <c r="EGY122" s="26"/>
      <c r="EGZ122" s="26"/>
      <c r="EHA122" s="26"/>
      <c r="EHB122" s="26"/>
      <c r="EHC122" s="26"/>
      <c r="EHD122" s="26"/>
      <c r="EHE122" s="26"/>
      <c r="EHF122" s="26"/>
      <c r="EHG122" s="26"/>
      <c r="EHH122" s="26"/>
      <c r="EHI122" s="26"/>
      <c r="EHJ122" s="26"/>
      <c r="EHK122" s="26"/>
      <c r="EHL122" s="26"/>
      <c r="EHM122" s="26"/>
      <c r="EHN122" s="26"/>
      <c r="EHO122" s="26"/>
      <c r="EHP122" s="26"/>
      <c r="EHQ122" s="26"/>
      <c r="EHR122" s="26"/>
      <c r="EHS122" s="26"/>
      <c r="EHT122" s="26"/>
      <c r="EHU122" s="26"/>
      <c r="EHV122" s="26"/>
      <c r="EHW122" s="26"/>
      <c r="EHX122" s="26"/>
      <c r="EHY122" s="26"/>
      <c r="EHZ122" s="26"/>
      <c r="EIA122" s="26"/>
      <c r="EIB122" s="26"/>
      <c r="EIC122" s="26"/>
      <c r="EID122" s="26"/>
      <c r="EIE122" s="26"/>
      <c r="EIF122" s="26"/>
      <c r="EIG122" s="26"/>
      <c r="EIH122" s="26"/>
      <c r="EII122" s="26"/>
      <c r="EIJ122" s="26"/>
      <c r="EIK122" s="26"/>
      <c r="EIL122" s="26"/>
      <c r="EIM122" s="26"/>
      <c r="EIN122" s="26"/>
      <c r="EIO122" s="26"/>
      <c r="EIP122" s="26"/>
      <c r="EIQ122" s="26"/>
      <c r="EIR122" s="26"/>
      <c r="EIS122" s="26"/>
      <c r="EIT122" s="26"/>
      <c r="EIU122" s="26"/>
      <c r="EIV122" s="26"/>
      <c r="EIW122" s="26"/>
      <c r="EIX122" s="26"/>
      <c r="EIY122" s="26"/>
      <c r="EIZ122" s="26"/>
      <c r="EJA122" s="26"/>
      <c r="EJB122" s="26"/>
      <c r="EJC122" s="26"/>
      <c r="EJD122" s="26"/>
      <c r="EJE122" s="26"/>
      <c r="EJF122" s="26"/>
      <c r="EJG122" s="26"/>
      <c r="EJH122" s="26"/>
      <c r="EJI122" s="26"/>
      <c r="EJJ122" s="26"/>
      <c r="EJK122" s="26"/>
      <c r="EJL122" s="26"/>
      <c r="EJM122" s="26"/>
      <c r="EJN122" s="26"/>
      <c r="EJO122" s="26"/>
      <c r="EJP122" s="26"/>
      <c r="EJQ122" s="26"/>
      <c r="EJR122" s="26"/>
      <c r="EJS122" s="26"/>
      <c r="EJT122" s="26"/>
      <c r="EJU122" s="26"/>
      <c r="EJV122" s="26"/>
      <c r="EJW122" s="26"/>
      <c r="EJX122" s="26"/>
      <c r="EJY122" s="26"/>
      <c r="EJZ122" s="26"/>
      <c r="EKA122" s="26"/>
      <c r="EKB122" s="26"/>
      <c r="EKC122" s="26"/>
      <c r="EKD122" s="26"/>
      <c r="EKE122" s="26"/>
      <c r="EKF122" s="26"/>
      <c r="EKG122" s="26"/>
      <c r="EKH122" s="26"/>
      <c r="EKI122" s="26"/>
      <c r="EKJ122" s="26"/>
      <c r="EKK122" s="26"/>
      <c r="EKL122" s="26"/>
      <c r="EKM122" s="26"/>
      <c r="EKN122" s="26"/>
      <c r="EKO122" s="26"/>
      <c r="EKP122" s="26"/>
      <c r="EKQ122" s="26"/>
      <c r="EKR122" s="26"/>
      <c r="EKS122" s="26"/>
      <c r="EKT122" s="26"/>
      <c r="EKU122" s="26"/>
      <c r="EKV122" s="26"/>
      <c r="EKW122" s="26"/>
      <c r="EKX122" s="26"/>
      <c r="EKY122" s="26"/>
      <c r="EKZ122" s="26"/>
      <c r="ELA122" s="26"/>
      <c r="ELB122" s="26"/>
      <c r="ELC122" s="26"/>
      <c r="ELD122" s="26"/>
      <c r="ELE122" s="26"/>
      <c r="ELF122" s="26"/>
      <c r="ELG122" s="26"/>
      <c r="ELH122" s="26"/>
      <c r="ELI122" s="26"/>
      <c r="ELJ122" s="26"/>
      <c r="ELK122" s="26"/>
      <c r="ELL122" s="26"/>
      <c r="ELM122" s="26"/>
      <c r="ELN122" s="26"/>
      <c r="ELO122" s="26"/>
      <c r="ELP122" s="26"/>
      <c r="ELQ122" s="26"/>
      <c r="ELR122" s="26"/>
      <c r="ELS122" s="26"/>
      <c r="ELT122" s="26"/>
      <c r="ELU122" s="26"/>
      <c r="ELV122" s="26"/>
      <c r="ELW122" s="26"/>
      <c r="ELX122" s="26"/>
      <c r="ELY122" s="26"/>
      <c r="ELZ122" s="26"/>
      <c r="EMA122" s="26"/>
      <c r="EMB122" s="26"/>
      <c r="EMC122" s="26"/>
      <c r="EMD122" s="26"/>
      <c r="EME122" s="26"/>
      <c r="EMF122" s="26"/>
      <c r="EMG122" s="26"/>
      <c r="EMH122" s="26"/>
      <c r="EMI122" s="26"/>
      <c r="EMJ122" s="26"/>
      <c r="EMK122" s="26"/>
      <c r="EML122" s="26"/>
      <c r="EMM122" s="26"/>
      <c r="EMN122" s="26"/>
      <c r="EMO122" s="26"/>
      <c r="EMP122" s="26"/>
      <c r="EMQ122" s="26"/>
      <c r="EMR122" s="26"/>
      <c r="EMS122" s="26"/>
      <c r="EMT122" s="26"/>
      <c r="EMU122" s="26"/>
      <c r="EMV122" s="26"/>
      <c r="EMW122" s="26"/>
      <c r="EMX122" s="26"/>
      <c r="EMY122" s="26"/>
      <c r="EMZ122" s="26"/>
      <c r="ENA122" s="26"/>
      <c r="ENB122" s="26"/>
      <c r="ENC122" s="26"/>
      <c r="END122" s="26"/>
      <c r="ENE122" s="26"/>
      <c r="ENF122" s="26"/>
      <c r="ENG122" s="26"/>
      <c r="ENH122" s="26"/>
      <c r="ENI122" s="26"/>
      <c r="ENJ122" s="26"/>
      <c r="ENK122" s="26"/>
      <c r="ENL122" s="26"/>
      <c r="ENM122" s="26"/>
      <c r="ENN122" s="26"/>
      <c r="ENO122" s="26"/>
      <c r="ENP122" s="26"/>
      <c r="ENQ122" s="26"/>
      <c r="ENR122" s="26"/>
      <c r="ENS122" s="26"/>
      <c r="ENT122" s="26"/>
      <c r="ENU122" s="26"/>
      <c r="ENV122" s="26"/>
      <c r="ENW122" s="26"/>
      <c r="ENX122" s="26"/>
      <c r="ENY122" s="26"/>
      <c r="ENZ122" s="26"/>
      <c r="EOA122" s="26"/>
      <c r="EOB122" s="26"/>
      <c r="EOC122" s="26"/>
      <c r="EOD122" s="26"/>
      <c r="EOE122" s="26"/>
      <c r="EOF122" s="26"/>
      <c r="EOG122" s="26"/>
      <c r="EOH122" s="26"/>
      <c r="EOI122" s="26"/>
      <c r="EOJ122" s="26"/>
      <c r="EOK122" s="26"/>
      <c r="EOL122" s="26"/>
      <c r="EOM122" s="26"/>
      <c r="EON122" s="26"/>
      <c r="EOO122" s="26"/>
      <c r="EOP122" s="26"/>
      <c r="EOQ122" s="26"/>
      <c r="EOR122" s="26"/>
      <c r="EOS122" s="26"/>
      <c r="EOT122" s="26"/>
      <c r="EOU122" s="26"/>
      <c r="EOV122" s="26"/>
      <c r="EOW122" s="26"/>
      <c r="EOX122" s="26"/>
      <c r="EOY122" s="26"/>
      <c r="EOZ122" s="26"/>
      <c r="EPA122" s="26"/>
      <c r="EPB122" s="26"/>
      <c r="EPC122" s="26"/>
      <c r="EPD122" s="26"/>
      <c r="EPE122" s="26"/>
      <c r="EPF122" s="26"/>
      <c r="EPG122" s="26"/>
      <c r="EPH122" s="26"/>
      <c r="EPI122" s="26"/>
      <c r="EPJ122" s="26"/>
      <c r="EPK122" s="26"/>
      <c r="EPL122" s="26"/>
      <c r="EPM122" s="26"/>
      <c r="EPN122" s="26"/>
      <c r="EPO122" s="26"/>
      <c r="EPP122" s="26"/>
      <c r="EPQ122" s="26"/>
      <c r="EPR122" s="26"/>
      <c r="EPS122" s="26"/>
      <c r="EPT122" s="26"/>
      <c r="EPU122" s="26"/>
      <c r="EPV122" s="26"/>
      <c r="EPW122" s="26"/>
      <c r="EPX122" s="26"/>
      <c r="EPY122" s="26"/>
      <c r="EPZ122" s="26"/>
      <c r="EQA122" s="26"/>
      <c r="EQB122" s="26"/>
      <c r="EQC122" s="26"/>
      <c r="EQD122" s="26"/>
      <c r="EQE122" s="26"/>
      <c r="EQF122" s="26"/>
      <c r="EQG122" s="26"/>
      <c r="EQH122" s="26"/>
      <c r="EQI122" s="26"/>
      <c r="EQJ122" s="26"/>
      <c r="EQK122" s="26"/>
      <c r="EQL122" s="26"/>
      <c r="EQM122" s="26"/>
      <c r="EQN122" s="26"/>
      <c r="EQO122" s="26"/>
      <c r="EQP122" s="26"/>
      <c r="EQQ122" s="26"/>
      <c r="EQR122" s="26"/>
      <c r="EQS122" s="26"/>
      <c r="EQT122" s="26"/>
      <c r="EQU122" s="26"/>
      <c r="EQV122" s="26"/>
      <c r="EQW122" s="26"/>
      <c r="EQX122" s="26"/>
      <c r="EQY122" s="26"/>
      <c r="EQZ122" s="26"/>
      <c r="ERA122" s="26"/>
      <c r="ERB122" s="26"/>
      <c r="ERC122" s="26"/>
      <c r="ERD122" s="26"/>
      <c r="ERE122" s="26"/>
      <c r="ERF122" s="26"/>
      <c r="ERG122" s="26"/>
      <c r="ERH122" s="26"/>
      <c r="ERI122" s="26"/>
      <c r="ERJ122" s="26"/>
      <c r="ERK122" s="26"/>
      <c r="ERL122" s="26"/>
      <c r="ERM122" s="26"/>
      <c r="ERN122" s="26"/>
      <c r="ERO122" s="26"/>
      <c r="ERP122" s="26"/>
      <c r="ERQ122" s="26"/>
      <c r="ERR122" s="26"/>
      <c r="ERS122" s="26"/>
      <c r="ERT122" s="26"/>
      <c r="ERU122" s="26"/>
      <c r="ERV122" s="26"/>
      <c r="ERW122" s="26"/>
      <c r="ERX122" s="26"/>
      <c r="ERY122" s="26"/>
      <c r="ERZ122" s="26"/>
      <c r="ESA122" s="26"/>
      <c r="ESB122" s="26"/>
      <c r="ESC122" s="26"/>
      <c r="ESD122" s="26"/>
      <c r="ESE122" s="26"/>
      <c r="ESF122" s="26"/>
      <c r="ESG122" s="26"/>
      <c r="ESH122" s="26"/>
      <c r="ESI122" s="26"/>
      <c r="ESJ122" s="26"/>
      <c r="ESK122" s="26"/>
      <c r="ESL122" s="26"/>
      <c r="ESM122" s="26"/>
      <c r="ESN122" s="26"/>
      <c r="ESO122" s="26"/>
      <c r="ESP122" s="26"/>
      <c r="ESQ122" s="26"/>
      <c r="ESR122" s="26"/>
      <c r="ESS122" s="26"/>
      <c r="EST122" s="26"/>
      <c r="ESU122" s="26"/>
      <c r="ESV122" s="26"/>
      <c r="ESW122" s="26"/>
      <c r="ESX122" s="26"/>
      <c r="ESY122" s="26"/>
      <c r="ESZ122" s="26"/>
      <c r="ETA122" s="26"/>
      <c r="ETB122" s="26"/>
      <c r="ETC122" s="26"/>
      <c r="ETD122" s="26"/>
      <c r="ETE122" s="26"/>
      <c r="ETF122" s="26"/>
      <c r="ETG122" s="26"/>
      <c r="ETH122" s="26"/>
      <c r="ETI122" s="26"/>
      <c r="ETJ122" s="26"/>
      <c r="ETK122" s="26"/>
      <c r="ETL122" s="26"/>
      <c r="ETM122" s="26"/>
      <c r="ETN122" s="26"/>
      <c r="ETO122" s="26"/>
      <c r="ETP122" s="26"/>
      <c r="ETQ122" s="26"/>
      <c r="ETR122" s="26"/>
      <c r="ETS122" s="26"/>
      <c r="ETT122" s="26"/>
      <c r="ETU122" s="26"/>
      <c r="ETV122" s="26"/>
      <c r="ETW122" s="26"/>
      <c r="ETX122" s="26"/>
      <c r="ETY122" s="26"/>
      <c r="ETZ122" s="26"/>
      <c r="EUA122" s="26"/>
      <c r="EUB122" s="26"/>
      <c r="EUC122" s="26"/>
      <c r="EUD122" s="26"/>
      <c r="EUE122" s="26"/>
      <c r="EUF122" s="26"/>
      <c r="EUG122" s="26"/>
      <c r="EUH122" s="26"/>
      <c r="EUI122" s="26"/>
      <c r="EUJ122" s="26"/>
      <c r="EUK122" s="26"/>
      <c r="EUL122" s="26"/>
      <c r="EUM122" s="26"/>
      <c r="EUN122" s="26"/>
      <c r="EUO122" s="26"/>
      <c r="EUP122" s="26"/>
      <c r="EUQ122" s="26"/>
      <c r="EUR122" s="26"/>
      <c r="EUS122" s="26"/>
      <c r="EUT122" s="26"/>
      <c r="EUU122" s="26"/>
      <c r="EUV122" s="26"/>
      <c r="EUW122" s="26"/>
      <c r="EUX122" s="26"/>
      <c r="EUY122" s="26"/>
      <c r="EUZ122" s="26"/>
      <c r="EVA122" s="26"/>
      <c r="EVB122" s="26"/>
      <c r="EVC122" s="26"/>
      <c r="EVD122" s="26"/>
      <c r="EVE122" s="26"/>
      <c r="EVF122" s="26"/>
      <c r="EVG122" s="26"/>
      <c r="EVH122" s="26"/>
      <c r="EVI122" s="26"/>
      <c r="EVJ122" s="26"/>
      <c r="EVK122" s="26"/>
      <c r="EVL122" s="26"/>
      <c r="EVM122" s="26"/>
      <c r="EVN122" s="26"/>
      <c r="EVO122" s="26"/>
      <c r="EVP122" s="26"/>
      <c r="EVQ122" s="26"/>
      <c r="EVR122" s="26"/>
      <c r="EVS122" s="26"/>
      <c r="EVT122" s="26"/>
      <c r="EVU122" s="26"/>
      <c r="EVV122" s="26"/>
      <c r="EVW122" s="26"/>
      <c r="EVX122" s="26"/>
      <c r="EVY122" s="26"/>
      <c r="EVZ122" s="26"/>
      <c r="EWA122" s="26"/>
      <c r="EWB122" s="26"/>
      <c r="EWC122" s="26"/>
      <c r="EWD122" s="26"/>
      <c r="EWE122" s="26"/>
      <c r="EWF122" s="26"/>
      <c r="EWG122" s="26"/>
      <c r="EWH122" s="26"/>
      <c r="EWI122" s="26"/>
      <c r="EWJ122" s="26"/>
      <c r="EWK122" s="26"/>
      <c r="EWL122" s="26"/>
      <c r="EWM122" s="26"/>
      <c r="EWN122" s="26"/>
      <c r="EWO122" s="26"/>
      <c r="EWP122" s="26"/>
      <c r="EWQ122" s="26"/>
      <c r="EWR122" s="26"/>
      <c r="EWS122" s="26"/>
      <c r="EWT122" s="26"/>
      <c r="EWU122" s="26"/>
      <c r="EWV122" s="26"/>
      <c r="EWW122" s="26"/>
      <c r="EWX122" s="26"/>
      <c r="EWY122" s="26"/>
      <c r="EWZ122" s="26"/>
      <c r="EXA122" s="26"/>
      <c r="EXB122" s="26"/>
      <c r="EXC122" s="26"/>
      <c r="EXD122" s="26"/>
      <c r="EXE122" s="26"/>
      <c r="EXF122" s="26"/>
      <c r="EXG122" s="26"/>
      <c r="EXH122" s="26"/>
      <c r="EXI122" s="26"/>
      <c r="EXJ122" s="26"/>
      <c r="EXK122" s="26"/>
      <c r="EXL122" s="26"/>
      <c r="EXM122" s="26"/>
      <c r="EXN122" s="26"/>
      <c r="EXO122" s="26"/>
      <c r="EXP122" s="26"/>
      <c r="EXQ122" s="26"/>
      <c r="EXR122" s="26"/>
      <c r="EXS122" s="26"/>
      <c r="EXT122" s="26"/>
      <c r="EXU122" s="26"/>
      <c r="EXV122" s="26"/>
      <c r="EXW122" s="26"/>
      <c r="EXX122" s="26"/>
      <c r="EXY122" s="26"/>
      <c r="EXZ122" s="26"/>
      <c r="EYA122" s="26"/>
      <c r="EYB122" s="26"/>
      <c r="EYC122" s="26"/>
      <c r="EYD122" s="26"/>
      <c r="EYE122" s="26"/>
      <c r="EYF122" s="26"/>
      <c r="EYG122" s="26"/>
      <c r="EYH122" s="26"/>
      <c r="EYI122" s="26"/>
      <c r="EYJ122" s="26"/>
      <c r="EYK122" s="26"/>
      <c r="EYL122" s="26"/>
      <c r="EYM122" s="26"/>
      <c r="EYN122" s="26"/>
      <c r="EYO122" s="26"/>
      <c r="EYP122" s="26"/>
      <c r="EYQ122" s="26"/>
      <c r="EYR122" s="26"/>
      <c r="EYS122" s="26"/>
      <c r="EYT122" s="26"/>
      <c r="EYU122" s="26"/>
      <c r="EYV122" s="26"/>
      <c r="EYW122" s="26"/>
      <c r="EYX122" s="26"/>
      <c r="EYY122" s="26"/>
      <c r="EYZ122" s="26"/>
      <c r="EZA122" s="26"/>
      <c r="EZB122" s="26"/>
      <c r="EZC122" s="26"/>
      <c r="EZD122" s="26"/>
      <c r="EZE122" s="26"/>
      <c r="EZF122" s="26"/>
      <c r="EZG122" s="26"/>
      <c r="EZH122" s="26"/>
      <c r="EZI122" s="26"/>
      <c r="EZJ122" s="26"/>
      <c r="EZK122" s="26"/>
      <c r="EZL122" s="26"/>
      <c r="EZM122" s="26"/>
      <c r="EZN122" s="26"/>
      <c r="EZO122" s="26"/>
      <c r="EZP122" s="26"/>
      <c r="EZQ122" s="26"/>
      <c r="EZR122" s="26"/>
      <c r="EZS122" s="26"/>
      <c r="EZT122" s="26"/>
      <c r="EZU122" s="26"/>
      <c r="EZV122" s="26"/>
      <c r="EZW122" s="26"/>
      <c r="EZX122" s="26"/>
      <c r="EZY122" s="26"/>
      <c r="EZZ122" s="26"/>
      <c r="FAA122" s="26"/>
      <c r="FAB122" s="26"/>
      <c r="FAC122" s="26"/>
      <c r="FAD122" s="26"/>
      <c r="FAE122" s="26"/>
      <c r="FAF122" s="26"/>
      <c r="FAG122" s="26"/>
      <c r="FAH122" s="26"/>
      <c r="FAI122" s="26"/>
      <c r="FAJ122" s="26"/>
      <c r="FAK122" s="26"/>
      <c r="FAL122" s="26"/>
      <c r="FAM122" s="26"/>
      <c r="FAN122" s="26"/>
      <c r="FAO122" s="26"/>
      <c r="FAP122" s="26"/>
      <c r="FAQ122" s="26"/>
      <c r="FAR122" s="26"/>
      <c r="FAS122" s="26"/>
      <c r="FAT122" s="26"/>
      <c r="FAU122" s="26"/>
      <c r="FAV122" s="26"/>
      <c r="FAW122" s="26"/>
      <c r="FAX122" s="26"/>
      <c r="FAY122" s="26"/>
      <c r="FAZ122" s="26"/>
      <c r="FBA122" s="26"/>
      <c r="FBB122" s="26"/>
      <c r="FBC122" s="26"/>
      <c r="FBD122" s="26"/>
      <c r="FBE122" s="26"/>
      <c r="FBF122" s="26"/>
      <c r="FBG122" s="26"/>
      <c r="FBH122" s="26"/>
      <c r="FBI122" s="26"/>
      <c r="FBJ122" s="26"/>
      <c r="FBK122" s="26"/>
      <c r="FBL122" s="26"/>
      <c r="FBM122" s="26"/>
      <c r="FBN122" s="26"/>
      <c r="FBO122" s="26"/>
      <c r="FBP122" s="26"/>
      <c r="FBQ122" s="26"/>
      <c r="FBR122" s="26"/>
      <c r="FBS122" s="26"/>
      <c r="FBT122" s="26"/>
      <c r="FBU122" s="26"/>
      <c r="FBV122" s="26"/>
      <c r="FBW122" s="26"/>
      <c r="FBX122" s="26"/>
      <c r="FBY122" s="26"/>
      <c r="FBZ122" s="26"/>
      <c r="FCA122" s="26"/>
      <c r="FCB122" s="26"/>
      <c r="FCC122" s="26"/>
      <c r="FCD122" s="26"/>
      <c r="FCE122" s="26"/>
      <c r="FCF122" s="26"/>
      <c r="FCG122" s="26"/>
      <c r="FCH122" s="26"/>
      <c r="FCI122" s="26"/>
      <c r="FCJ122" s="26"/>
      <c r="FCK122" s="26"/>
      <c r="FCL122" s="26"/>
      <c r="FCM122" s="26"/>
      <c r="FCN122" s="26"/>
      <c r="FCO122" s="26"/>
      <c r="FCP122" s="26"/>
      <c r="FCQ122" s="26"/>
      <c r="FCR122" s="26"/>
      <c r="FCS122" s="26"/>
      <c r="FCT122" s="26"/>
      <c r="FCU122" s="26"/>
      <c r="FCV122" s="26"/>
      <c r="FCW122" s="26"/>
      <c r="FCX122" s="26"/>
      <c r="FCY122" s="26"/>
      <c r="FCZ122" s="26"/>
      <c r="FDA122" s="26"/>
      <c r="FDB122" s="26"/>
      <c r="FDC122" s="26"/>
      <c r="FDD122" s="26"/>
      <c r="FDE122" s="26"/>
      <c r="FDF122" s="26"/>
      <c r="FDG122" s="26"/>
      <c r="FDH122" s="26"/>
      <c r="FDI122" s="26"/>
      <c r="FDJ122" s="26"/>
      <c r="FDK122" s="26"/>
      <c r="FDL122" s="26"/>
      <c r="FDM122" s="26"/>
      <c r="FDN122" s="26"/>
      <c r="FDO122" s="26"/>
      <c r="FDP122" s="26"/>
      <c r="FDQ122" s="26"/>
      <c r="FDR122" s="26"/>
      <c r="FDS122" s="26"/>
      <c r="FDT122" s="26"/>
      <c r="FDU122" s="26"/>
      <c r="FDV122" s="26"/>
      <c r="FDW122" s="26"/>
      <c r="FDX122" s="26"/>
      <c r="FDY122" s="26"/>
      <c r="FDZ122" s="26"/>
      <c r="FEA122" s="26"/>
      <c r="FEB122" s="26"/>
      <c r="FEC122" s="26"/>
      <c r="FED122" s="26"/>
      <c r="FEE122" s="26"/>
      <c r="FEF122" s="26"/>
      <c r="FEG122" s="26"/>
      <c r="FEH122" s="26"/>
      <c r="FEI122" s="26"/>
      <c r="FEJ122" s="26"/>
      <c r="FEK122" s="26"/>
      <c r="FEL122" s="26"/>
      <c r="FEM122" s="26"/>
      <c r="FEN122" s="26"/>
      <c r="FEO122" s="26"/>
      <c r="FEP122" s="26"/>
      <c r="FEQ122" s="26"/>
      <c r="FER122" s="26"/>
      <c r="FES122" s="26"/>
      <c r="FET122" s="26"/>
      <c r="FEU122" s="26"/>
      <c r="FEV122" s="26"/>
      <c r="FEW122" s="26"/>
      <c r="FEX122" s="26"/>
      <c r="FEY122" s="26"/>
      <c r="FEZ122" s="26"/>
      <c r="FFA122" s="26"/>
      <c r="FFB122" s="26"/>
      <c r="FFC122" s="26"/>
      <c r="FFD122" s="26"/>
      <c r="FFE122" s="26"/>
      <c r="FFF122" s="26"/>
      <c r="FFG122" s="26"/>
      <c r="FFH122" s="26"/>
      <c r="FFI122" s="26"/>
      <c r="FFJ122" s="26"/>
      <c r="FFK122" s="26"/>
      <c r="FFL122" s="26"/>
      <c r="FFM122" s="26"/>
      <c r="FFN122" s="26"/>
      <c r="FFO122" s="26"/>
      <c r="FFP122" s="26"/>
      <c r="FFQ122" s="26"/>
      <c r="FFR122" s="26"/>
      <c r="FFS122" s="26"/>
      <c r="FFT122" s="26"/>
      <c r="FFU122" s="26"/>
      <c r="FFV122" s="26"/>
      <c r="FFW122" s="26"/>
      <c r="FFX122" s="26"/>
      <c r="FFY122" s="26"/>
      <c r="FFZ122" s="26"/>
      <c r="FGA122" s="26"/>
      <c r="FGB122" s="26"/>
      <c r="FGC122" s="26"/>
      <c r="FGD122" s="26"/>
      <c r="FGE122" s="26"/>
      <c r="FGF122" s="26"/>
      <c r="FGG122" s="26"/>
      <c r="FGH122" s="26"/>
      <c r="FGI122" s="26"/>
      <c r="FGJ122" s="26"/>
      <c r="FGK122" s="26"/>
      <c r="FGL122" s="26"/>
      <c r="FGM122" s="26"/>
      <c r="FGN122" s="26"/>
      <c r="FGO122" s="26"/>
      <c r="FGP122" s="26"/>
      <c r="FGQ122" s="26"/>
      <c r="FGR122" s="26"/>
      <c r="FGS122" s="26"/>
      <c r="FGT122" s="26"/>
      <c r="FGU122" s="26"/>
      <c r="FGV122" s="26"/>
      <c r="FGW122" s="26"/>
      <c r="FGX122" s="26"/>
      <c r="FGY122" s="26"/>
      <c r="FGZ122" s="26"/>
      <c r="FHA122" s="26"/>
      <c r="FHB122" s="26"/>
      <c r="FHC122" s="26"/>
      <c r="FHD122" s="26"/>
      <c r="FHE122" s="26"/>
      <c r="FHF122" s="26"/>
      <c r="FHG122" s="26"/>
      <c r="FHH122" s="26"/>
      <c r="FHI122" s="26"/>
      <c r="FHJ122" s="26"/>
      <c r="FHK122" s="26"/>
      <c r="FHL122" s="26"/>
      <c r="FHM122" s="26"/>
      <c r="FHN122" s="26"/>
      <c r="FHO122" s="26"/>
      <c r="FHP122" s="26"/>
      <c r="FHQ122" s="26"/>
      <c r="FHR122" s="26"/>
      <c r="FHS122" s="26"/>
      <c r="FHT122" s="26"/>
      <c r="FHU122" s="26"/>
      <c r="FHV122" s="26"/>
      <c r="FHW122" s="26"/>
      <c r="FHX122" s="26"/>
      <c r="FHY122" s="26"/>
      <c r="FHZ122" s="26"/>
      <c r="FIA122" s="26"/>
      <c r="FIB122" s="26"/>
      <c r="FIC122" s="26"/>
      <c r="FID122" s="26"/>
      <c r="FIE122" s="26"/>
      <c r="FIF122" s="26"/>
      <c r="FIG122" s="26"/>
      <c r="FIH122" s="26"/>
      <c r="FII122" s="26"/>
      <c r="FIJ122" s="26"/>
      <c r="FIK122" s="26"/>
      <c r="FIL122" s="26"/>
      <c r="FIM122" s="26"/>
      <c r="FIN122" s="26"/>
      <c r="FIO122" s="26"/>
      <c r="FIP122" s="26"/>
      <c r="FIQ122" s="26"/>
      <c r="FIR122" s="26"/>
      <c r="FIS122" s="26"/>
      <c r="FIT122" s="26"/>
      <c r="FIU122" s="26"/>
      <c r="FIV122" s="26"/>
      <c r="FIW122" s="26"/>
      <c r="FIX122" s="26"/>
      <c r="FIY122" s="26"/>
      <c r="FIZ122" s="26"/>
      <c r="FJA122" s="26"/>
      <c r="FJB122" s="26"/>
      <c r="FJC122" s="26"/>
      <c r="FJD122" s="26"/>
      <c r="FJE122" s="26"/>
      <c r="FJF122" s="26"/>
      <c r="FJG122" s="26"/>
      <c r="FJH122" s="26"/>
      <c r="FJI122" s="26"/>
      <c r="FJJ122" s="26"/>
      <c r="FJK122" s="26"/>
      <c r="FJL122" s="26"/>
      <c r="FJM122" s="26"/>
      <c r="FJN122" s="26"/>
      <c r="FJO122" s="26"/>
      <c r="FJP122" s="26"/>
      <c r="FJQ122" s="26"/>
      <c r="FJR122" s="26"/>
      <c r="FJS122" s="26"/>
      <c r="FJT122" s="26"/>
      <c r="FJU122" s="26"/>
      <c r="FJV122" s="26"/>
      <c r="FJW122" s="26"/>
      <c r="FJX122" s="26"/>
      <c r="FJY122" s="26"/>
      <c r="FJZ122" s="26"/>
      <c r="FKA122" s="26"/>
      <c r="FKB122" s="26"/>
      <c r="FKC122" s="26"/>
      <c r="FKD122" s="26"/>
      <c r="FKE122" s="26"/>
      <c r="FKF122" s="26"/>
      <c r="FKG122" s="26"/>
      <c r="FKH122" s="26"/>
      <c r="FKI122" s="26"/>
      <c r="FKJ122" s="26"/>
      <c r="FKK122" s="26"/>
      <c r="FKL122" s="26"/>
      <c r="FKM122" s="26"/>
      <c r="FKN122" s="26"/>
      <c r="FKO122" s="26"/>
      <c r="FKP122" s="26"/>
      <c r="FKQ122" s="26"/>
      <c r="FKR122" s="26"/>
      <c r="FKS122" s="26"/>
      <c r="FKT122" s="26"/>
      <c r="FKU122" s="26"/>
      <c r="FKV122" s="26"/>
      <c r="FKW122" s="26"/>
      <c r="FKX122" s="26"/>
      <c r="FKY122" s="26"/>
      <c r="FKZ122" s="26"/>
      <c r="FLA122" s="26"/>
      <c r="FLB122" s="26"/>
      <c r="FLC122" s="26"/>
      <c r="FLD122" s="26"/>
      <c r="FLE122" s="26"/>
      <c r="FLF122" s="26"/>
      <c r="FLG122" s="26"/>
      <c r="FLH122" s="26"/>
      <c r="FLI122" s="26"/>
      <c r="FLJ122" s="26"/>
      <c r="FLK122" s="26"/>
      <c r="FLL122" s="26"/>
      <c r="FLM122" s="26"/>
      <c r="FLN122" s="26"/>
      <c r="FLO122" s="26"/>
      <c r="FLP122" s="26"/>
      <c r="FLQ122" s="26"/>
      <c r="FLR122" s="26"/>
      <c r="FLS122" s="26"/>
      <c r="FLT122" s="26"/>
      <c r="FLU122" s="26"/>
      <c r="FLV122" s="26"/>
      <c r="FLW122" s="26"/>
      <c r="FLX122" s="26"/>
      <c r="FLY122" s="26"/>
      <c r="FLZ122" s="26"/>
      <c r="FMA122" s="26"/>
      <c r="FMB122" s="26"/>
      <c r="FMC122" s="26"/>
      <c r="FMD122" s="26"/>
      <c r="FME122" s="26"/>
      <c r="FMF122" s="26"/>
      <c r="FMG122" s="26"/>
      <c r="FMH122" s="26"/>
      <c r="FMI122" s="26"/>
      <c r="FMJ122" s="26"/>
      <c r="FMK122" s="26"/>
      <c r="FML122" s="26"/>
      <c r="FMM122" s="26"/>
      <c r="FMN122" s="26"/>
      <c r="FMO122" s="26"/>
      <c r="FMP122" s="26"/>
      <c r="FMQ122" s="26"/>
      <c r="FMR122" s="26"/>
      <c r="FMS122" s="26"/>
      <c r="FMT122" s="26"/>
      <c r="FMU122" s="26"/>
      <c r="FMV122" s="26"/>
      <c r="FMW122" s="26"/>
      <c r="FMX122" s="26"/>
      <c r="FMY122" s="26"/>
      <c r="FMZ122" s="26"/>
      <c r="FNA122" s="26"/>
      <c r="FNB122" s="26"/>
      <c r="FNC122" s="26"/>
      <c r="FND122" s="26"/>
      <c r="FNE122" s="26"/>
      <c r="FNF122" s="26"/>
      <c r="FNG122" s="26"/>
      <c r="FNH122" s="26"/>
      <c r="FNI122" s="26"/>
      <c r="FNJ122" s="26"/>
      <c r="FNK122" s="26"/>
      <c r="FNL122" s="26"/>
      <c r="FNM122" s="26"/>
      <c r="FNN122" s="26"/>
      <c r="FNO122" s="26"/>
      <c r="FNP122" s="26"/>
      <c r="FNQ122" s="26"/>
      <c r="FNR122" s="26"/>
      <c r="FNS122" s="26"/>
      <c r="FNT122" s="26"/>
      <c r="FNU122" s="26"/>
      <c r="FNV122" s="26"/>
      <c r="FNW122" s="26"/>
      <c r="FNX122" s="26"/>
      <c r="FNY122" s="26"/>
      <c r="FNZ122" s="26"/>
      <c r="FOA122" s="26"/>
      <c r="FOB122" s="26"/>
      <c r="FOC122" s="26"/>
      <c r="FOD122" s="26"/>
      <c r="FOE122" s="26"/>
      <c r="FOF122" s="26"/>
      <c r="FOG122" s="26"/>
      <c r="FOH122" s="26"/>
      <c r="FOI122" s="26"/>
      <c r="FOJ122" s="26"/>
      <c r="FOK122" s="26"/>
      <c r="FOL122" s="26"/>
      <c r="FOM122" s="26"/>
      <c r="FON122" s="26"/>
      <c r="FOO122" s="26"/>
      <c r="FOP122" s="26"/>
      <c r="FOQ122" s="26"/>
      <c r="FOR122" s="26"/>
      <c r="FOS122" s="26"/>
      <c r="FOT122" s="26"/>
      <c r="FOU122" s="26"/>
      <c r="FOV122" s="26"/>
      <c r="FOW122" s="26"/>
      <c r="FOX122" s="26"/>
      <c r="FOY122" s="26"/>
      <c r="FOZ122" s="26"/>
      <c r="FPA122" s="26"/>
      <c r="FPB122" s="26"/>
      <c r="FPC122" s="26"/>
      <c r="FPD122" s="26"/>
      <c r="FPE122" s="26"/>
      <c r="FPF122" s="26"/>
      <c r="FPG122" s="26"/>
      <c r="FPH122" s="26"/>
      <c r="FPI122" s="26"/>
      <c r="FPJ122" s="26"/>
      <c r="FPK122" s="26"/>
      <c r="FPL122" s="26"/>
      <c r="FPM122" s="26"/>
      <c r="FPN122" s="26"/>
      <c r="FPO122" s="26"/>
      <c r="FPP122" s="26"/>
      <c r="FPQ122" s="26"/>
      <c r="FPR122" s="26"/>
      <c r="FPS122" s="26"/>
      <c r="FPT122" s="26"/>
      <c r="FPU122" s="26"/>
      <c r="FPV122" s="26"/>
      <c r="FPW122" s="26"/>
      <c r="FPX122" s="26"/>
      <c r="FPY122" s="26"/>
      <c r="FPZ122" s="26"/>
      <c r="FQA122" s="26"/>
      <c r="FQB122" s="26"/>
      <c r="FQC122" s="26"/>
      <c r="FQD122" s="26"/>
      <c r="FQE122" s="26"/>
      <c r="FQF122" s="26"/>
      <c r="FQG122" s="26"/>
      <c r="FQH122" s="26"/>
      <c r="FQI122" s="26"/>
      <c r="FQJ122" s="26"/>
      <c r="FQK122" s="26"/>
      <c r="FQL122" s="26"/>
      <c r="FQM122" s="26"/>
      <c r="FQN122" s="26"/>
      <c r="FQO122" s="26"/>
      <c r="FQP122" s="26"/>
      <c r="FQQ122" s="26"/>
      <c r="FQR122" s="26"/>
      <c r="FQS122" s="26"/>
      <c r="FQT122" s="26"/>
      <c r="FQU122" s="26"/>
      <c r="FQV122" s="26"/>
      <c r="FQW122" s="26"/>
      <c r="FQX122" s="26"/>
      <c r="FQY122" s="26"/>
      <c r="FQZ122" s="26"/>
      <c r="FRA122" s="26"/>
      <c r="FRB122" s="26"/>
      <c r="FRC122" s="26"/>
      <c r="FRD122" s="26"/>
      <c r="FRE122" s="26"/>
      <c r="FRF122" s="26"/>
      <c r="FRG122" s="26"/>
      <c r="FRH122" s="26"/>
      <c r="FRI122" s="26"/>
      <c r="FRJ122" s="26"/>
      <c r="FRK122" s="26"/>
      <c r="FRL122" s="26"/>
      <c r="FRM122" s="26"/>
      <c r="FRN122" s="26"/>
      <c r="FRO122" s="26"/>
      <c r="FRP122" s="26"/>
      <c r="FRQ122" s="26"/>
      <c r="FRR122" s="26"/>
      <c r="FRS122" s="26"/>
      <c r="FRT122" s="26"/>
      <c r="FRU122" s="26"/>
      <c r="FRV122" s="26"/>
      <c r="FRW122" s="26"/>
      <c r="FRX122" s="26"/>
      <c r="FRY122" s="26"/>
      <c r="FRZ122" s="26"/>
      <c r="FSA122" s="26"/>
      <c r="FSB122" s="26"/>
      <c r="FSC122" s="26"/>
      <c r="FSD122" s="26"/>
      <c r="FSE122" s="26"/>
      <c r="FSF122" s="26"/>
      <c r="FSG122" s="26"/>
      <c r="FSH122" s="26"/>
      <c r="FSI122" s="26"/>
      <c r="FSJ122" s="26"/>
      <c r="FSK122" s="26"/>
      <c r="FSL122" s="26"/>
      <c r="FSM122" s="26"/>
      <c r="FSN122" s="26"/>
      <c r="FSO122" s="26"/>
      <c r="FSP122" s="26"/>
      <c r="FSQ122" s="26"/>
      <c r="FSR122" s="26"/>
      <c r="FSS122" s="26"/>
      <c r="FST122" s="26"/>
      <c r="FSU122" s="26"/>
      <c r="FSV122" s="26"/>
      <c r="FSW122" s="26"/>
      <c r="FSX122" s="26"/>
      <c r="FSY122" s="26"/>
      <c r="FSZ122" s="26"/>
      <c r="FTA122" s="26"/>
      <c r="FTB122" s="26"/>
      <c r="FTC122" s="26"/>
      <c r="FTD122" s="26"/>
      <c r="FTE122" s="26"/>
      <c r="FTF122" s="26"/>
      <c r="FTG122" s="26"/>
      <c r="FTH122" s="26"/>
      <c r="FTI122" s="26"/>
      <c r="FTJ122" s="26"/>
      <c r="FTK122" s="26"/>
      <c r="FTL122" s="26"/>
      <c r="FTM122" s="26"/>
      <c r="FTN122" s="26"/>
      <c r="FTO122" s="26"/>
      <c r="FTP122" s="26"/>
      <c r="FTQ122" s="26"/>
      <c r="FTR122" s="26"/>
      <c r="FTS122" s="26"/>
      <c r="FTT122" s="26"/>
      <c r="FTU122" s="26"/>
      <c r="FTV122" s="26"/>
      <c r="FTW122" s="26"/>
      <c r="FTX122" s="26"/>
      <c r="FTY122" s="26"/>
      <c r="FTZ122" s="26"/>
      <c r="FUA122" s="26"/>
      <c r="FUB122" s="26"/>
      <c r="FUC122" s="26"/>
      <c r="FUD122" s="26"/>
      <c r="FUE122" s="26"/>
      <c r="FUF122" s="26"/>
      <c r="FUG122" s="26"/>
      <c r="FUH122" s="26"/>
      <c r="FUI122" s="26"/>
      <c r="FUJ122" s="26"/>
      <c r="FUK122" s="26"/>
      <c r="FUL122" s="26"/>
      <c r="FUM122" s="26"/>
      <c r="FUN122" s="26"/>
      <c r="FUO122" s="26"/>
      <c r="FUP122" s="26"/>
      <c r="FUQ122" s="26"/>
      <c r="FUR122" s="26"/>
      <c r="FUS122" s="26"/>
      <c r="FUT122" s="26"/>
      <c r="FUU122" s="26"/>
      <c r="FUV122" s="26"/>
      <c r="FUW122" s="26"/>
      <c r="FUX122" s="26"/>
      <c r="FUY122" s="26"/>
      <c r="FUZ122" s="26"/>
      <c r="FVA122" s="26"/>
      <c r="FVB122" s="26"/>
      <c r="FVC122" s="26"/>
      <c r="FVD122" s="26"/>
      <c r="FVE122" s="26"/>
      <c r="FVF122" s="26"/>
      <c r="FVG122" s="26"/>
      <c r="FVH122" s="26"/>
      <c r="FVI122" s="26"/>
      <c r="FVJ122" s="26"/>
      <c r="FVK122" s="26"/>
      <c r="FVL122" s="26"/>
      <c r="FVM122" s="26"/>
      <c r="FVN122" s="26"/>
      <c r="FVO122" s="26"/>
      <c r="FVP122" s="26"/>
      <c r="FVQ122" s="26"/>
      <c r="FVR122" s="26"/>
      <c r="FVS122" s="26"/>
      <c r="FVT122" s="26"/>
      <c r="FVU122" s="26"/>
      <c r="FVV122" s="26"/>
      <c r="FVW122" s="26"/>
      <c r="FVX122" s="26"/>
      <c r="FVY122" s="26"/>
      <c r="FVZ122" s="26"/>
      <c r="FWA122" s="26"/>
      <c r="FWB122" s="26"/>
      <c r="FWC122" s="26"/>
      <c r="FWD122" s="26"/>
      <c r="FWE122" s="26"/>
      <c r="FWF122" s="26"/>
      <c r="FWG122" s="26"/>
      <c r="FWH122" s="26"/>
      <c r="FWI122" s="26"/>
      <c r="FWJ122" s="26"/>
      <c r="FWK122" s="26"/>
      <c r="FWL122" s="26"/>
      <c r="FWM122" s="26"/>
      <c r="FWN122" s="26"/>
      <c r="FWO122" s="26"/>
      <c r="FWP122" s="26"/>
      <c r="FWQ122" s="26"/>
      <c r="FWR122" s="26"/>
      <c r="FWS122" s="26"/>
      <c r="FWT122" s="26"/>
      <c r="FWU122" s="26"/>
      <c r="FWV122" s="26"/>
      <c r="FWW122" s="26"/>
      <c r="FWX122" s="26"/>
      <c r="FWY122" s="26"/>
      <c r="FWZ122" s="26"/>
      <c r="FXA122" s="26"/>
      <c r="FXB122" s="26"/>
      <c r="FXC122" s="26"/>
      <c r="FXD122" s="26"/>
      <c r="FXE122" s="26"/>
      <c r="FXF122" s="26"/>
      <c r="FXG122" s="26"/>
      <c r="FXH122" s="26"/>
      <c r="FXI122" s="26"/>
      <c r="FXJ122" s="26"/>
      <c r="FXK122" s="26"/>
      <c r="FXL122" s="26"/>
      <c r="FXM122" s="26"/>
      <c r="FXN122" s="26"/>
      <c r="FXO122" s="26"/>
      <c r="FXP122" s="26"/>
      <c r="FXQ122" s="26"/>
      <c r="FXR122" s="26"/>
      <c r="FXS122" s="26"/>
      <c r="FXT122" s="26"/>
      <c r="FXU122" s="26"/>
      <c r="FXV122" s="26"/>
      <c r="FXW122" s="26"/>
      <c r="FXX122" s="26"/>
      <c r="FXY122" s="26"/>
      <c r="FXZ122" s="26"/>
      <c r="FYA122" s="26"/>
      <c r="FYB122" s="26"/>
      <c r="FYC122" s="26"/>
      <c r="FYD122" s="26"/>
      <c r="FYE122" s="26"/>
      <c r="FYF122" s="26"/>
      <c r="FYG122" s="26"/>
      <c r="FYH122" s="26"/>
      <c r="FYI122" s="26"/>
      <c r="FYJ122" s="26"/>
      <c r="FYK122" s="26"/>
      <c r="FYL122" s="26"/>
      <c r="FYM122" s="26"/>
      <c r="FYN122" s="26"/>
      <c r="FYO122" s="26"/>
      <c r="FYP122" s="26"/>
      <c r="FYQ122" s="26"/>
      <c r="FYR122" s="26"/>
      <c r="FYS122" s="26"/>
      <c r="FYT122" s="26"/>
      <c r="FYU122" s="26"/>
      <c r="FYV122" s="26"/>
      <c r="FYW122" s="26"/>
      <c r="FYX122" s="26"/>
      <c r="FYY122" s="26"/>
      <c r="FYZ122" s="26"/>
      <c r="FZA122" s="26"/>
      <c r="FZB122" s="26"/>
      <c r="FZC122" s="26"/>
      <c r="FZD122" s="26"/>
      <c r="FZE122" s="26"/>
      <c r="FZF122" s="26"/>
      <c r="FZG122" s="26"/>
      <c r="FZH122" s="26"/>
      <c r="FZI122" s="26"/>
      <c r="FZJ122" s="26"/>
      <c r="FZK122" s="26"/>
      <c r="FZL122" s="26"/>
      <c r="FZM122" s="26"/>
      <c r="FZN122" s="26"/>
      <c r="FZO122" s="26"/>
      <c r="FZP122" s="26"/>
      <c r="FZQ122" s="26"/>
      <c r="FZR122" s="26"/>
      <c r="FZS122" s="26"/>
      <c r="FZT122" s="26"/>
      <c r="FZU122" s="26"/>
      <c r="FZV122" s="26"/>
      <c r="FZW122" s="26"/>
      <c r="FZX122" s="26"/>
      <c r="FZY122" s="26"/>
      <c r="FZZ122" s="26"/>
      <c r="GAA122" s="26"/>
      <c r="GAB122" s="26"/>
      <c r="GAC122" s="26"/>
      <c r="GAD122" s="26"/>
      <c r="GAE122" s="26"/>
      <c r="GAF122" s="26"/>
      <c r="GAG122" s="26"/>
      <c r="GAH122" s="26"/>
      <c r="GAI122" s="26"/>
      <c r="GAJ122" s="26"/>
      <c r="GAK122" s="26"/>
      <c r="GAL122" s="26"/>
      <c r="GAM122" s="26"/>
      <c r="GAN122" s="26"/>
      <c r="GAO122" s="26"/>
      <c r="GAP122" s="26"/>
      <c r="GAQ122" s="26"/>
      <c r="GAR122" s="26"/>
      <c r="GAS122" s="26"/>
      <c r="GAT122" s="26"/>
      <c r="GAU122" s="26"/>
      <c r="GAV122" s="26"/>
      <c r="GAW122" s="26"/>
      <c r="GAX122" s="26"/>
      <c r="GAY122" s="26"/>
      <c r="GAZ122" s="26"/>
      <c r="GBA122" s="26"/>
      <c r="GBB122" s="26"/>
      <c r="GBC122" s="26"/>
      <c r="GBD122" s="26"/>
      <c r="GBE122" s="26"/>
      <c r="GBF122" s="26"/>
      <c r="GBG122" s="26"/>
      <c r="GBH122" s="26"/>
      <c r="GBI122" s="26"/>
      <c r="GBJ122" s="26"/>
      <c r="GBK122" s="26"/>
      <c r="GBL122" s="26"/>
      <c r="GBM122" s="26"/>
      <c r="GBN122" s="26"/>
      <c r="GBO122" s="26"/>
      <c r="GBP122" s="26"/>
      <c r="GBQ122" s="26"/>
      <c r="GBR122" s="26"/>
      <c r="GBS122" s="26"/>
      <c r="GBT122" s="26"/>
      <c r="GBU122" s="26"/>
      <c r="GBV122" s="26"/>
      <c r="GBW122" s="26"/>
      <c r="GBX122" s="26"/>
      <c r="GBY122" s="26"/>
      <c r="GBZ122" s="26"/>
      <c r="GCA122" s="26"/>
      <c r="GCB122" s="26"/>
      <c r="GCC122" s="26"/>
      <c r="GCD122" s="26"/>
      <c r="GCE122" s="26"/>
      <c r="GCF122" s="26"/>
      <c r="GCG122" s="26"/>
      <c r="GCH122" s="26"/>
      <c r="GCI122" s="26"/>
      <c r="GCJ122" s="26"/>
      <c r="GCK122" s="26"/>
      <c r="GCL122" s="26"/>
      <c r="GCM122" s="26"/>
      <c r="GCN122" s="26"/>
      <c r="GCO122" s="26"/>
      <c r="GCP122" s="26"/>
      <c r="GCQ122" s="26"/>
      <c r="GCR122" s="26"/>
      <c r="GCS122" s="26"/>
      <c r="GCT122" s="26"/>
      <c r="GCU122" s="26"/>
      <c r="GCV122" s="26"/>
      <c r="GCW122" s="26"/>
      <c r="GCX122" s="26"/>
      <c r="GCY122" s="26"/>
      <c r="GCZ122" s="26"/>
      <c r="GDA122" s="26"/>
      <c r="GDB122" s="26"/>
      <c r="GDC122" s="26"/>
      <c r="GDD122" s="26"/>
      <c r="GDE122" s="26"/>
      <c r="GDF122" s="26"/>
      <c r="GDG122" s="26"/>
      <c r="GDH122" s="26"/>
      <c r="GDI122" s="26"/>
      <c r="GDJ122" s="26"/>
      <c r="GDK122" s="26"/>
      <c r="GDL122" s="26"/>
      <c r="GDM122" s="26"/>
      <c r="GDN122" s="26"/>
      <c r="GDO122" s="26"/>
      <c r="GDP122" s="26"/>
      <c r="GDQ122" s="26"/>
      <c r="GDR122" s="26"/>
      <c r="GDS122" s="26"/>
      <c r="GDT122" s="26"/>
      <c r="GDU122" s="26"/>
      <c r="GDV122" s="26"/>
      <c r="GDW122" s="26"/>
      <c r="GDX122" s="26"/>
      <c r="GDY122" s="26"/>
      <c r="GDZ122" s="26"/>
      <c r="GEA122" s="26"/>
      <c r="GEB122" s="26"/>
      <c r="GEC122" s="26"/>
      <c r="GED122" s="26"/>
      <c r="GEE122" s="26"/>
      <c r="GEF122" s="26"/>
      <c r="GEG122" s="26"/>
      <c r="GEH122" s="26"/>
      <c r="GEI122" s="26"/>
      <c r="GEJ122" s="26"/>
      <c r="GEK122" s="26"/>
      <c r="GEL122" s="26"/>
      <c r="GEM122" s="26"/>
      <c r="GEN122" s="26"/>
      <c r="GEO122" s="26"/>
      <c r="GEP122" s="26"/>
      <c r="GEQ122" s="26"/>
      <c r="GER122" s="26"/>
      <c r="GES122" s="26"/>
      <c r="GET122" s="26"/>
      <c r="GEU122" s="26"/>
      <c r="GEV122" s="26"/>
      <c r="GEW122" s="26"/>
      <c r="GEX122" s="26"/>
      <c r="GEY122" s="26"/>
      <c r="GEZ122" s="26"/>
      <c r="GFA122" s="26"/>
      <c r="GFB122" s="26"/>
      <c r="GFC122" s="26"/>
      <c r="GFD122" s="26"/>
      <c r="GFE122" s="26"/>
      <c r="GFF122" s="26"/>
      <c r="GFG122" s="26"/>
      <c r="GFH122" s="26"/>
      <c r="GFI122" s="26"/>
      <c r="GFJ122" s="26"/>
      <c r="GFK122" s="26"/>
      <c r="GFL122" s="26"/>
      <c r="GFM122" s="26"/>
      <c r="GFN122" s="26"/>
      <c r="GFO122" s="26"/>
      <c r="GFP122" s="26"/>
      <c r="GFQ122" s="26"/>
      <c r="GFR122" s="26"/>
      <c r="GFS122" s="26"/>
      <c r="GFT122" s="26"/>
      <c r="GFU122" s="26"/>
      <c r="GFV122" s="26"/>
      <c r="GFW122" s="26"/>
      <c r="GFX122" s="26"/>
      <c r="GFY122" s="26"/>
      <c r="GFZ122" s="26"/>
      <c r="GGA122" s="26"/>
      <c r="GGB122" s="26"/>
      <c r="GGC122" s="26"/>
      <c r="GGD122" s="26"/>
      <c r="GGE122" s="26"/>
      <c r="GGF122" s="26"/>
      <c r="GGG122" s="26"/>
      <c r="GGH122" s="26"/>
      <c r="GGI122" s="26"/>
      <c r="GGJ122" s="26"/>
      <c r="GGK122" s="26"/>
      <c r="GGL122" s="26"/>
      <c r="GGM122" s="26"/>
      <c r="GGN122" s="26"/>
      <c r="GGO122" s="26"/>
      <c r="GGP122" s="26"/>
      <c r="GGQ122" s="26"/>
      <c r="GGR122" s="26"/>
      <c r="GGS122" s="26"/>
      <c r="GGT122" s="26"/>
      <c r="GGU122" s="26"/>
      <c r="GGV122" s="26"/>
      <c r="GGW122" s="26"/>
      <c r="GGX122" s="26"/>
      <c r="GGY122" s="26"/>
      <c r="GGZ122" s="26"/>
      <c r="GHA122" s="26"/>
      <c r="GHB122" s="26"/>
      <c r="GHC122" s="26"/>
      <c r="GHD122" s="26"/>
      <c r="GHE122" s="26"/>
      <c r="GHF122" s="26"/>
      <c r="GHG122" s="26"/>
      <c r="GHH122" s="26"/>
      <c r="GHI122" s="26"/>
      <c r="GHJ122" s="26"/>
      <c r="GHK122" s="26"/>
      <c r="GHL122" s="26"/>
      <c r="GHM122" s="26"/>
      <c r="GHN122" s="26"/>
      <c r="GHO122" s="26"/>
      <c r="GHP122" s="26"/>
      <c r="GHQ122" s="26"/>
      <c r="GHR122" s="26"/>
      <c r="GHS122" s="26"/>
      <c r="GHT122" s="26"/>
      <c r="GHU122" s="26"/>
      <c r="GHV122" s="26"/>
      <c r="GHW122" s="26"/>
      <c r="GHX122" s="26"/>
      <c r="GHY122" s="26"/>
      <c r="GHZ122" s="26"/>
      <c r="GIA122" s="26"/>
      <c r="GIB122" s="26"/>
      <c r="GIC122" s="26"/>
      <c r="GID122" s="26"/>
      <c r="GIE122" s="26"/>
      <c r="GIF122" s="26"/>
      <c r="GIG122" s="26"/>
      <c r="GIH122" s="26"/>
      <c r="GII122" s="26"/>
      <c r="GIJ122" s="26"/>
      <c r="GIK122" s="26"/>
      <c r="GIL122" s="26"/>
      <c r="GIM122" s="26"/>
      <c r="GIN122" s="26"/>
      <c r="GIO122" s="26"/>
      <c r="GIP122" s="26"/>
      <c r="GIQ122" s="26"/>
      <c r="GIR122" s="26"/>
      <c r="GIS122" s="26"/>
      <c r="GIT122" s="26"/>
      <c r="GIU122" s="26"/>
      <c r="GIV122" s="26"/>
      <c r="GIW122" s="26"/>
      <c r="GIX122" s="26"/>
      <c r="GIY122" s="26"/>
      <c r="GIZ122" s="26"/>
      <c r="GJA122" s="26"/>
      <c r="GJB122" s="26"/>
      <c r="GJC122" s="26"/>
      <c r="GJD122" s="26"/>
      <c r="GJE122" s="26"/>
      <c r="GJF122" s="26"/>
      <c r="GJG122" s="26"/>
      <c r="GJH122" s="26"/>
      <c r="GJI122" s="26"/>
      <c r="GJJ122" s="26"/>
      <c r="GJK122" s="26"/>
      <c r="GJL122" s="26"/>
      <c r="GJM122" s="26"/>
      <c r="GJN122" s="26"/>
      <c r="GJO122" s="26"/>
      <c r="GJP122" s="26"/>
      <c r="GJQ122" s="26"/>
      <c r="GJR122" s="26"/>
      <c r="GJS122" s="26"/>
      <c r="GJT122" s="26"/>
      <c r="GJU122" s="26"/>
      <c r="GJV122" s="26"/>
      <c r="GJW122" s="26"/>
      <c r="GJX122" s="26"/>
      <c r="GJY122" s="26"/>
      <c r="GJZ122" s="26"/>
      <c r="GKA122" s="26"/>
      <c r="GKB122" s="26"/>
      <c r="GKC122" s="26"/>
      <c r="GKD122" s="26"/>
      <c r="GKE122" s="26"/>
      <c r="GKF122" s="26"/>
      <c r="GKG122" s="26"/>
      <c r="GKH122" s="26"/>
      <c r="GKI122" s="26"/>
      <c r="GKJ122" s="26"/>
      <c r="GKK122" s="26"/>
      <c r="GKL122" s="26"/>
      <c r="GKM122" s="26"/>
      <c r="GKN122" s="26"/>
      <c r="GKO122" s="26"/>
      <c r="GKP122" s="26"/>
      <c r="GKQ122" s="26"/>
      <c r="GKR122" s="26"/>
      <c r="GKS122" s="26"/>
      <c r="GKT122" s="26"/>
      <c r="GKU122" s="26"/>
      <c r="GKV122" s="26"/>
      <c r="GKW122" s="26"/>
      <c r="GKX122" s="26"/>
      <c r="GKY122" s="26"/>
      <c r="GKZ122" s="26"/>
      <c r="GLA122" s="26"/>
      <c r="GLB122" s="26"/>
      <c r="GLC122" s="26"/>
      <c r="GLD122" s="26"/>
      <c r="GLE122" s="26"/>
      <c r="GLF122" s="26"/>
      <c r="GLG122" s="26"/>
      <c r="GLH122" s="26"/>
      <c r="GLI122" s="26"/>
      <c r="GLJ122" s="26"/>
      <c r="GLK122" s="26"/>
      <c r="GLL122" s="26"/>
      <c r="GLM122" s="26"/>
      <c r="GLN122" s="26"/>
      <c r="GLO122" s="26"/>
      <c r="GLP122" s="26"/>
      <c r="GLQ122" s="26"/>
      <c r="GLR122" s="26"/>
      <c r="GLS122" s="26"/>
      <c r="GLT122" s="26"/>
      <c r="GLU122" s="26"/>
      <c r="GLV122" s="26"/>
      <c r="GLW122" s="26"/>
      <c r="GLX122" s="26"/>
      <c r="GLY122" s="26"/>
      <c r="GLZ122" s="26"/>
      <c r="GMA122" s="26"/>
      <c r="GMB122" s="26"/>
      <c r="GMC122" s="26"/>
      <c r="GMD122" s="26"/>
      <c r="GME122" s="26"/>
      <c r="GMF122" s="26"/>
      <c r="GMG122" s="26"/>
      <c r="GMH122" s="26"/>
      <c r="GMI122" s="26"/>
      <c r="GMJ122" s="26"/>
      <c r="GMK122" s="26"/>
      <c r="GML122" s="26"/>
      <c r="GMM122" s="26"/>
      <c r="GMN122" s="26"/>
      <c r="GMO122" s="26"/>
      <c r="GMP122" s="26"/>
      <c r="GMQ122" s="26"/>
      <c r="GMR122" s="26"/>
      <c r="GMS122" s="26"/>
      <c r="GMT122" s="26"/>
      <c r="GMU122" s="26"/>
      <c r="GMV122" s="26"/>
      <c r="GMW122" s="26"/>
      <c r="GMX122" s="26"/>
      <c r="GMY122" s="26"/>
      <c r="GMZ122" s="26"/>
      <c r="GNA122" s="26"/>
      <c r="GNB122" s="26"/>
      <c r="GNC122" s="26"/>
      <c r="GND122" s="26"/>
      <c r="GNE122" s="26"/>
      <c r="GNF122" s="26"/>
      <c r="GNG122" s="26"/>
      <c r="GNH122" s="26"/>
      <c r="GNI122" s="26"/>
      <c r="GNJ122" s="26"/>
      <c r="GNK122" s="26"/>
      <c r="GNL122" s="26"/>
      <c r="GNM122" s="26"/>
      <c r="GNN122" s="26"/>
      <c r="GNO122" s="26"/>
      <c r="GNP122" s="26"/>
      <c r="GNQ122" s="26"/>
      <c r="GNR122" s="26"/>
      <c r="GNS122" s="26"/>
      <c r="GNT122" s="26"/>
      <c r="GNU122" s="26"/>
      <c r="GNV122" s="26"/>
      <c r="GNW122" s="26"/>
      <c r="GNX122" s="26"/>
      <c r="GNY122" s="26"/>
      <c r="GNZ122" s="26"/>
      <c r="GOA122" s="26"/>
      <c r="GOB122" s="26"/>
      <c r="GOC122" s="26"/>
      <c r="GOD122" s="26"/>
      <c r="GOE122" s="26"/>
      <c r="GOF122" s="26"/>
      <c r="GOG122" s="26"/>
      <c r="GOH122" s="26"/>
      <c r="GOI122" s="26"/>
      <c r="GOJ122" s="26"/>
      <c r="GOK122" s="26"/>
      <c r="GOL122" s="26"/>
      <c r="GOM122" s="26"/>
      <c r="GON122" s="26"/>
      <c r="GOO122" s="26"/>
      <c r="GOP122" s="26"/>
      <c r="GOQ122" s="26"/>
      <c r="GOR122" s="26"/>
      <c r="GOS122" s="26"/>
      <c r="GOT122" s="26"/>
      <c r="GOU122" s="26"/>
      <c r="GOV122" s="26"/>
      <c r="GOW122" s="26"/>
      <c r="GOX122" s="26"/>
      <c r="GOY122" s="26"/>
      <c r="GOZ122" s="26"/>
      <c r="GPA122" s="26"/>
      <c r="GPB122" s="26"/>
      <c r="GPC122" s="26"/>
      <c r="GPD122" s="26"/>
      <c r="GPE122" s="26"/>
      <c r="GPF122" s="26"/>
      <c r="GPG122" s="26"/>
      <c r="GPH122" s="26"/>
      <c r="GPI122" s="26"/>
      <c r="GPJ122" s="26"/>
      <c r="GPK122" s="26"/>
      <c r="GPL122" s="26"/>
      <c r="GPM122" s="26"/>
      <c r="GPN122" s="26"/>
      <c r="GPO122" s="26"/>
      <c r="GPP122" s="26"/>
      <c r="GPQ122" s="26"/>
      <c r="GPR122" s="26"/>
      <c r="GPS122" s="26"/>
      <c r="GPT122" s="26"/>
      <c r="GPU122" s="26"/>
      <c r="GPV122" s="26"/>
      <c r="GPW122" s="26"/>
      <c r="GPX122" s="26"/>
      <c r="GPY122" s="26"/>
      <c r="GPZ122" s="26"/>
      <c r="GQA122" s="26"/>
      <c r="GQB122" s="26"/>
      <c r="GQC122" s="26"/>
      <c r="GQD122" s="26"/>
      <c r="GQE122" s="26"/>
      <c r="GQF122" s="26"/>
      <c r="GQG122" s="26"/>
      <c r="GQH122" s="26"/>
      <c r="GQI122" s="26"/>
      <c r="GQJ122" s="26"/>
      <c r="GQK122" s="26"/>
      <c r="GQL122" s="26"/>
      <c r="GQM122" s="26"/>
      <c r="GQN122" s="26"/>
      <c r="GQO122" s="26"/>
      <c r="GQP122" s="26"/>
      <c r="GQQ122" s="26"/>
      <c r="GQR122" s="26"/>
      <c r="GQS122" s="26"/>
      <c r="GQT122" s="26"/>
      <c r="GQU122" s="26"/>
      <c r="GQV122" s="26"/>
      <c r="GQW122" s="26"/>
      <c r="GQX122" s="26"/>
      <c r="GQY122" s="26"/>
      <c r="GQZ122" s="26"/>
      <c r="GRA122" s="26"/>
      <c r="GRB122" s="26"/>
      <c r="GRC122" s="26"/>
      <c r="GRD122" s="26"/>
      <c r="GRE122" s="26"/>
      <c r="GRF122" s="26"/>
      <c r="GRG122" s="26"/>
      <c r="GRH122" s="26"/>
      <c r="GRI122" s="26"/>
      <c r="GRJ122" s="26"/>
      <c r="GRK122" s="26"/>
      <c r="GRL122" s="26"/>
      <c r="GRM122" s="26"/>
      <c r="GRN122" s="26"/>
      <c r="GRO122" s="26"/>
      <c r="GRP122" s="26"/>
      <c r="GRQ122" s="26"/>
      <c r="GRR122" s="26"/>
      <c r="GRS122" s="26"/>
      <c r="GRT122" s="26"/>
      <c r="GRU122" s="26"/>
      <c r="GRV122" s="26"/>
      <c r="GRW122" s="26"/>
      <c r="GRX122" s="26"/>
      <c r="GRY122" s="26"/>
      <c r="GRZ122" s="26"/>
      <c r="GSA122" s="26"/>
      <c r="GSB122" s="26"/>
      <c r="GSC122" s="26"/>
      <c r="GSD122" s="26"/>
      <c r="GSE122" s="26"/>
      <c r="GSF122" s="26"/>
      <c r="GSG122" s="26"/>
      <c r="GSH122" s="26"/>
      <c r="GSI122" s="26"/>
      <c r="GSJ122" s="26"/>
      <c r="GSK122" s="26"/>
      <c r="GSL122" s="26"/>
      <c r="GSM122" s="26"/>
      <c r="GSN122" s="26"/>
      <c r="GSO122" s="26"/>
      <c r="GSP122" s="26"/>
      <c r="GSQ122" s="26"/>
      <c r="GSR122" s="26"/>
      <c r="GSS122" s="26"/>
      <c r="GST122" s="26"/>
      <c r="GSU122" s="26"/>
      <c r="GSV122" s="26"/>
      <c r="GSW122" s="26"/>
      <c r="GSX122" s="26"/>
      <c r="GSY122" s="26"/>
      <c r="GSZ122" s="26"/>
      <c r="GTA122" s="26"/>
      <c r="GTB122" s="26"/>
      <c r="GTC122" s="26"/>
      <c r="GTD122" s="26"/>
      <c r="GTE122" s="26"/>
      <c r="GTF122" s="26"/>
      <c r="GTG122" s="26"/>
      <c r="GTH122" s="26"/>
      <c r="GTI122" s="26"/>
      <c r="GTJ122" s="26"/>
      <c r="GTK122" s="26"/>
      <c r="GTL122" s="26"/>
      <c r="GTM122" s="26"/>
      <c r="GTN122" s="26"/>
      <c r="GTO122" s="26"/>
      <c r="GTP122" s="26"/>
      <c r="GTQ122" s="26"/>
      <c r="GTR122" s="26"/>
      <c r="GTS122" s="26"/>
      <c r="GTT122" s="26"/>
      <c r="GTU122" s="26"/>
      <c r="GTV122" s="26"/>
      <c r="GTW122" s="26"/>
      <c r="GTX122" s="26"/>
      <c r="GTY122" s="26"/>
      <c r="GTZ122" s="26"/>
      <c r="GUA122" s="26"/>
      <c r="GUB122" s="26"/>
      <c r="GUC122" s="26"/>
      <c r="GUD122" s="26"/>
      <c r="GUE122" s="26"/>
      <c r="GUF122" s="26"/>
      <c r="GUG122" s="26"/>
      <c r="GUH122" s="26"/>
      <c r="GUI122" s="26"/>
      <c r="GUJ122" s="26"/>
      <c r="GUK122" s="26"/>
      <c r="GUL122" s="26"/>
      <c r="GUM122" s="26"/>
      <c r="GUN122" s="26"/>
      <c r="GUO122" s="26"/>
      <c r="GUP122" s="26"/>
      <c r="GUQ122" s="26"/>
      <c r="GUR122" s="26"/>
      <c r="GUS122" s="26"/>
      <c r="GUT122" s="26"/>
      <c r="GUU122" s="26"/>
      <c r="GUV122" s="26"/>
      <c r="GUW122" s="26"/>
      <c r="GUX122" s="26"/>
      <c r="GUY122" s="26"/>
      <c r="GUZ122" s="26"/>
      <c r="GVA122" s="26"/>
      <c r="GVB122" s="26"/>
      <c r="GVC122" s="26"/>
      <c r="GVD122" s="26"/>
      <c r="GVE122" s="26"/>
      <c r="GVF122" s="26"/>
      <c r="GVG122" s="26"/>
      <c r="GVH122" s="26"/>
      <c r="GVI122" s="26"/>
      <c r="GVJ122" s="26"/>
      <c r="GVK122" s="26"/>
      <c r="GVL122" s="26"/>
      <c r="GVM122" s="26"/>
      <c r="GVN122" s="26"/>
      <c r="GVO122" s="26"/>
      <c r="GVP122" s="26"/>
      <c r="GVQ122" s="26"/>
      <c r="GVR122" s="26"/>
      <c r="GVS122" s="26"/>
      <c r="GVT122" s="26"/>
      <c r="GVU122" s="26"/>
      <c r="GVV122" s="26"/>
      <c r="GVW122" s="26"/>
      <c r="GVX122" s="26"/>
      <c r="GVY122" s="26"/>
      <c r="GVZ122" s="26"/>
      <c r="GWA122" s="26"/>
      <c r="GWB122" s="26"/>
      <c r="GWC122" s="26"/>
      <c r="GWD122" s="26"/>
      <c r="GWE122" s="26"/>
      <c r="GWF122" s="26"/>
      <c r="GWG122" s="26"/>
      <c r="GWH122" s="26"/>
      <c r="GWI122" s="26"/>
      <c r="GWJ122" s="26"/>
      <c r="GWK122" s="26"/>
      <c r="GWL122" s="26"/>
      <c r="GWM122" s="26"/>
      <c r="GWN122" s="26"/>
      <c r="GWO122" s="26"/>
      <c r="GWP122" s="26"/>
      <c r="GWQ122" s="26"/>
      <c r="GWR122" s="26"/>
      <c r="GWS122" s="26"/>
      <c r="GWT122" s="26"/>
      <c r="GWU122" s="26"/>
      <c r="GWV122" s="26"/>
      <c r="GWW122" s="26"/>
      <c r="GWX122" s="26"/>
      <c r="GWY122" s="26"/>
      <c r="GWZ122" s="26"/>
      <c r="GXA122" s="26"/>
      <c r="GXB122" s="26"/>
      <c r="GXC122" s="26"/>
      <c r="GXD122" s="26"/>
      <c r="GXE122" s="26"/>
      <c r="GXF122" s="26"/>
      <c r="GXG122" s="26"/>
      <c r="GXH122" s="26"/>
      <c r="GXI122" s="26"/>
      <c r="GXJ122" s="26"/>
      <c r="GXK122" s="26"/>
      <c r="GXL122" s="26"/>
      <c r="GXM122" s="26"/>
      <c r="GXN122" s="26"/>
      <c r="GXO122" s="26"/>
      <c r="GXP122" s="26"/>
      <c r="GXQ122" s="26"/>
      <c r="GXR122" s="26"/>
      <c r="GXS122" s="26"/>
      <c r="GXT122" s="26"/>
      <c r="GXU122" s="26"/>
      <c r="GXV122" s="26"/>
      <c r="GXW122" s="26"/>
      <c r="GXX122" s="26"/>
      <c r="GXY122" s="26"/>
      <c r="GXZ122" s="26"/>
      <c r="GYA122" s="26"/>
      <c r="GYB122" s="26"/>
      <c r="GYC122" s="26"/>
      <c r="GYD122" s="26"/>
      <c r="GYE122" s="26"/>
      <c r="GYF122" s="26"/>
      <c r="GYG122" s="26"/>
      <c r="GYH122" s="26"/>
      <c r="GYI122" s="26"/>
      <c r="GYJ122" s="26"/>
      <c r="GYK122" s="26"/>
      <c r="GYL122" s="26"/>
      <c r="GYM122" s="26"/>
      <c r="GYN122" s="26"/>
      <c r="GYO122" s="26"/>
      <c r="GYP122" s="26"/>
      <c r="GYQ122" s="26"/>
      <c r="GYR122" s="26"/>
      <c r="GYS122" s="26"/>
      <c r="GYT122" s="26"/>
      <c r="GYU122" s="26"/>
      <c r="GYV122" s="26"/>
      <c r="GYW122" s="26"/>
      <c r="GYX122" s="26"/>
      <c r="GYY122" s="26"/>
      <c r="GYZ122" s="26"/>
      <c r="GZA122" s="26"/>
      <c r="GZB122" s="26"/>
      <c r="GZC122" s="26"/>
      <c r="GZD122" s="26"/>
      <c r="GZE122" s="26"/>
      <c r="GZF122" s="26"/>
      <c r="GZG122" s="26"/>
      <c r="GZH122" s="26"/>
      <c r="GZI122" s="26"/>
      <c r="GZJ122" s="26"/>
      <c r="GZK122" s="26"/>
      <c r="GZL122" s="26"/>
      <c r="GZM122" s="26"/>
      <c r="GZN122" s="26"/>
      <c r="GZO122" s="26"/>
      <c r="GZP122" s="26"/>
      <c r="GZQ122" s="26"/>
      <c r="GZR122" s="26"/>
      <c r="GZS122" s="26"/>
      <c r="GZT122" s="26"/>
      <c r="GZU122" s="26"/>
      <c r="GZV122" s="26"/>
      <c r="GZW122" s="26"/>
      <c r="GZX122" s="26"/>
      <c r="GZY122" s="26"/>
      <c r="GZZ122" s="26"/>
      <c r="HAA122" s="26"/>
      <c r="HAB122" s="26"/>
      <c r="HAC122" s="26"/>
      <c r="HAD122" s="26"/>
      <c r="HAE122" s="26"/>
      <c r="HAF122" s="26"/>
      <c r="HAG122" s="26"/>
      <c r="HAH122" s="26"/>
      <c r="HAI122" s="26"/>
      <c r="HAJ122" s="26"/>
      <c r="HAK122" s="26"/>
      <c r="HAL122" s="26"/>
      <c r="HAM122" s="26"/>
      <c r="HAN122" s="26"/>
      <c r="HAO122" s="26"/>
      <c r="HAP122" s="26"/>
      <c r="HAQ122" s="26"/>
      <c r="HAR122" s="26"/>
      <c r="HAS122" s="26"/>
      <c r="HAT122" s="26"/>
      <c r="HAU122" s="26"/>
      <c r="HAV122" s="26"/>
      <c r="HAW122" s="26"/>
      <c r="HAX122" s="26"/>
      <c r="HAY122" s="26"/>
      <c r="HAZ122" s="26"/>
      <c r="HBA122" s="26"/>
      <c r="HBB122" s="26"/>
      <c r="HBC122" s="26"/>
      <c r="HBD122" s="26"/>
      <c r="HBE122" s="26"/>
      <c r="HBF122" s="26"/>
      <c r="HBG122" s="26"/>
      <c r="HBH122" s="26"/>
      <c r="HBI122" s="26"/>
      <c r="HBJ122" s="26"/>
      <c r="HBK122" s="26"/>
      <c r="HBL122" s="26"/>
      <c r="HBM122" s="26"/>
      <c r="HBN122" s="26"/>
      <c r="HBO122" s="26"/>
      <c r="HBP122" s="26"/>
      <c r="HBQ122" s="26"/>
      <c r="HBR122" s="26"/>
      <c r="HBS122" s="26"/>
      <c r="HBT122" s="26"/>
      <c r="HBU122" s="26"/>
      <c r="HBV122" s="26"/>
      <c r="HBW122" s="26"/>
      <c r="HBX122" s="26"/>
      <c r="HBY122" s="26"/>
      <c r="HBZ122" s="26"/>
      <c r="HCA122" s="26"/>
      <c r="HCB122" s="26"/>
      <c r="HCC122" s="26"/>
      <c r="HCD122" s="26"/>
      <c r="HCE122" s="26"/>
      <c r="HCF122" s="26"/>
      <c r="HCG122" s="26"/>
      <c r="HCH122" s="26"/>
      <c r="HCI122" s="26"/>
      <c r="HCJ122" s="26"/>
      <c r="HCK122" s="26"/>
      <c r="HCL122" s="26"/>
      <c r="HCM122" s="26"/>
      <c r="HCN122" s="26"/>
      <c r="HCO122" s="26"/>
      <c r="HCP122" s="26"/>
      <c r="HCQ122" s="26"/>
      <c r="HCR122" s="26"/>
      <c r="HCS122" s="26"/>
      <c r="HCT122" s="26"/>
      <c r="HCU122" s="26"/>
      <c r="HCV122" s="26"/>
      <c r="HCW122" s="26"/>
      <c r="HCX122" s="26"/>
      <c r="HCY122" s="26"/>
      <c r="HCZ122" s="26"/>
      <c r="HDA122" s="26"/>
      <c r="HDB122" s="26"/>
      <c r="HDC122" s="26"/>
      <c r="HDD122" s="26"/>
      <c r="HDE122" s="26"/>
      <c r="HDF122" s="26"/>
      <c r="HDG122" s="26"/>
      <c r="HDH122" s="26"/>
      <c r="HDI122" s="26"/>
      <c r="HDJ122" s="26"/>
      <c r="HDK122" s="26"/>
      <c r="HDL122" s="26"/>
      <c r="HDM122" s="26"/>
      <c r="HDN122" s="26"/>
      <c r="HDO122" s="26"/>
      <c r="HDP122" s="26"/>
      <c r="HDQ122" s="26"/>
      <c r="HDR122" s="26"/>
      <c r="HDS122" s="26"/>
      <c r="HDT122" s="26"/>
      <c r="HDU122" s="26"/>
      <c r="HDV122" s="26"/>
      <c r="HDW122" s="26"/>
      <c r="HDX122" s="26"/>
      <c r="HDY122" s="26"/>
      <c r="HDZ122" s="26"/>
      <c r="HEA122" s="26"/>
      <c r="HEB122" s="26"/>
      <c r="HEC122" s="26"/>
      <c r="HED122" s="26"/>
      <c r="HEE122" s="26"/>
      <c r="HEF122" s="26"/>
      <c r="HEG122" s="26"/>
      <c r="HEH122" s="26"/>
      <c r="HEI122" s="26"/>
      <c r="HEJ122" s="26"/>
      <c r="HEK122" s="26"/>
      <c r="HEL122" s="26"/>
      <c r="HEM122" s="26"/>
      <c r="HEN122" s="26"/>
      <c r="HEO122" s="26"/>
      <c r="HEP122" s="26"/>
      <c r="HEQ122" s="26"/>
      <c r="HER122" s="26"/>
      <c r="HES122" s="26"/>
      <c r="HET122" s="26"/>
      <c r="HEU122" s="26"/>
      <c r="HEV122" s="26"/>
      <c r="HEW122" s="26"/>
      <c r="HEX122" s="26"/>
      <c r="HEY122" s="26"/>
      <c r="HEZ122" s="26"/>
      <c r="HFA122" s="26"/>
      <c r="HFB122" s="26"/>
      <c r="HFC122" s="26"/>
      <c r="HFD122" s="26"/>
      <c r="HFE122" s="26"/>
      <c r="HFF122" s="26"/>
      <c r="HFG122" s="26"/>
      <c r="HFH122" s="26"/>
      <c r="HFI122" s="26"/>
      <c r="HFJ122" s="26"/>
      <c r="HFK122" s="26"/>
      <c r="HFL122" s="26"/>
      <c r="HFM122" s="26"/>
      <c r="HFN122" s="26"/>
      <c r="HFO122" s="26"/>
      <c r="HFP122" s="26"/>
      <c r="HFQ122" s="26"/>
      <c r="HFR122" s="26"/>
      <c r="HFS122" s="26"/>
      <c r="HFT122" s="26"/>
      <c r="HFU122" s="26"/>
      <c r="HFV122" s="26"/>
      <c r="HFW122" s="26"/>
      <c r="HFX122" s="26"/>
      <c r="HFY122" s="26"/>
      <c r="HFZ122" s="26"/>
      <c r="HGA122" s="26"/>
      <c r="HGB122" s="26"/>
      <c r="HGC122" s="26"/>
      <c r="HGD122" s="26"/>
      <c r="HGE122" s="26"/>
      <c r="HGF122" s="26"/>
      <c r="HGG122" s="26"/>
      <c r="HGH122" s="26"/>
      <c r="HGI122" s="26"/>
      <c r="HGJ122" s="26"/>
      <c r="HGK122" s="26"/>
      <c r="HGL122" s="26"/>
      <c r="HGM122" s="26"/>
      <c r="HGN122" s="26"/>
      <c r="HGO122" s="26"/>
      <c r="HGP122" s="26"/>
      <c r="HGQ122" s="26"/>
      <c r="HGR122" s="26"/>
      <c r="HGS122" s="26"/>
      <c r="HGT122" s="26"/>
      <c r="HGU122" s="26"/>
      <c r="HGV122" s="26"/>
      <c r="HGW122" s="26"/>
      <c r="HGX122" s="26"/>
      <c r="HGY122" s="26"/>
      <c r="HGZ122" s="26"/>
      <c r="HHA122" s="26"/>
      <c r="HHB122" s="26"/>
      <c r="HHC122" s="26"/>
      <c r="HHD122" s="26"/>
      <c r="HHE122" s="26"/>
      <c r="HHF122" s="26"/>
      <c r="HHG122" s="26"/>
      <c r="HHH122" s="26"/>
      <c r="HHI122" s="26"/>
      <c r="HHJ122" s="26"/>
      <c r="HHK122" s="26"/>
      <c r="HHL122" s="26"/>
      <c r="HHM122" s="26"/>
      <c r="HHN122" s="26"/>
      <c r="HHO122" s="26"/>
      <c r="HHP122" s="26"/>
      <c r="HHQ122" s="26"/>
      <c r="HHR122" s="26"/>
      <c r="HHS122" s="26"/>
      <c r="HHT122" s="26"/>
      <c r="HHU122" s="26"/>
      <c r="HHV122" s="26"/>
      <c r="HHW122" s="26"/>
      <c r="HHX122" s="26"/>
      <c r="HHY122" s="26"/>
      <c r="HHZ122" s="26"/>
      <c r="HIA122" s="26"/>
      <c r="HIB122" s="26"/>
      <c r="HIC122" s="26"/>
      <c r="HID122" s="26"/>
      <c r="HIE122" s="26"/>
      <c r="HIF122" s="26"/>
      <c r="HIG122" s="26"/>
      <c r="HIH122" s="26"/>
      <c r="HII122" s="26"/>
      <c r="HIJ122" s="26"/>
      <c r="HIK122" s="26"/>
      <c r="HIL122" s="26"/>
      <c r="HIM122" s="26"/>
      <c r="HIN122" s="26"/>
      <c r="HIO122" s="26"/>
      <c r="HIP122" s="26"/>
      <c r="HIQ122" s="26"/>
      <c r="HIR122" s="26"/>
      <c r="HIS122" s="26"/>
      <c r="HIT122" s="26"/>
      <c r="HIU122" s="26"/>
      <c r="HIV122" s="26"/>
      <c r="HIW122" s="26"/>
      <c r="HIX122" s="26"/>
      <c r="HIY122" s="26"/>
      <c r="HIZ122" s="26"/>
      <c r="HJA122" s="26"/>
      <c r="HJB122" s="26"/>
      <c r="HJC122" s="26"/>
      <c r="HJD122" s="26"/>
      <c r="HJE122" s="26"/>
      <c r="HJF122" s="26"/>
      <c r="HJG122" s="26"/>
      <c r="HJH122" s="26"/>
      <c r="HJI122" s="26"/>
      <c r="HJJ122" s="26"/>
      <c r="HJK122" s="26"/>
      <c r="HJL122" s="26"/>
      <c r="HJM122" s="26"/>
      <c r="HJN122" s="26"/>
      <c r="HJO122" s="26"/>
      <c r="HJP122" s="26"/>
      <c r="HJQ122" s="26"/>
      <c r="HJR122" s="26"/>
      <c r="HJS122" s="26"/>
      <c r="HJT122" s="26"/>
      <c r="HJU122" s="26"/>
      <c r="HJV122" s="26"/>
      <c r="HJW122" s="26"/>
      <c r="HJX122" s="26"/>
      <c r="HJY122" s="26"/>
      <c r="HJZ122" s="26"/>
      <c r="HKA122" s="26"/>
      <c r="HKB122" s="26"/>
      <c r="HKC122" s="26"/>
      <c r="HKD122" s="26"/>
      <c r="HKE122" s="26"/>
      <c r="HKF122" s="26"/>
      <c r="HKG122" s="26"/>
      <c r="HKH122" s="26"/>
      <c r="HKI122" s="26"/>
      <c r="HKJ122" s="26"/>
      <c r="HKK122" s="26"/>
      <c r="HKL122" s="26"/>
      <c r="HKM122" s="26"/>
      <c r="HKN122" s="26"/>
      <c r="HKO122" s="26"/>
      <c r="HKP122" s="26"/>
      <c r="HKQ122" s="26"/>
      <c r="HKR122" s="26"/>
      <c r="HKS122" s="26"/>
      <c r="HKT122" s="26"/>
      <c r="HKU122" s="26"/>
      <c r="HKV122" s="26"/>
      <c r="HKW122" s="26"/>
      <c r="HKX122" s="26"/>
      <c r="HKY122" s="26"/>
      <c r="HKZ122" s="26"/>
      <c r="HLA122" s="26"/>
      <c r="HLB122" s="26"/>
      <c r="HLC122" s="26"/>
      <c r="HLD122" s="26"/>
      <c r="HLE122" s="26"/>
      <c r="HLF122" s="26"/>
      <c r="HLG122" s="26"/>
      <c r="HLH122" s="26"/>
      <c r="HLI122" s="26"/>
      <c r="HLJ122" s="26"/>
      <c r="HLK122" s="26"/>
      <c r="HLL122" s="26"/>
      <c r="HLM122" s="26"/>
      <c r="HLN122" s="26"/>
      <c r="HLO122" s="26"/>
      <c r="HLP122" s="26"/>
      <c r="HLQ122" s="26"/>
      <c r="HLR122" s="26"/>
      <c r="HLS122" s="26"/>
      <c r="HLT122" s="26"/>
      <c r="HLU122" s="26"/>
      <c r="HLV122" s="26"/>
      <c r="HLW122" s="26"/>
      <c r="HLX122" s="26"/>
      <c r="HLY122" s="26"/>
      <c r="HLZ122" s="26"/>
      <c r="HMA122" s="26"/>
      <c r="HMB122" s="26"/>
      <c r="HMC122" s="26"/>
      <c r="HMD122" s="26"/>
      <c r="HME122" s="26"/>
      <c r="HMF122" s="26"/>
      <c r="HMG122" s="26"/>
      <c r="HMH122" s="26"/>
      <c r="HMI122" s="26"/>
      <c r="HMJ122" s="26"/>
      <c r="HMK122" s="26"/>
      <c r="HML122" s="26"/>
      <c r="HMM122" s="26"/>
      <c r="HMN122" s="26"/>
      <c r="HMO122" s="26"/>
      <c r="HMP122" s="26"/>
      <c r="HMQ122" s="26"/>
      <c r="HMR122" s="26"/>
      <c r="HMS122" s="26"/>
      <c r="HMT122" s="26"/>
      <c r="HMU122" s="26"/>
      <c r="HMV122" s="26"/>
      <c r="HMW122" s="26"/>
      <c r="HMX122" s="26"/>
      <c r="HMY122" s="26"/>
      <c r="HMZ122" s="26"/>
      <c r="HNA122" s="26"/>
      <c r="HNB122" s="26"/>
      <c r="HNC122" s="26"/>
      <c r="HND122" s="26"/>
      <c r="HNE122" s="26"/>
      <c r="HNF122" s="26"/>
      <c r="HNG122" s="26"/>
      <c r="HNH122" s="26"/>
      <c r="HNI122" s="26"/>
      <c r="HNJ122" s="26"/>
      <c r="HNK122" s="26"/>
      <c r="HNL122" s="26"/>
      <c r="HNM122" s="26"/>
      <c r="HNN122" s="26"/>
      <c r="HNO122" s="26"/>
      <c r="HNP122" s="26"/>
      <c r="HNQ122" s="26"/>
      <c r="HNR122" s="26"/>
      <c r="HNS122" s="26"/>
      <c r="HNT122" s="26"/>
      <c r="HNU122" s="26"/>
      <c r="HNV122" s="26"/>
      <c r="HNW122" s="26"/>
      <c r="HNX122" s="26"/>
      <c r="HNY122" s="26"/>
      <c r="HNZ122" s="26"/>
      <c r="HOA122" s="26"/>
      <c r="HOB122" s="26"/>
      <c r="HOC122" s="26"/>
      <c r="HOD122" s="26"/>
      <c r="HOE122" s="26"/>
      <c r="HOF122" s="26"/>
      <c r="HOG122" s="26"/>
      <c r="HOH122" s="26"/>
      <c r="HOI122" s="26"/>
      <c r="HOJ122" s="26"/>
      <c r="HOK122" s="26"/>
      <c r="HOL122" s="26"/>
      <c r="HOM122" s="26"/>
      <c r="HON122" s="26"/>
      <c r="HOO122" s="26"/>
      <c r="HOP122" s="26"/>
      <c r="HOQ122" s="26"/>
      <c r="HOR122" s="26"/>
      <c r="HOS122" s="26"/>
      <c r="HOT122" s="26"/>
      <c r="HOU122" s="26"/>
      <c r="HOV122" s="26"/>
      <c r="HOW122" s="26"/>
      <c r="HOX122" s="26"/>
      <c r="HOY122" s="26"/>
      <c r="HOZ122" s="26"/>
      <c r="HPA122" s="26"/>
      <c r="HPB122" s="26"/>
      <c r="HPC122" s="26"/>
      <c r="HPD122" s="26"/>
      <c r="HPE122" s="26"/>
      <c r="HPF122" s="26"/>
      <c r="HPG122" s="26"/>
      <c r="HPH122" s="26"/>
      <c r="HPI122" s="26"/>
      <c r="HPJ122" s="26"/>
      <c r="HPK122" s="26"/>
      <c r="HPL122" s="26"/>
      <c r="HPM122" s="26"/>
      <c r="HPN122" s="26"/>
      <c r="HPO122" s="26"/>
      <c r="HPP122" s="26"/>
      <c r="HPQ122" s="26"/>
      <c r="HPR122" s="26"/>
      <c r="HPS122" s="26"/>
      <c r="HPT122" s="26"/>
      <c r="HPU122" s="26"/>
      <c r="HPV122" s="26"/>
      <c r="HPW122" s="26"/>
      <c r="HPX122" s="26"/>
      <c r="HPY122" s="26"/>
      <c r="HPZ122" s="26"/>
      <c r="HQA122" s="26"/>
      <c r="HQB122" s="26"/>
      <c r="HQC122" s="26"/>
      <c r="HQD122" s="26"/>
      <c r="HQE122" s="26"/>
      <c r="HQF122" s="26"/>
      <c r="HQG122" s="26"/>
      <c r="HQH122" s="26"/>
      <c r="HQI122" s="26"/>
      <c r="HQJ122" s="26"/>
      <c r="HQK122" s="26"/>
      <c r="HQL122" s="26"/>
      <c r="HQM122" s="26"/>
      <c r="HQN122" s="26"/>
      <c r="HQO122" s="26"/>
      <c r="HQP122" s="26"/>
      <c r="HQQ122" s="26"/>
      <c r="HQR122" s="26"/>
      <c r="HQS122" s="26"/>
      <c r="HQT122" s="26"/>
      <c r="HQU122" s="26"/>
      <c r="HQV122" s="26"/>
      <c r="HQW122" s="26"/>
      <c r="HQX122" s="26"/>
      <c r="HQY122" s="26"/>
      <c r="HQZ122" s="26"/>
      <c r="HRA122" s="26"/>
      <c r="HRB122" s="26"/>
      <c r="HRC122" s="26"/>
      <c r="HRD122" s="26"/>
      <c r="HRE122" s="26"/>
      <c r="HRF122" s="26"/>
      <c r="HRG122" s="26"/>
      <c r="HRH122" s="26"/>
      <c r="HRI122" s="26"/>
      <c r="HRJ122" s="26"/>
      <c r="HRK122" s="26"/>
      <c r="HRL122" s="26"/>
      <c r="HRM122" s="26"/>
      <c r="HRN122" s="26"/>
      <c r="HRO122" s="26"/>
      <c r="HRP122" s="26"/>
      <c r="HRQ122" s="26"/>
      <c r="HRR122" s="26"/>
      <c r="HRS122" s="26"/>
      <c r="HRT122" s="26"/>
      <c r="HRU122" s="26"/>
      <c r="HRV122" s="26"/>
      <c r="HRW122" s="26"/>
      <c r="HRX122" s="26"/>
      <c r="HRY122" s="26"/>
      <c r="HRZ122" s="26"/>
      <c r="HSA122" s="26"/>
      <c r="HSB122" s="26"/>
      <c r="HSC122" s="26"/>
      <c r="HSD122" s="26"/>
      <c r="HSE122" s="26"/>
      <c r="HSF122" s="26"/>
      <c r="HSG122" s="26"/>
      <c r="HSH122" s="26"/>
      <c r="HSI122" s="26"/>
      <c r="HSJ122" s="26"/>
      <c r="HSK122" s="26"/>
      <c r="HSL122" s="26"/>
      <c r="HSM122" s="26"/>
      <c r="HSN122" s="26"/>
      <c r="HSO122" s="26"/>
      <c r="HSP122" s="26"/>
      <c r="HSQ122" s="26"/>
      <c r="HSR122" s="26"/>
      <c r="HSS122" s="26"/>
      <c r="HST122" s="26"/>
      <c r="HSU122" s="26"/>
      <c r="HSV122" s="26"/>
      <c r="HSW122" s="26"/>
      <c r="HSX122" s="26"/>
      <c r="HSY122" s="26"/>
      <c r="HSZ122" s="26"/>
      <c r="HTA122" s="26"/>
      <c r="HTB122" s="26"/>
      <c r="HTC122" s="26"/>
      <c r="HTD122" s="26"/>
      <c r="HTE122" s="26"/>
      <c r="HTF122" s="26"/>
      <c r="HTG122" s="26"/>
      <c r="HTH122" s="26"/>
      <c r="HTI122" s="26"/>
      <c r="HTJ122" s="26"/>
      <c r="HTK122" s="26"/>
      <c r="HTL122" s="26"/>
      <c r="HTM122" s="26"/>
      <c r="HTN122" s="26"/>
      <c r="HTO122" s="26"/>
      <c r="HTP122" s="26"/>
      <c r="HTQ122" s="26"/>
      <c r="HTR122" s="26"/>
      <c r="HTS122" s="26"/>
      <c r="HTT122" s="26"/>
      <c r="HTU122" s="26"/>
      <c r="HTV122" s="26"/>
      <c r="HTW122" s="26"/>
      <c r="HTX122" s="26"/>
      <c r="HTY122" s="26"/>
      <c r="HTZ122" s="26"/>
      <c r="HUA122" s="26"/>
      <c r="HUB122" s="26"/>
      <c r="HUC122" s="26"/>
      <c r="HUD122" s="26"/>
      <c r="HUE122" s="26"/>
      <c r="HUF122" s="26"/>
      <c r="HUG122" s="26"/>
      <c r="HUH122" s="26"/>
      <c r="HUI122" s="26"/>
      <c r="HUJ122" s="26"/>
      <c r="HUK122" s="26"/>
      <c r="HUL122" s="26"/>
      <c r="HUM122" s="26"/>
      <c r="HUN122" s="26"/>
      <c r="HUO122" s="26"/>
      <c r="HUP122" s="26"/>
      <c r="HUQ122" s="26"/>
      <c r="HUR122" s="26"/>
      <c r="HUS122" s="26"/>
      <c r="HUT122" s="26"/>
      <c r="HUU122" s="26"/>
      <c r="HUV122" s="26"/>
      <c r="HUW122" s="26"/>
      <c r="HUX122" s="26"/>
      <c r="HUY122" s="26"/>
      <c r="HUZ122" s="26"/>
      <c r="HVA122" s="26"/>
      <c r="HVB122" s="26"/>
      <c r="HVC122" s="26"/>
      <c r="HVD122" s="26"/>
      <c r="HVE122" s="26"/>
      <c r="HVF122" s="26"/>
      <c r="HVG122" s="26"/>
      <c r="HVH122" s="26"/>
      <c r="HVI122" s="26"/>
      <c r="HVJ122" s="26"/>
      <c r="HVK122" s="26"/>
      <c r="HVL122" s="26"/>
      <c r="HVM122" s="26"/>
      <c r="HVN122" s="26"/>
      <c r="HVO122" s="26"/>
      <c r="HVP122" s="26"/>
      <c r="HVQ122" s="26"/>
      <c r="HVR122" s="26"/>
      <c r="HVS122" s="26"/>
      <c r="HVT122" s="26"/>
      <c r="HVU122" s="26"/>
      <c r="HVV122" s="26"/>
      <c r="HVW122" s="26"/>
      <c r="HVX122" s="26"/>
      <c r="HVY122" s="26"/>
      <c r="HVZ122" s="26"/>
      <c r="HWA122" s="26"/>
      <c r="HWB122" s="26"/>
      <c r="HWC122" s="26"/>
      <c r="HWD122" s="26"/>
      <c r="HWE122" s="26"/>
      <c r="HWF122" s="26"/>
      <c r="HWG122" s="26"/>
      <c r="HWH122" s="26"/>
      <c r="HWI122" s="26"/>
      <c r="HWJ122" s="26"/>
      <c r="HWK122" s="26"/>
      <c r="HWL122" s="26"/>
      <c r="HWM122" s="26"/>
      <c r="HWN122" s="26"/>
      <c r="HWO122" s="26"/>
      <c r="HWP122" s="26"/>
      <c r="HWQ122" s="26"/>
      <c r="HWR122" s="26"/>
      <c r="HWS122" s="26"/>
      <c r="HWT122" s="26"/>
      <c r="HWU122" s="26"/>
      <c r="HWV122" s="26"/>
      <c r="HWW122" s="26"/>
      <c r="HWX122" s="26"/>
      <c r="HWY122" s="26"/>
      <c r="HWZ122" s="26"/>
      <c r="HXA122" s="26"/>
      <c r="HXB122" s="26"/>
      <c r="HXC122" s="26"/>
      <c r="HXD122" s="26"/>
      <c r="HXE122" s="26"/>
      <c r="HXF122" s="26"/>
      <c r="HXG122" s="26"/>
      <c r="HXH122" s="26"/>
      <c r="HXI122" s="26"/>
      <c r="HXJ122" s="26"/>
      <c r="HXK122" s="26"/>
      <c r="HXL122" s="26"/>
      <c r="HXM122" s="26"/>
      <c r="HXN122" s="26"/>
      <c r="HXO122" s="26"/>
      <c r="HXP122" s="26"/>
      <c r="HXQ122" s="26"/>
      <c r="HXR122" s="26"/>
      <c r="HXS122" s="26"/>
      <c r="HXT122" s="26"/>
      <c r="HXU122" s="26"/>
      <c r="HXV122" s="26"/>
      <c r="HXW122" s="26"/>
      <c r="HXX122" s="26"/>
      <c r="HXY122" s="26"/>
      <c r="HXZ122" s="26"/>
      <c r="HYA122" s="26"/>
      <c r="HYB122" s="26"/>
      <c r="HYC122" s="26"/>
      <c r="HYD122" s="26"/>
      <c r="HYE122" s="26"/>
      <c r="HYF122" s="26"/>
      <c r="HYG122" s="26"/>
      <c r="HYH122" s="26"/>
      <c r="HYI122" s="26"/>
      <c r="HYJ122" s="26"/>
      <c r="HYK122" s="26"/>
      <c r="HYL122" s="26"/>
      <c r="HYM122" s="26"/>
      <c r="HYN122" s="26"/>
      <c r="HYO122" s="26"/>
      <c r="HYP122" s="26"/>
      <c r="HYQ122" s="26"/>
      <c r="HYR122" s="26"/>
      <c r="HYS122" s="26"/>
      <c r="HYT122" s="26"/>
      <c r="HYU122" s="26"/>
      <c r="HYV122" s="26"/>
      <c r="HYW122" s="26"/>
      <c r="HYX122" s="26"/>
      <c r="HYY122" s="26"/>
      <c r="HYZ122" s="26"/>
      <c r="HZA122" s="26"/>
      <c r="HZB122" s="26"/>
      <c r="HZC122" s="26"/>
      <c r="HZD122" s="26"/>
      <c r="HZE122" s="26"/>
      <c r="HZF122" s="26"/>
      <c r="HZG122" s="26"/>
      <c r="HZH122" s="26"/>
      <c r="HZI122" s="26"/>
      <c r="HZJ122" s="26"/>
      <c r="HZK122" s="26"/>
      <c r="HZL122" s="26"/>
      <c r="HZM122" s="26"/>
      <c r="HZN122" s="26"/>
      <c r="HZO122" s="26"/>
      <c r="HZP122" s="26"/>
      <c r="HZQ122" s="26"/>
      <c r="HZR122" s="26"/>
      <c r="HZS122" s="26"/>
      <c r="HZT122" s="26"/>
      <c r="HZU122" s="26"/>
      <c r="HZV122" s="26"/>
      <c r="HZW122" s="26"/>
      <c r="HZX122" s="26"/>
      <c r="HZY122" s="26"/>
      <c r="HZZ122" s="26"/>
      <c r="IAA122" s="26"/>
      <c r="IAB122" s="26"/>
      <c r="IAC122" s="26"/>
      <c r="IAD122" s="26"/>
      <c r="IAE122" s="26"/>
      <c r="IAF122" s="26"/>
      <c r="IAG122" s="26"/>
      <c r="IAH122" s="26"/>
      <c r="IAI122" s="26"/>
      <c r="IAJ122" s="26"/>
      <c r="IAK122" s="26"/>
      <c r="IAL122" s="26"/>
      <c r="IAM122" s="26"/>
      <c r="IAN122" s="26"/>
      <c r="IAO122" s="26"/>
      <c r="IAP122" s="26"/>
      <c r="IAQ122" s="26"/>
      <c r="IAR122" s="26"/>
      <c r="IAS122" s="26"/>
      <c r="IAT122" s="26"/>
      <c r="IAU122" s="26"/>
      <c r="IAV122" s="26"/>
      <c r="IAW122" s="26"/>
      <c r="IAX122" s="26"/>
      <c r="IAY122" s="26"/>
      <c r="IAZ122" s="26"/>
      <c r="IBA122" s="26"/>
      <c r="IBB122" s="26"/>
      <c r="IBC122" s="26"/>
      <c r="IBD122" s="26"/>
      <c r="IBE122" s="26"/>
      <c r="IBF122" s="26"/>
      <c r="IBG122" s="26"/>
      <c r="IBH122" s="26"/>
      <c r="IBI122" s="26"/>
      <c r="IBJ122" s="26"/>
      <c r="IBK122" s="26"/>
      <c r="IBL122" s="26"/>
      <c r="IBM122" s="26"/>
      <c r="IBN122" s="26"/>
      <c r="IBO122" s="26"/>
      <c r="IBP122" s="26"/>
      <c r="IBQ122" s="26"/>
      <c r="IBR122" s="26"/>
      <c r="IBS122" s="26"/>
      <c r="IBT122" s="26"/>
      <c r="IBU122" s="26"/>
      <c r="IBV122" s="26"/>
      <c r="IBW122" s="26"/>
      <c r="IBX122" s="26"/>
      <c r="IBY122" s="26"/>
      <c r="IBZ122" s="26"/>
      <c r="ICA122" s="26"/>
      <c r="ICB122" s="26"/>
      <c r="ICC122" s="26"/>
      <c r="ICD122" s="26"/>
      <c r="ICE122" s="26"/>
      <c r="ICF122" s="26"/>
      <c r="ICG122" s="26"/>
      <c r="ICH122" s="26"/>
      <c r="ICI122" s="26"/>
      <c r="ICJ122" s="26"/>
      <c r="ICK122" s="26"/>
      <c r="ICL122" s="26"/>
      <c r="ICM122" s="26"/>
      <c r="ICN122" s="26"/>
      <c r="ICO122" s="26"/>
      <c r="ICP122" s="26"/>
      <c r="ICQ122" s="26"/>
      <c r="ICR122" s="26"/>
      <c r="ICS122" s="26"/>
      <c r="ICT122" s="26"/>
      <c r="ICU122" s="26"/>
      <c r="ICV122" s="26"/>
      <c r="ICW122" s="26"/>
      <c r="ICX122" s="26"/>
      <c r="ICY122" s="26"/>
      <c r="ICZ122" s="26"/>
      <c r="IDA122" s="26"/>
      <c r="IDB122" s="26"/>
      <c r="IDC122" s="26"/>
      <c r="IDD122" s="26"/>
      <c r="IDE122" s="26"/>
      <c r="IDF122" s="26"/>
      <c r="IDG122" s="26"/>
      <c r="IDH122" s="26"/>
      <c r="IDI122" s="26"/>
      <c r="IDJ122" s="26"/>
      <c r="IDK122" s="26"/>
      <c r="IDL122" s="26"/>
      <c r="IDM122" s="26"/>
      <c r="IDN122" s="26"/>
      <c r="IDO122" s="26"/>
      <c r="IDP122" s="26"/>
      <c r="IDQ122" s="26"/>
      <c r="IDR122" s="26"/>
      <c r="IDS122" s="26"/>
      <c r="IDT122" s="26"/>
      <c r="IDU122" s="26"/>
      <c r="IDV122" s="26"/>
      <c r="IDW122" s="26"/>
      <c r="IDX122" s="26"/>
      <c r="IDY122" s="26"/>
      <c r="IDZ122" s="26"/>
      <c r="IEA122" s="26"/>
      <c r="IEB122" s="26"/>
      <c r="IEC122" s="26"/>
      <c r="IED122" s="26"/>
      <c r="IEE122" s="26"/>
      <c r="IEF122" s="26"/>
      <c r="IEG122" s="26"/>
      <c r="IEH122" s="26"/>
      <c r="IEI122" s="26"/>
      <c r="IEJ122" s="26"/>
      <c r="IEK122" s="26"/>
      <c r="IEL122" s="26"/>
      <c r="IEM122" s="26"/>
      <c r="IEN122" s="26"/>
      <c r="IEO122" s="26"/>
      <c r="IEP122" s="26"/>
      <c r="IEQ122" s="26"/>
      <c r="IER122" s="26"/>
      <c r="IES122" s="26"/>
      <c r="IET122" s="26"/>
      <c r="IEU122" s="26"/>
      <c r="IEV122" s="26"/>
      <c r="IEW122" s="26"/>
      <c r="IEX122" s="26"/>
      <c r="IEY122" s="26"/>
      <c r="IEZ122" s="26"/>
      <c r="IFA122" s="26"/>
      <c r="IFB122" s="26"/>
      <c r="IFC122" s="26"/>
      <c r="IFD122" s="26"/>
      <c r="IFE122" s="26"/>
      <c r="IFF122" s="26"/>
      <c r="IFG122" s="26"/>
      <c r="IFH122" s="26"/>
      <c r="IFI122" s="26"/>
      <c r="IFJ122" s="26"/>
      <c r="IFK122" s="26"/>
      <c r="IFL122" s="26"/>
      <c r="IFM122" s="26"/>
      <c r="IFN122" s="26"/>
      <c r="IFO122" s="26"/>
      <c r="IFP122" s="26"/>
      <c r="IFQ122" s="26"/>
      <c r="IFR122" s="26"/>
      <c r="IFS122" s="26"/>
      <c r="IFT122" s="26"/>
      <c r="IFU122" s="26"/>
      <c r="IFV122" s="26"/>
      <c r="IFW122" s="26"/>
      <c r="IFX122" s="26"/>
      <c r="IFY122" s="26"/>
      <c r="IFZ122" s="26"/>
      <c r="IGA122" s="26"/>
      <c r="IGB122" s="26"/>
      <c r="IGC122" s="26"/>
      <c r="IGD122" s="26"/>
      <c r="IGE122" s="26"/>
      <c r="IGF122" s="26"/>
      <c r="IGG122" s="26"/>
      <c r="IGH122" s="26"/>
      <c r="IGI122" s="26"/>
      <c r="IGJ122" s="26"/>
      <c r="IGK122" s="26"/>
      <c r="IGL122" s="26"/>
      <c r="IGM122" s="26"/>
      <c r="IGN122" s="26"/>
      <c r="IGO122" s="26"/>
      <c r="IGP122" s="26"/>
      <c r="IGQ122" s="26"/>
      <c r="IGR122" s="26"/>
      <c r="IGS122" s="26"/>
      <c r="IGT122" s="26"/>
      <c r="IGU122" s="26"/>
      <c r="IGV122" s="26"/>
      <c r="IGW122" s="26"/>
      <c r="IGX122" s="26"/>
      <c r="IGY122" s="26"/>
      <c r="IGZ122" s="26"/>
      <c r="IHA122" s="26"/>
      <c r="IHB122" s="26"/>
      <c r="IHC122" s="26"/>
      <c r="IHD122" s="26"/>
      <c r="IHE122" s="26"/>
      <c r="IHF122" s="26"/>
      <c r="IHG122" s="26"/>
      <c r="IHH122" s="26"/>
      <c r="IHI122" s="26"/>
      <c r="IHJ122" s="26"/>
      <c r="IHK122" s="26"/>
      <c r="IHL122" s="26"/>
      <c r="IHM122" s="26"/>
      <c r="IHN122" s="26"/>
      <c r="IHO122" s="26"/>
      <c r="IHP122" s="26"/>
      <c r="IHQ122" s="26"/>
      <c r="IHR122" s="26"/>
      <c r="IHS122" s="26"/>
      <c r="IHT122" s="26"/>
      <c r="IHU122" s="26"/>
      <c r="IHV122" s="26"/>
      <c r="IHW122" s="26"/>
      <c r="IHX122" s="26"/>
      <c r="IHY122" s="26"/>
      <c r="IHZ122" s="26"/>
      <c r="IIA122" s="26"/>
      <c r="IIB122" s="26"/>
      <c r="IIC122" s="26"/>
      <c r="IID122" s="26"/>
      <c r="IIE122" s="26"/>
      <c r="IIF122" s="26"/>
      <c r="IIG122" s="26"/>
      <c r="IIH122" s="26"/>
      <c r="III122" s="26"/>
      <c r="IIJ122" s="26"/>
      <c r="IIK122" s="26"/>
      <c r="IIL122" s="26"/>
      <c r="IIM122" s="26"/>
      <c r="IIN122" s="26"/>
      <c r="IIO122" s="26"/>
      <c r="IIP122" s="26"/>
      <c r="IIQ122" s="26"/>
      <c r="IIR122" s="26"/>
      <c r="IIS122" s="26"/>
      <c r="IIT122" s="26"/>
      <c r="IIU122" s="26"/>
      <c r="IIV122" s="26"/>
      <c r="IIW122" s="26"/>
      <c r="IIX122" s="26"/>
      <c r="IIY122" s="26"/>
      <c r="IIZ122" s="26"/>
      <c r="IJA122" s="26"/>
      <c r="IJB122" s="26"/>
      <c r="IJC122" s="26"/>
      <c r="IJD122" s="26"/>
      <c r="IJE122" s="26"/>
      <c r="IJF122" s="26"/>
      <c r="IJG122" s="26"/>
      <c r="IJH122" s="26"/>
      <c r="IJI122" s="26"/>
      <c r="IJJ122" s="26"/>
      <c r="IJK122" s="26"/>
      <c r="IJL122" s="26"/>
      <c r="IJM122" s="26"/>
      <c r="IJN122" s="26"/>
      <c r="IJO122" s="26"/>
      <c r="IJP122" s="26"/>
      <c r="IJQ122" s="26"/>
      <c r="IJR122" s="26"/>
      <c r="IJS122" s="26"/>
      <c r="IJT122" s="26"/>
      <c r="IJU122" s="26"/>
      <c r="IJV122" s="26"/>
      <c r="IJW122" s="26"/>
      <c r="IJX122" s="26"/>
      <c r="IJY122" s="26"/>
      <c r="IJZ122" s="26"/>
      <c r="IKA122" s="26"/>
      <c r="IKB122" s="26"/>
      <c r="IKC122" s="26"/>
      <c r="IKD122" s="26"/>
      <c r="IKE122" s="26"/>
      <c r="IKF122" s="26"/>
      <c r="IKG122" s="26"/>
      <c r="IKH122" s="26"/>
      <c r="IKI122" s="26"/>
      <c r="IKJ122" s="26"/>
      <c r="IKK122" s="26"/>
      <c r="IKL122" s="26"/>
      <c r="IKM122" s="26"/>
      <c r="IKN122" s="26"/>
      <c r="IKO122" s="26"/>
      <c r="IKP122" s="26"/>
      <c r="IKQ122" s="26"/>
      <c r="IKR122" s="26"/>
      <c r="IKS122" s="26"/>
      <c r="IKT122" s="26"/>
      <c r="IKU122" s="26"/>
      <c r="IKV122" s="26"/>
      <c r="IKW122" s="26"/>
      <c r="IKX122" s="26"/>
      <c r="IKY122" s="26"/>
      <c r="IKZ122" s="26"/>
      <c r="ILA122" s="26"/>
      <c r="ILB122" s="26"/>
      <c r="ILC122" s="26"/>
      <c r="ILD122" s="26"/>
      <c r="ILE122" s="26"/>
      <c r="ILF122" s="26"/>
      <c r="ILG122" s="26"/>
      <c r="ILH122" s="26"/>
      <c r="ILI122" s="26"/>
      <c r="ILJ122" s="26"/>
      <c r="ILK122" s="26"/>
      <c r="ILL122" s="26"/>
      <c r="ILM122" s="26"/>
      <c r="ILN122" s="26"/>
      <c r="ILO122" s="26"/>
      <c r="ILP122" s="26"/>
      <c r="ILQ122" s="26"/>
      <c r="ILR122" s="26"/>
      <c r="ILS122" s="26"/>
      <c r="ILT122" s="26"/>
      <c r="ILU122" s="26"/>
      <c r="ILV122" s="26"/>
      <c r="ILW122" s="26"/>
      <c r="ILX122" s="26"/>
      <c r="ILY122" s="26"/>
      <c r="ILZ122" s="26"/>
      <c r="IMA122" s="26"/>
      <c r="IMB122" s="26"/>
      <c r="IMC122" s="26"/>
      <c r="IMD122" s="26"/>
      <c r="IME122" s="26"/>
      <c r="IMF122" s="26"/>
      <c r="IMG122" s="26"/>
      <c r="IMH122" s="26"/>
      <c r="IMI122" s="26"/>
      <c r="IMJ122" s="26"/>
      <c r="IMK122" s="26"/>
      <c r="IML122" s="26"/>
      <c r="IMM122" s="26"/>
      <c r="IMN122" s="26"/>
      <c r="IMO122" s="26"/>
      <c r="IMP122" s="26"/>
      <c r="IMQ122" s="26"/>
      <c r="IMR122" s="26"/>
      <c r="IMS122" s="26"/>
      <c r="IMT122" s="26"/>
      <c r="IMU122" s="26"/>
      <c r="IMV122" s="26"/>
      <c r="IMW122" s="26"/>
      <c r="IMX122" s="26"/>
      <c r="IMY122" s="26"/>
      <c r="IMZ122" s="26"/>
      <c r="INA122" s="26"/>
      <c r="INB122" s="26"/>
      <c r="INC122" s="26"/>
      <c r="IND122" s="26"/>
      <c r="INE122" s="26"/>
      <c r="INF122" s="26"/>
      <c r="ING122" s="26"/>
      <c r="INH122" s="26"/>
      <c r="INI122" s="26"/>
      <c r="INJ122" s="26"/>
      <c r="INK122" s="26"/>
      <c r="INL122" s="26"/>
      <c r="INM122" s="26"/>
      <c r="INN122" s="26"/>
      <c r="INO122" s="26"/>
      <c r="INP122" s="26"/>
      <c r="INQ122" s="26"/>
      <c r="INR122" s="26"/>
      <c r="INS122" s="26"/>
      <c r="INT122" s="26"/>
      <c r="INU122" s="26"/>
      <c r="INV122" s="26"/>
      <c r="INW122" s="26"/>
      <c r="INX122" s="26"/>
      <c r="INY122" s="26"/>
      <c r="INZ122" s="26"/>
      <c r="IOA122" s="26"/>
      <c r="IOB122" s="26"/>
      <c r="IOC122" s="26"/>
      <c r="IOD122" s="26"/>
      <c r="IOE122" s="26"/>
      <c r="IOF122" s="26"/>
      <c r="IOG122" s="26"/>
      <c r="IOH122" s="26"/>
      <c r="IOI122" s="26"/>
      <c r="IOJ122" s="26"/>
      <c r="IOK122" s="26"/>
      <c r="IOL122" s="26"/>
      <c r="IOM122" s="26"/>
      <c r="ION122" s="26"/>
      <c r="IOO122" s="26"/>
      <c r="IOP122" s="26"/>
      <c r="IOQ122" s="26"/>
      <c r="IOR122" s="26"/>
      <c r="IOS122" s="26"/>
      <c r="IOT122" s="26"/>
      <c r="IOU122" s="26"/>
      <c r="IOV122" s="26"/>
      <c r="IOW122" s="26"/>
      <c r="IOX122" s="26"/>
      <c r="IOY122" s="26"/>
      <c r="IOZ122" s="26"/>
      <c r="IPA122" s="26"/>
      <c r="IPB122" s="26"/>
      <c r="IPC122" s="26"/>
      <c r="IPD122" s="26"/>
      <c r="IPE122" s="26"/>
      <c r="IPF122" s="26"/>
      <c r="IPG122" s="26"/>
      <c r="IPH122" s="26"/>
      <c r="IPI122" s="26"/>
      <c r="IPJ122" s="26"/>
      <c r="IPK122" s="26"/>
      <c r="IPL122" s="26"/>
      <c r="IPM122" s="26"/>
      <c r="IPN122" s="26"/>
      <c r="IPO122" s="26"/>
      <c r="IPP122" s="26"/>
      <c r="IPQ122" s="26"/>
      <c r="IPR122" s="26"/>
      <c r="IPS122" s="26"/>
      <c r="IPT122" s="26"/>
      <c r="IPU122" s="26"/>
      <c r="IPV122" s="26"/>
      <c r="IPW122" s="26"/>
      <c r="IPX122" s="26"/>
      <c r="IPY122" s="26"/>
      <c r="IPZ122" s="26"/>
      <c r="IQA122" s="26"/>
      <c r="IQB122" s="26"/>
      <c r="IQC122" s="26"/>
      <c r="IQD122" s="26"/>
      <c r="IQE122" s="26"/>
      <c r="IQF122" s="26"/>
      <c r="IQG122" s="26"/>
      <c r="IQH122" s="26"/>
      <c r="IQI122" s="26"/>
      <c r="IQJ122" s="26"/>
      <c r="IQK122" s="26"/>
      <c r="IQL122" s="26"/>
      <c r="IQM122" s="26"/>
      <c r="IQN122" s="26"/>
      <c r="IQO122" s="26"/>
      <c r="IQP122" s="26"/>
      <c r="IQQ122" s="26"/>
      <c r="IQR122" s="26"/>
      <c r="IQS122" s="26"/>
      <c r="IQT122" s="26"/>
      <c r="IQU122" s="26"/>
      <c r="IQV122" s="26"/>
      <c r="IQW122" s="26"/>
      <c r="IQX122" s="26"/>
      <c r="IQY122" s="26"/>
      <c r="IQZ122" s="26"/>
      <c r="IRA122" s="26"/>
      <c r="IRB122" s="26"/>
      <c r="IRC122" s="26"/>
      <c r="IRD122" s="26"/>
      <c r="IRE122" s="26"/>
      <c r="IRF122" s="26"/>
      <c r="IRG122" s="26"/>
      <c r="IRH122" s="26"/>
      <c r="IRI122" s="26"/>
      <c r="IRJ122" s="26"/>
      <c r="IRK122" s="26"/>
      <c r="IRL122" s="26"/>
      <c r="IRM122" s="26"/>
      <c r="IRN122" s="26"/>
      <c r="IRO122" s="26"/>
      <c r="IRP122" s="26"/>
      <c r="IRQ122" s="26"/>
      <c r="IRR122" s="26"/>
      <c r="IRS122" s="26"/>
      <c r="IRT122" s="26"/>
      <c r="IRU122" s="26"/>
      <c r="IRV122" s="26"/>
      <c r="IRW122" s="26"/>
      <c r="IRX122" s="26"/>
      <c r="IRY122" s="26"/>
      <c r="IRZ122" s="26"/>
      <c r="ISA122" s="26"/>
      <c r="ISB122" s="26"/>
      <c r="ISC122" s="26"/>
      <c r="ISD122" s="26"/>
      <c r="ISE122" s="26"/>
      <c r="ISF122" s="26"/>
      <c r="ISG122" s="26"/>
      <c r="ISH122" s="26"/>
      <c r="ISI122" s="26"/>
      <c r="ISJ122" s="26"/>
      <c r="ISK122" s="26"/>
      <c r="ISL122" s="26"/>
      <c r="ISM122" s="26"/>
      <c r="ISN122" s="26"/>
      <c r="ISO122" s="26"/>
      <c r="ISP122" s="26"/>
      <c r="ISQ122" s="26"/>
      <c r="ISR122" s="26"/>
      <c r="ISS122" s="26"/>
      <c r="IST122" s="26"/>
      <c r="ISU122" s="26"/>
      <c r="ISV122" s="26"/>
      <c r="ISW122" s="26"/>
      <c r="ISX122" s="26"/>
      <c r="ISY122" s="26"/>
      <c r="ISZ122" s="26"/>
      <c r="ITA122" s="26"/>
      <c r="ITB122" s="26"/>
      <c r="ITC122" s="26"/>
      <c r="ITD122" s="26"/>
      <c r="ITE122" s="26"/>
      <c r="ITF122" s="26"/>
      <c r="ITG122" s="26"/>
      <c r="ITH122" s="26"/>
      <c r="ITI122" s="26"/>
      <c r="ITJ122" s="26"/>
      <c r="ITK122" s="26"/>
      <c r="ITL122" s="26"/>
      <c r="ITM122" s="26"/>
      <c r="ITN122" s="26"/>
      <c r="ITO122" s="26"/>
      <c r="ITP122" s="26"/>
      <c r="ITQ122" s="26"/>
      <c r="ITR122" s="26"/>
      <c r="ITS122" s="26"/>
      <c r="ITT122" s="26"/>
      <c r="ITU122" s="26"/>
      <c r="ITV122" s="26"/>
      <c r="ITW122" s="26"/>
      <c r="ITX122" s="26"/>
      <c r="ITY122" s="26"/>
      <c r="ITZ122" s="26"/>
      <c r="IUA122" s="26"/>
      <c r="IUB122" s="26"/>
      <c r="IUC122" s="26"/>
      <c r="IUD122" s="26"/>
      <c r="IUE122" s="26"/>
      <c r="IUF122" s="26"/>
      <c r="IUG122" s="26"/>
      <c r="IUH122" s="26"/>
      <c r="IUI122" s="26"/>
      <c r="IUJ122" s="26"/>
      <c r="IUK122" s="26"/>
      <c r="IUL122" s="26"/>
      <c r="IUM122" s="26"/>
      <c r="IUN122" s="26"/>
      <c r="IUO122" s="26"/>
      <c r="IUP122" s="26"/>
      <c r="IUQ122" s="26"/>
      <c r="IUR122" s="26"/>
      <c r="IUS122" s="26"/>
      <c r="IUT122" s="26"/>
      <c r="IUU122" s="26"/>
      <c r="IUV122" s="26"/>
      <c r="IUW122" s="26"/>
      <c r="IUX122" s="26"/>
      <c r="IUY122" s="26"/>
      <c r="IUZ122" s="26"/>
      <c r="IVA122" s="26"/>
      <c r="IVB122" s="26"/>
      <c r="IVC122" s="26"/>
      <c r="IVD122" s="26"/>
      <c r="IVE122" s="26"/>
      <c r="IVF122" s="26"/>
      <c r="IVG122" s="26"/>
      <c r="IVH122" s="26"/>
      <c r="IVI122" s="26"/>
      <c r="IVJ122" s="26"/>
      <c r="IVK122" s="26"/>
      <c r="IVL122" s="26"/>
      <c r="IVM122" s="26"/>
      <c r="IVN122" s="26"/>
      <c r="IVO122" s="26"/>
      <c r="IVP122" s="26"/>
      <c r="IVQ122" s="26"/>
      <c r="IVR122" s="26"/>
      <c r="IVS122" s="26"/>
      <c r="IVT122" s="26"/>
      <c r="IVU122" s="26"/>
      <c r="IVV122" s="26"/>
      <c r="IVW122" s="26"/>
      <c r="IVX122" s="26"/>
      <c r="IVY122" s="26"/>
      <c r="IVZ122" s="26"/>
      <c r="IWA122" s="26"/>
      <c r="IWB122" s="26"/>
      <c r="IWC122" s="26"/>
      <c r="IWD122" s="26"/>
      <c r="IWE122" s="26"/>
      <c r="IWF122" s="26"/>
      <c r="IWG122" s="26"/>
      <c r="IWH122" s="26"/>
      <c r="IWI122" s="26"/>
      <c r="IWJ122" s="26"/>
      <c r="IWK122" s="26"/>
      <c r="IWL122" s="26"/>
      <c r="IWM122" s="26"/>
      <c r="IWN122" s="26"/>
      <c r="IWO122" s="26"/>
      <c r="IWP122" s="26"/>
      <c r="IWQ122" s="26"/>
      <c r="IWR122" s="26"/>
      <c r="IWS122" s="26"/>
      <c r="IWT122" s="26"/>
      <c r="IWU122" s="26"/>
      <c r="IWV122" s="26"/>
      <c r="IWW122" s="26"/>
      <c r="IWX122" s="26"/>
      <c r="IWY122" s="26"/>
      <c r="IWZ122" s="26"/>
      <c r="IXA122" s="26"/>
      <c r="IXB122" s="26"/>
      <c r="IXC122" s="26"/>
      <c r="IXD122" s="26"/>
      <c r="IXE122" s="26"/>
      <c r="IXF122" s="26"/>
      <c r="IXG122" s="26"/>
      <c r="IXH122" s="26"/>
      <c r="IXI122" s="26"/>
      <c r="IXJ122" s="26"/>
      <c r="IXK122" s="26"/>
      <c r="IXL122" s="26"/>
      <c r="IXM122" s="26"/>
      <c r="IXN122" s="26"/>
      <c r="IXO122" s="26"/>
      <c r="IXP122" s="26"/>
      <c r="IXQ122" s="26"/>
      <c r="IXR122" s="26"/>
      <c r="IXS122" s="26"/>
      <c r="IXT122" s="26"/>
      <c r="IXU122" s="26"/>
      <c r="IXV122" s="26"/>
      <c r="IXW122" s="26"/>
      <c r="IXX122" s="26"/>
      <c r="IXY122" s="26"/>
      <c r="IXZ122" s="26"/>
      <c r="IYA122" s="26"/>
      <c r="IYB122" s="26"/>
      <c r="IYC122" s="26"/>
      <c r="IYD122" s="26"/>
      <c r="IYE122" s="26"/>
      <c r="IYF122" s="26"/>
      <c r="IYG122" s="26"/>
      <c r="IYH122" s="26"/>
      <c r="IYI122" s="26"/>
      <c r="IYJ122" s="26"/>
      <c r="IYK122" s="26"/>
      <c r="IYL122" s="26"/>
      <c r="IYM122" s="26"/>
      <c r="IYN122" s="26"/>
      <c r="IYO122" s="26"/>
      <c r="IYP122" s="26"/>
      <c r="IYQ122" s="26"/>
      <c r="IYR122" s="26"/>
      <c r="IYS122" s="26"/>
      <c r="IYT122" s="26"/>
      <c r="IYU122" s="26"/>
      <c r="IYV122" s="26"/>
      <c r="IYW122" s="26"/>
      <c r="IYX122" s="26"/>
      <c r="IYY122" s="26"/>
      <c r="IYZ122" s="26"/>
      <c r="IZA122" s="26"/>
      <c r="IZB122" s="26"/>
      <c r="IZC122" s="26"/>
      <c r="IZD122" s="26"/>
      <c r="IZE122" s="26"/>
      <c r="IZF122" s="26"/>
      <c r="IZG122" s="26"/>
      <c r="IZH122" s="26"/>
      <c r="IZI122" s="26"/>
      <c r="IZJ122" s="26"/>
      <c r="IZK122" s="26"/>
      <c r="IZL122" s="26"/>
      <c r="IZM122" s="26"/>
      <c r="IZN122" s="26"/>
      <c r="IZO122" s="26"/>
      <c r="IZP122" s="26"/>
      <c r="IZQ122" s="26"/>
      <c r="IZR122" s="26"/>
      <c r="IZS122" s="26"/>
      <c r="IZT122" s="26"/>
      <c r="IZU122" s="26"/>
      <c r="IZV122" s="26"/>
      <c r="IZW122" s="26"/>
      <c r="IZX122" s="26"/>
      <c r="IZY122" s="26"/>
      <c r="IZZ122" s="26"/>
      <c r="JAA122" s="26"/>
      <c r="JAB122" s="26"/>
      <c r="JAC122" s="26"/>
      <c r="JAD122" s="26"/>
      <c r="JAE122" s="26"/>
      <c r="JAF122" s="26"/>
      <c r="JAG122" s="26"/>
      <c r="JAH122" s="26"/>
      <c r="JAI122" s="26"/>
      <c r="JAJ122" s="26"/>
      <c r="JAK122" s="26"/>
      <c r="JAL122" s="26"/>
      <c r="JAM122" s="26"/>
      <c r="JAN122" s="26"/>
      <c r="JAO122" s="26"/>
      <c r="JAP122" s="26"/>
      <c r="JAQ122" s="26"/>
      <c r="JAR122" s="26"/>
      <c r="JAS122" s="26"/>
      <c r="JAT122" s="26"/>
      <c r="JAU122" s="26"/>
      <c r="JAV122" s="26"/>
      <c r="JAW122" s="26"/>
      <c r="JAX122" s="26"/>
      <c r="JAY122" s="26"/>
      <c r="JAZ122" s="26"/>
      <c r="JBA122" s="26"/>
      <c r="JBB122" s="26"/>
      <c r="JBC122" s="26"/>
      <c r="JBD122" s="26"/>
      <c r="JBE122" s="26"/>
      <c r="JBF122" s="26"/>
      <c r="JBG122" s="26"/>
      <c r="JBH122" s="26"/>
      <c r="JBI122" s="26"/>
      <c r="JBJ122" s="26"/>
      <c r="JBK122" s="26"/>
      <c r="JBL122" s="26"/>
      <c r="JBM122" s="26"/>
      <c r="JBN122" s="26"/>
      <c r="JBO122" s="26"/>
      <c r="JBP122" s="26"/>
      <c r="JBQ122" s="26"/>
      <c r="JBR122" s="26"/>
      <c r="JBS122" s="26"/>
      <c r="JBT122" s="26"/>
      <c r="JBU122" s="26"/>
      <c r="JBV122" s="26"/>
      <c r="JBW122" s="26"/>
      <c r="JBX122" s="26"/>
      <c r="JBY122" s="26"/>
      <c r="JBZ122" s="26"/>
      <c r="JCA122" s="26"/>
      <c r="JCB122" s="26"/>
      <c r="JCC122" s="26"/>
      <c r="JCD122" s="26"/>
      <c r="JCE122" s="26"/>
      <c r="JCF122" s="26"/>
      <c r="JCG122" s="26"/>
      <c r="JCH122" s="26"/>
      <c r="JCI122" s="26"/>
      <c r="JCJ122" s="26"/>
      <c r="JCK122" s="26"/>
      <c r="JCL122" s="26"/>
      <c r="JCM122" s="26"/>
      <c r="JCN122" s="26"/>
      <c r="JCO122" s="26"/>
      <c r="JCP122" s="26"/>
      <c r="JCQ122" s="26"/>
      <c r="JCR122" s="26"/>
      <c r="JCS122" s="26"/>
      <c r="JCT122" s="26"/>
      <c r="JCU122" s="26"/>
      <c r="JCV122" s="26"/>
      <c r="JCW122" s="26"/>
      <c r="JCX122" s="26"/>
      <c r="JCY122" s="26"/>
      <c r="JCZ122" s="26"/>
      <c r="JDA122" s="26"/>
      <c r="JDB122" s="26"/>
      <c r="JDC122" s="26"/>
      <c r="JDD122" s="26"/>
      <c r="JDE122" s="26"/>
      <c r="JDF122" s="26"/>
      <c r="JDG122" s="26"/>
      <c r="JDH122" s="26"/>
      <c r="JDI122" s="26"/>
      <c r="JDJ122" s="26"/>
      <c r="JDK122" s="26"/>
      <c r="JDL122" s="26"/>
      <c r="JDM122" s="26"/>
      <c r="JDN122" s="26"/>
      <c r="JDO122" s="26"/>
      <c r="JDP122" s="26"/>
      <c r="JDQ122" s="26"/>
      <c r="JDR122" s="26"/>
      <c r="JDS122" s="26"/>
      <c r="JDT122" s="26"/>
      <c r="JDU122" s="26"/>
      <c r="JDV122" s="26"/>
      <c r="JDW122" s="26"/>
      <c r="JDX122" s="26"/>
      <c r="JDY122" s="26"/>
      <c r="JDZ122" s="26"/>
      <c r="JEA122" s="26"/>
      <c r="JEB122" s="26"/>
      <c r="JEC122" s="26"/>
      <c r="JED122" s="26"/>
      <c r="JEE122" s="26"/>
      <c r="JEF122" s="26"/>
      <c r="JEG122" s="26"/>
      <c r="JEH122" s="26"/>
      <c r="JEI122" s="26"/>
      <c r="JEJ122" s="26"/>
      <c r="JEK122" s="26"/>
      <c r="JEL122" s="26"/>
      <c r="JEM122" s="26"/>
      <c r="JEN122" s="26"/>
      <c r="JEO122" s="26"/>
      <c r="JEP122" s="26"/>
      <c r="JEQ122" s="26"/>
      <c r="JER122" s="26"/>
      <c r="JES122" s="26"/>
      <c r="JET122" s="26"/>
      <c r="JEU122" s="26"/>
      <c r="JEV122" s="26"/>
      <c r="JEW122" s="26"/>
      <c r="JEX122" s="26"/>
      <c r="JEY122" s="26"/>
      <c r="JEZ122" s="26"/>
      <c r="JFA122" s="26"/>
      <c r="JFB122" s="26"/>
      <c r="JFC122" s="26"/>
      <c r="JFD122" s="26"/>
      <c r="JFE122" s="26"/>
      <c r="JFF122" s="26"/>
      <c r="JFG122" s="26"/>
      <c r="JFH122" s="26"/>
      <c r="JFI122" s="26"/>
      <c r="JFJ122" s="26"/>
      <c r="JFK122" s="26"/>
      <c r="JFL122" s="26"/>
      <c r="JFM122" s="26"/>
      <c r="JFN122" s="26"/>
      <c r="JFO122" s="26"/>
      <c r="JFP122" s="26"/>
      <c r="JFQ122" s="26"/>
      <c r="JFR122" s="26"/>
      <c r="JFS122" s="26"/>
      <c r="JFT122" s="26"/>
      <c r="JFU122" s="26"/>
      <c r="JFV122" s="26"/>
      <c r="JFW122" s="26"/>
      <c r="JFX122" s="26"/>
      <c r="JFY122" s="26"/>
      <c r="JFZ122" s="26"/>
      <c r="JGA122" s="26"/>
      <c r="JGB122" s="26"/>
      <c r="JGC122" s="26"/>
      <c r="JGD122" s="26"/>
      <c r="JGE122" s="26"/>
      <c r="JGF122" s="26"/>
      <c r="JGG122" s="26"/>
      <c r="JGH122" s="26"/>
      <c r="JGI122" s="26"/>
      <c r="JGJ122" s="26"/>
      <c r="JGK122" s="26"/>
      <c r="JGL122" s="26"/>
      <c r="JGM122" s="26"/>
      <c r="JGN122" s="26"/>
      <c r="JGO122" s="26"/>
      <c r="JGP122" s="26"/>
      <c r="JGQ122" s="26"/>
      <c r="JGR122" s="26"/>
      <c r="JGS122" s="26"/>
      <c r="JGT122" s="26"/>
      <c r="JGU122" s="26"/>
      <c r="JGV122" s="26"/>
      <c r="JGW122" s="26"/>
      <c r="JGX122" s="26"/>
      <c r="JGY122" s="26"/>
      <c r="JGZ122" s="26"/>
      <c r="JHA122" s="26"/>
      <c r="JHB122" s="26"/>
      <c r="JHC122" s="26"/>
      <c r="JHD122" s="26"/>
      <c r="JHE122" s="26"/>
      <c r="JHF122" s="26"/>
      <c r="JHG122" s="26"/>
      <c r="JHH122" s="26"/>
      <c r="JHI122" s="26"/>
      <c r="JHJ122" s="26"/>
      <c r="JHK122" s="26"/>
      <c r="JHL122" s="26"/>
      <c r="JHM122" s="26"/>
      <c r="JHN122" s="26"/>
      <c r="JHO122" s="26"/>
      <c r="JHP122" s="26"/>
      <c r="JHQ122" s="26"/>
      <c r="JHR122" s="26"/>
      <c r="JHS122" s="26"/>
      <c r="JHT122" s="26"/>
      <c r="JHU122" s="26"/>
      <c r="JHV122" s="26"/>
      <c r="JHW122" s="26"/>
      <c r="JHX122" s="26"/>
      <c r="JHY122" s="26"/>
      <c r="JHZ122" s="26"/>
      <c r="JIA122" s="26"/>
      <c r="JIB122" s="26"/>
      <c r="JIC122" s="26"/>
      <c r="JID122" s="26"/>
      <c r="JIE122" s="26"/>
      <c r="JIF122" s="26"/>
      <c r="JIG122" s="26"/>
      <c r="JIH122" s="26"/>
      <c r="JII122" s="26"/>
      <c r="JIJ122" s="26"/>
      <c r="JIK122" s="26"/>
      <c r="JIL122" s="26"/>
      <c r="JIM122" s="26"/>
      <c r="JIN122" s="26"/>
      <c r="JIO122" s="26"/>
      <c r="JIP122" s="26"/>
      <c r="JIQ122" s="26"/>
      <c r="JIR122" s="26"/>
      <c r="JIS122" s="26"/>
      <c r="JIT122" s="26"/>
      <c r="JIU122" s="26"/>
      <c r="JIV122" s="26"/>
      <c r="JIW122" s="26"/>
      <c r="JIX122" s="26"/>
      <c r="JIY122" s="26"/>
      <c r="JIZ122" s="26"/>
      <c r="JJA122" s="26"/>
      <c r="JJB122" s="26"/>
      <c r="JJC122" s="26"/>
      <c r="JJD122" s="26"/>
      <c r="JJE122" s="26"/>
      <c r="JJF122" s="26"/>
      <c r="JJG122" s="26"/>
      <c r="JJH122" s="26"/>
      <c r="JJI122" s="26"/>
      <c r="JJJ122" s="26"/>
      <c r="JJK122" s="26"/>
      <c r="JJL122" s="26"/>
      <c r="JJM122" s="26"/>
      <c r="JJN122" s="26"/>
      <c r="JJO122" s="26"/>
      <c r="JJP122" s="26"/>
      <c r="JJQ122" s="26"/>
      <c r="JJR122" s="26"/>
      <c r="JJS122" s="26"/>
      <c r="JJT122" s="26"/>
      <c r="JJU122" s="26"/>
      <c r="JJV122" s="26"/>
      <c r="JJW122" s="26"/>
      <c r="JJX122" s="26"/>
      <c r="JJY122" s="26"/>
      <c r="JJZ122" s="26"/>
      <c r="JKA122" s="26"/>
      <c r="JKB122" s="26"/>
      <c r="JKC122" s="26"/>
      <c r="JKD122" s="26"/>
      <c r="JKE122" s="26"/>
      <c r="JKF122" s="26"/>
      <c r="JKG122" s="26"/>
      <c r="JKH122" s="26"/>
      <c r="JKI122" s="26"/>
      <c r="JKJ122" s="26"/>
      <c r="JKK122" s="26"/>
      <c r="JKL122" s="26"/>
      <c r="JKM122" s="26"/>
      <c r="JKN122" s="26"/>
      <c r="JKO122" s="26"/>
      <c r="JKP122" s="26"/>
      <c r="JKQ122" s="26"/>
      <c r="JKR122" s="26"/>
      <c r="JKS122" s="26"/>
      <c r="JKT122" s="26"/>
      <c r="JKU122" s="26"/>
      <c r="JKV122" s="26"/>
      <c r="JKW122" s="26"/>
      <c r="JKX122" s="26"/>
      <c r="JKY122" s="26"/>
      <c r="JKZ122" s="26"/>
      <c r="JLA122" s="26"/>
      <c r="JLB122" s="26"/>
      <c r="JLC122" s="26"/>
      <c r="JLD122" s="26"/>
      <c r="JLE122" s="26"/>
      <c r="JLF122" s="26"/>
      <c r="JLG122" s="26"/>
      <c r="JLH122" s="26"/>
      <c r="JLI122" s="26"/>
      <c r="JLJ122" s="26"/>
      <c r="JLK122" s="26"/>
      <c r="JLL122" s="26"/>
      <c r="JLM122" s="26"/>
      <c r="JLN122" s="26"/>
      <c r="JLO122" s="26"/>
      <c r="JLP122" s="26"/>
      <c r="JLQ122" s="26"/>
      <c r="JLR122" s="26"/>
      <c r="JLS122" s="26"/>
      <c r="JLT122" s="26"/>
      <c r="JLU122" s="26"/>
      <c r="JLV122" s="26"/>
      <c r="JLW122" s="26"/>
      <c r="JLX122" s="26"/>
      <c r="JLY122" s="26"/>
      <c r="JLZ122" s="26"/>
      <c r="JMA122" s="26"/>
      <c r="JMB122" s="26"/>
      <c r="JMC122" s="26"/>
      <c r="JMD122" s="26"/>
      <c r="JME122" s="26"/>
      <c r="JMF122" s="26"/>
      <c r="JMG122" s="26"/>
      <c r="JMH122" s="26"/>
      <c r="JMI122" s="26"/>
      <c r="JMJ122" s="26"/>
      <c r="JMK122" s="26"/>
      <c r="JML122" s="26"/>
      <c r="JMM122" s="26"/>
      <c r="JMN122" s="26"/>
      <c r="JMO122" s="26"/>
      <c r="JMP122" s="26"/>
      <c r="JMQ122" s="26"/>
      <c r="JMR122" s="26"/>
      <c r="JMS122" s="26"/>
      <c r="JMT122" s="26"/>
      <c r="JMU122" s="26"/>
      <c r="JMV122" s="26"/>
      <c r="JMW122" s="26"/>
      <c r="JMX122" s="26"/>
      <c r="JMY122" s="26"/>
      <c r="JMZ122" s="26"/>
      <c r="JNA122" s="26"/>
      <c r="JNB122" s="26"/>
      <c r="JNC122" s="26"/>
      <c r="JND122" s="26"/>
      <c r="JNE122" s="26"/>
      <c r="JNF122" s="26"/>
      <c r="JNG122" s="26"/>
      <c r="JNH122" s="26"/>
      <c r="JNI122" s="26"/>
      <c r="JNJ122" s="26"/>
      <c r="JNK122" s="26"/>
      <c r="JNL122" s="26"/>
      <c r="JNM122" s="26"/>
      <c r="JNN122" s="26"/>
      <c r="JNO122" s="26"/>
      <c r="JNP122" s="26"/>
      <c r="JNQ122" s="26"/>
      <c r="JNR122" s="26"/>
      <c r="JNS122" s="26"/>
      <c r="JNT122" s="26"/>
      <c r="JNU122" s="26"/>
      <c r="JNV122" s="26"/>
      <c r="JNW122" s="26"/>
      <c r="JNX122" s="26"/>
      <c r="JNY122" s="26"/>
      <c r="JNZ122" s="26"/>
      <c r="JOA122" s="26"/>
      <c r="JOB122" s="26"/>
      <c r="JOC122" s="26"/>
      <c r="JOD122" s="26"/>
      <c r="JOE122" s="26"/>
      <c r="JOF122" s="26"/>
      <c r="JOG122" s="26"/>
      <c r="JOH122" s="26"/>
      <c r="JOI122" s="26"/>
      <c r="JOJ122" s="26"/>
      <c r="JOK122" s="26"/>
      <c r="JOL122" s="26"/>
      <c r="JOM122" s="26"/>
      <c r="JON122" s="26"/>
      <c r="JOO122" s="26"/>
      <c r="JOP122" s="26"/>
      <c r="JOQ122" s="26"/>
      <c r="JOR122" s="26"/>
      <c r="JOS122" s="26"/>
      <c r="JOT122" s="26"/>
      <c r="JOU122" s="26"/>
      <c r="JOV122" s="26"/>
      <c r="JOW122" s="26"/>
      <c r="JOX122" s="26"/>
      <c r="JOY122" s="26"/>
      <c r="JOZ122" s="26"/>
      <c r="JPA122" s="26"/>
      <c r="JPB122" s="26"/>
      <c r="JPC122" s="26"/>
      <c r="JPD122" s="26"/>
      <c r="JPE122" s="26"/>
      <c r="JPF122" s="26"/>
      <c r="JPG122" s="26"/>
      <c r="JPH122" s="26"/>
      <c r="JPI122" s="26"/>
      <c r="JPJ122" s="26"/>
      <c r="JPK122" s="26"/>
      <c r="JPL122" s="26"/>
      <c r="JPM122" s="26"/>
      <c r="JPN122" s="26"/>
      <c r="JPO122" s="26"/>
      <c r="JPP122" s="26"/>
      <c r="JPQ122" s="26"/>
      <c r="JPR122" s="26"/>
      <c r="JPS122" s="26"/>
      <c r="JPT122" s="26"/>
      <c r="JPU122" s="26"/>
      <c r="JPV122" s="26"/>
      <c r="JPW122" s="26"/>
      <c r="JPX122" s="26"/>
      <c r="JPY122" s="26"/>
      <c r="JPZ122" s="26"/>
      <c r="JQA122" s="26"/>
      <c r="JQB122" s="26"/>
      <c r="JQC122" s="26"/>
      <c r="JQD122" s="26"/>
      <c r="JQE122" s="26"/>
      <c r="JQF122" s="26"/>
      <c r="JQG122" s="26"/>
      <c r="JQH122" s="26"/>
      <c r="JQI122" s="26"/>
      <c r="JQJ122" s="26"/>
      <c r="JQK122" s="26"/>
      <c r="JQL122" s="26"/>
      <c r="JQM122" s="26"/>
      <c r="JQN122" s="26"/>
      <c r="JQO122" s="26"/>
      <c r="JQP122" s="26"/>
      <c r="JQQ122" s="26"/>
      <c r="JQR122" s="26"/>
      <c r="JQS122" s="26"/>
      <c r="JQT122" s="26"/>
      <c r="JQU122" s="26"/>
      <c r="JQV122" s="26"/>
      <c r="JQW122" s="26"/>
      <c r="JQX122" s="26"/>
      <c r="JQY122" s="26"/>
      <c r="JQZ122" s="26"/>
      <c r="JRA122" s="26"/>
      <c r="JRB122" s="26"/>
      <c r="JRC122" s="26"/>
      <c r="JRD122" s="26"/>
      <c r="JRE122" s="26"/>
      <c r="JRF122" s="26"/>
      <c r="JRG122" s="26"/>
      <c r="JRH122" s="26"/>
      <c r="JRI122" s="26"/>
      <c r="JRJ122" s="26"/>
      <c r="JRK122" s="26"/>
      <c r="JRL122" s="26"/>
      <c r="JRM122" s="26"/>
      <c r="JRN122" s="26"/>
      <c r="JRO122" s="26"/>
      <c r="JRP122" s="26"/>
      <c r="JRQ122" s="26"/>
      <c r="JRR122" s="26"/>
      <c r="JRS122" s="26"/>
      <c r="JRT122" s="26"/>
      <c r="JRU122" s="26"/>
      <c r="JRV122" s="26"/>
      <c r="JRW122" s="26"/>
      <c r="JRX122" s="26"/>
      <c r="JRY122" s="26"/>
      <c r="JRZ122" s="26"/>
      <c r="JSA122" s="26"/>
      <c r="JSB122" s="26"/>
      <c r="JSC122" s="26"/>
      <c r="JSD122" s="26"/>
      <c r="JSE122" s="26"/>
      <c r="JSF122" s="26"/>
      <c r="JSG122" s="26"/>
      <c r="JSH122" s="26"/>
      <c r="JSI122" s="26"/>
      <c r="JSJ122" s="26"/>
      <c r="JSK122" s="26"/>
      <c r="JSL122" s="26"/>
      <c r="JSM122" s="26"/>
      <c r="JSN122" s="26"/>
      <c r="JSO122" s="26"/>
      <c r="JSP122" s="26"/>
      <c r="JSQ122" s="26"/>
      <c r="JSR122" s="26"/>
      <c r="JSS122" s="26"/>
      <c r="JST122" s="26"/>
      <c r="JSU122" s="26"/>
      <c r="JSV122" s="26"/>
      <c r="JSW122" s="26"/>
      <c r="JSX122" s="26"/>
      <c r="JSY122" s="26"/>
      <c r="JSZ122" s="26"/>
      <c r="JTA122" s="26"/>
      <c r="JTB122" s="26"/>
      <c r="JTC122" s="26"/>
      <c r="JTD122" s="26"/>
      <c r="JTE122" s="26"/>
      <c r="JTF122" s="26"/>
      <c r="JTG122" s="26"/>
      <c r="JTH122" s="26"/>
      <c r="JTI122" s="26"/>
      <c r="JTJ122" s="26"/>
      <c r="JTK122" s="26"/>
      <c r="JTL122" s="26"/>
      <c r="JTM122" s="26"/>
      <c r="JTN122" s="26"/>
      <c r="JTO122" s="26"/>
      <c r="JTP122" s="26"/>
      <c r="JTQ122" s="26"/>
      <c r="JTR122" s="26"/>
      <c r="JTS122" s="26"/>
      <c r="JTT122" s="26"/>
      <c r="JTU122" s="26"/>
      <c r="JTV122" s="26"/>
      <c r="JTW122" s="26"/>
      <c r="JTX122" s="26"/>
      <c r="JTY122" s="26"/>
      <c r="JTZ122" s="26"/>
      <c r="JUA122" s="26"/>
      <c r="JUB122" s="26"/>
      <c r="JUC122" s="26"/>
      <c r="JUD122" s="26"/>
      <c r="JUE122" s="26"/>
      <c r="JUF122" s="26"/>
      <c r="JUG122" s="26"/>
      <c r="JUH122" s="26"/>
      <c r="JUI122" s="26"/>
      <c r="JUJ122" s="26"/>
      <c r="JUK122" s="26"/>
      <c r="JUL122" s="26"/>
      <c r="JUM122" s="26"/>
      <c r="JUN122" s="26"/>
      <c r="JUO122" s="26"/>
      <c r="JUP122" s="26"/>
      <c r="JUQ122" s="26"/>
      <c r="JUR122" s="26"/>
      <c r="JUS122" s="26"/>
      <c r="JUT122" s="26"/>
      <c r="JUU122" s="26"/>
      <c r="JUV122" s="26"/>
      <c r="JUW122" s="26"/>
      <c r="JUX122" s="26"/>
      <c r="JUY122" s="26"/>
      <c r="JUZ122" s="26"/>
      <c r="JVA122" s="26"/>
      <c r="JVB122" s="26"/>
      <c r="JVC122" s="26"/>
      <c r="JVD122" s="26"/>
      <c r="JVE122" s="26"/>
      <c r="JVF122" s="26"/>
      <c r="JVG122" s="26"/>
      <c r="JVH122" s="26"/>
      <c r="JVI122" s="26"/>
      <c r="JVJ122" s="26"/>
      <c r="JVK122" s="26"/>
      <c r="JVL122" s="26"/>
      <c r="JVM122" s="26"/>
      <c r="JVN122" s="26"/>
      <c r="JVO122" s="26"/>
      <c r="JVP122" s="26"/>
      <c r="JVQ122" s="26"/>
      <c r="JVR122" s="26"/>
      <c r="JVS122" s="26"/>
      <c r="JVT122" s="26"/>
      <c r="JVU122" s="26"/>
      <c r="JVV122" s="26"/>
      <c r="JVW122" s="26"/>
      <c r="JVX122" s="26"/>
      <c r="JVY122" s="26"/>
      <c r="JVZ122" s="26"/>
      <c r="JWA122" s="26"/>
      <c r="JWB122" s="26"/>
      <c r="JWC122" s="26"/>
      <c r="JWD122" s="26"/>
      <c r="JWE122" s="26"/>
      <c r="JWF122" s="26"/>
      <c r="JWG122" s="26"/>
      <c r="JWH122" s="26"/>
      <c r="JWI122" s="26"/>
      <c r="JWJ122" s="26"/>
      <c r="JWK122" s="26"/>
      <c r="JWL122" s="26"/>
      <c r="JWM122" s="26"/>
      <c r="JWN122" s="26"/>
      <c r="JWO122" s="26"/>
      <c r="JWP122" s="26"/>
      <c r="JWQ122" s="26"/>
      <c r="JWR122" s="26"/>
      <c r="JWS122" s="26"/>
      <c r="JWT122" s="26"/>
      <c r="JWU122" s="26"/>
      <c r="JWV122" s="26"/>
      <c r="JWW122" s="26"/>
      <c r="JWX122" s="26"/>
      <c r="JWY122" s="26"/>
      <c r="JWZ122" s="26"/>
      <c r="JXA122" s="26"/>
      <c r="JXB122" s="26"/>
      <c r="JXC122" s="26"/>
      <c r="JXD122" s="26"/>
      <c r="JXE122" s="26"/>
      <c r="JXF122" s="26"/>
      <c r="JXG122" s="26"/>
      <c r="JXH122" s="26"/>
      <c r="JXI122" s="26"/>
      <c r="JXJ122" s="26"/>
      <c r="JXK122" s="26"/>
      <c r="JXL122" s="26"/>
      <c r="JXM122" s="26"/>
      <c r="JXN122" s="26"/>
      <c r="JXO122" s="26"/>
      <c r="JXP122" s="26"/>
      <c r="JXQ122" s="26"/>
      <c r="JXR122" s="26"/>
      <c r="JXS122" s="26"/>
      <c r="JXT122" s="26"/>
      <c r="JXU122" s="26"/>
      <c r="JXV122" s="26"/>
      <c r="JXW122" s="26"/>
      <c r="JXX122" s="26"/>
      <c r="JXY122" s="26"/>
      <c r="JXZ122" s="26"/>
      <c r="JYA122" s="26"/>
      <c r="JYB122" s="26"/>
      <c r="JYC122" s="26"/>
      <c r="JYD122" s="26"/>
      <c r="JYE122" s="26"/>
      <c r="JYF122" s="26"/>
      <c r="JYG122" s="26"/>
      <c r="JYH122" s="26"/>
      <c r="JYI122" s="26"/>
      <c r="JYJ122" s="26"/>
      <c r="JYK122" s="26"/>
      <c r="JYL122" s="26"/>
      <c r="JYM122" s="26"/>
      <c r="JYN122" s="26"/>
      <c r="JYO122" s="26"/>
      <c r="JYP122" s="26"/>
      <c r="JYQ122" s="26"/>
      <c r="JYR122" s="26"/>
      <c r="JYS122" s="26"/>
      <c r="JYT122" s="26"/>
      <c r="JYU122" s="26"/>
      <c r="JYV122" s="26"/>
      <c r="JYW122" s="26"/>
      <c r="JYX122" s="26"/>
      <c r="JYY122" s="26"/>
      <c r="JYZ122" s="26"/>
      <c r="JZA122" s="26"/>
      <c r="JZB122" s="26"/>
      <c r="JZC122" s="26"/>
      <c r="JZD122" s="26"/>
      <c r="JZE122" s="26"/>
      <c r="JZF122" s="26"/>
      <c r="JZG122" s="26"/>
      <c r="JZH122" s="26"/>
      <c r="JZI122" s="26"/>
      <c r="JZJ122" s="26"/>
      <c r="JZK122" s="26"/>
      <c r="JZL122" s="26"/>
      <c r="JZM122" s="26"/>
      <c r="JZN122" s="26"/>
      <c r="JZO122" s="26"/>
      <c r="JZP122" s="26"/>
      <c r="JZQ122" s="26"/>
      <c r="JZR122" s="26"/>
      <c r="JZS122" s="26"/>
      <c r="JZT122" s="26"/>
      <c r="JZU122" s="26"/>
      <c r="JZV122" s="26"/>
      <c r="JZW122" s="26"/>
      <c r="JZX122" s="26"/>
      <c r="JZY122" s="26"/>
      <c r="JZZ122" s="26"/>
      <c r="KAA122" s="26"/>
      <c r="KAB122" s="26"/>
      <c r="KAC122" s="26"/>
      <c r="KAD122" s="26"/>
      <c r="KAE122" s="26"/>
      <c r="KAF122" s="26"/>
      <c r="KAG122" s="26"/>
      <c r="KAH122" s="26"/>
      <c r="KAI122" s="26"/>
      <c r="KAJ122" s="26"/>
      <c r="KAK122" s="26"/>
      <c r="KAL122" s="26"/>
      <c r="KAM122" s="26"/>
      <c r="KAN122" s="26"/>
      <c r="KAO122" s="26"/>
      <c r="KAP122" s="26"/>
      <c r="KAQ122" s="26"/>
      <c r="KAR122" s="26"/>
      <c r="KAS122" s="26"/>
      <c r="KAT122" s="26"/>
      <c r="KAU122" s="26"/>
      <c r="KAV122" s="26"/>
      <c r="KAW122" s="26"/>
      <c r="KAX122" s="26"/>
      <c r="KAY122" s="26"/>
      <c r="KAZ122" s="26"/>
      <c r="KBA122" s="26"/>
      <c r="KBB122" s="26"/>
      <c r="KBC122" s="26"/>
      <c r="KBD122" s="26"/>
      <c r="KBE122" s="26"/>
      <c r="KBF122" s="26"/>
      <c r="KBG122" s="26"/>
      <c r="KBH122" s="26"/>
      <c r="KBI122" s="26"/>
      <c r="KBJ122" s="26"/>
      <c r="KBK122" s="26"/>
      <c r="KBL122" s="26"/>
      <c r="KBM122" s="26"/>
      <c r="KBN122" s="26"/>
      <c r="KBO122" s="26"/>
      <c r="KBP122" s="26"/>
      <c r="KBQ122" s="26"/>
      <c r="KBR122" s="26"/>
      <c r="KBS122" s="26"/>
      <c r="KBT122" s="26"/>
      <c r="KBU122" s="26"/>
      <c r="KBV122" s="26"/>
      <c r="KBW122" s="26"/>
      <c r="KBX122" s="26"/>
      <c r="KBY122" s="26"/>
      <c r="KBZ122" s="26"/>
      <c r="KCA122" s="26"/>
      <c r="KCB122" s="26"/>
      <c r="KCC122" s="26"/>
      <c r="KCD122" s="26"/>
      <c r="KCE122" s="26"/>
      <c r="KCF122" s="26"/>
      <c r="KCG122" s="26"/>
      <c r="KCH122" s="26"/>
      <c r="KCI122" s="26"/>
      <c r="KCJ122" s="26"/>
      <c r="KCK122" s="26"/>
      <c r="KCL122" s="26"/>
      <c r="KCM122" s="26"/>
      <c r="KCN122" s="26"/>
      <c r="KCO122" s="26"/>
      <c r="KCP122" s="26"/>
      <c r="KCQ122" s="26"/>
      <c r="KCR122" s="26"/>
      <c r="KCS122" s="26"/>
      <c r="KCT122" s="26"/>
      <c r="KCU122" s="26"/>
      <c r="KCV122" s="26"/>
      <c r="KCW122" s="26"/>
      <c r="KCX122" s="26"/>
      <c r="KCY122" s="26"/>
      <c r="KCZ122" s="26"/>
      <c r="KDA122" s="26"/>
      <c r="KDB122" s="26"/>
      <c r="KDC122" s="26"/>
      <c r="KDD122" s="26"/>
      <c r="KDE122" s="26"/>
      <c r="KDF122" s="26"/>
      <c r="KDG122" s="26"/>
      <c r="KDH122" s="26"/>
      <c r="KDI122" s="26"/>
      <c r="KDJ122" s="26"/>
      <c r="KDK122" s="26"/>
      <c r="KDL122" s="26"/>
      <c r="KDM122" s="26"/>
      <c r="KDN122" s="26"/>
      <c r="KDO122" s="26"/>
      <c r="KDP122" s="26"/>
      <c r="KDQ122" s="26"/>
      <c r="KDR122" s="26"/>
      <c r="KDS122" s="26"/>
      <c r="KDT122" s="26"/>
      <c r="KDU122" s="26"/>
      <c r="KDV122" s="26"/>
      <c r="KDW122" s="26"/>
      <c r="KDX122" s="26"/>
      <c r="KDY122" s="26"/>
      <c r="KDZ122" s="26"/>
      <c r="KEA122" s="26"/>
      <c r="KEB122" s="26"/>
      <c r="KEC122" s="26"/>
      <c r="KED122" s="26"/>
      <c r="KEE122" s="26"/>
      <c r="KEF122" s="26"/>
      <c r="KEG122" s="26"/>
      <c r="KEH122" s="26"/>
      <c r="KEI122" s="26"/>
      <c r="KEJ122" s="26"/>
      <c r="KEK122" s="26"/>
      <c r="KEL122" s="26"/>
      <c r="KEM122" s="26"/>
      <c r="KEN122" s="26"/>
      <c r="KEO122" s="26"/>
      <c r="KEP122" s="26"/>
      <c r="KEQ122" s="26"/>
      <c r="KER122" s="26"/>
      <c r="KES122" s="26"/>
      <c r="KET122" s="26"/>
      <c r="KEU122" s="26"/>
      <c r="KEV122" s="26"/>
      <c r="KEW122" s="26"/>
      <c r="KEX122" s="26"/>
      <c r="KEY122" s="26"/>
      <c r="KEZ122" s="26"/>
      <c r="KFA122" s="26"/>
      <c r="KFB122" s="26"/>
      <c r="KFC122" s="26"/>
      <c r="KFD122" s="26"/>
      <c r="KFE122" s="26"/>
      <c r="KFF122" s="26"/>
      <c r="KFG122" s="26"/>
      <c r="KFH122" s="26"/>
      <c r="KFI122" s="26"/>
      <c r="KFJ122" s="26"/>
      <c r="KFK122" s="26"/>
      <c r="KFL122" s="26"/>
      <c r="KFM122" s="26"/>
      <c r="KFN122" s="26"/>
      <c r="KFO122" s="26"/>
      <c r="KFP122" s="26"/>
      <c r="KFQ122" s="26"/>
      <c r="KFR122" s="26"/>
      <c r="KFS122" s="26"/>
      <c r="KFT122" s="26"/>
      <c r="KFU122" s="26"/>
      <c r="KFV122" s="26"/>
      <c r="KFW122" s="26"/>
      <c r="KFX122" s="26"/>
      <c r="KFY122" s="26"/>
      <c r="KFZ122" s="26"/>
      <c r="KGA122" s="26"/>
      <c r="KGB122" s="26"/>
      <c r="KGC122" s="26"/>
      <c r="KGD122" s="26"/>
      <c r="KGE122" s="26"/>
      <c r="KGF122" s="26"/>
      <c r="KGG122" s="26"/>
      <c r="KGH122" s="26"/>
      <c r="KGI122" s="26"/>
      <c r="KGJ122" s="26"/>
      <c r="KGK122" s="26"/>
      <c r="KGL122" s="26"/>
      <c r="KGM122" s="26"/>
      <c r="KGN122" s="26"/>
      <c r="KGO122" s="26"/>
      <c r="KGP122" s="26"/>
      <c r="KGQ122" s="26"/>
      <c r="KGR122" s="26"/>
      <c r="KGS122" s="26"/>
      <c r="KGT122" s="26"/>
      <c r="KGU122" s="26"/>
      <c r="KGV122" s="26"/>
      <c r="KGW122" s="26"/>
      <c r="KGX122" s="26"/>
      <c r="KGY122" s="26"/>
      <c r="KGZ122" s="26"/>
      <c r="KHA122" s="26"/>
      <c r="KHB122" s="26"/>
      <c r="KHC122" s="26"/>
      <c r="KHD122" s="26"/>
      <c r="KHE122" s="26"/>
      <c r="KHF122" s="26"/>
      <c r="KHG122" s="26"/>
      <c r="KHH122" s="26"/>
      <c r="KHI122" s="26"/>
      <c r="KHJ122" s="26"/>
      <c r="KHK122" s="26"/>
      <c r="KHL122" s="26"/>
      <c r="KHM122" s="26"/>
      <c r="KHN122" s="26"/>
      <c r="KHO122" s="26"/>
      <c r="KHP122" s="26"/>
      <c r="KHQ122" s="26"/>
      <c r="KHR122" s="26"/>
      <c r="KHS122" s="26"/>
      <c r="KHT122" s="26"/>
      <c r="KHU122" s="26"/>
      <c r="KHV122" s="26"/>
      <c r="KHW122" s="26"/>
      <c r="KHX122" s="26"/>
      <c r="KHY122" s="26"/>
      <c r="KHZ122" s="26"/>
      <c r="KIA122" s="26"/>
      <c r="KIB122" s="26"/>
      <c r="KIC122" s="26"/>
      <c r="KID122" s="26"/>
      <c r="KIE122" s="26"/>
      <c r="KIF122" s="26"/>
      <c r="KIG122" s="26"/>
      <c r="KIH122" s="26"/>
      <c r="KII122" s="26"/>
      <c r="KIJ122" s="26"/>
      <c r="KIK122" s="26"/>
      <c r="KIL122" s="26"/>
      <c r="KIM122" s="26"/>
      <c r="KIN122" s="26"/>
      <c r="KIO122" s="26"/>
      <c r="KIP122" s="26"/>
      <c r="KIQ122" s="26"/>
      <c r="KIR122" s="26"/>
      <c r="KIS122" s="26"/>
      <c r="KIT122" s="26"/>
      <c r="KIU122" s="26"/>
      <c r="KIV122" s="26"/>
      <c r="KIW122" s="26"/>
      <c r="KIX122" s="26"/>
      <c r="KIY122" s="26"/>
      <c r="KIZ122" s="26"/>
      <c r="KJA122" s="26"/>
      <c r="KJB122" s="26"/>
      <c r="KJC122" s="26"/>
      <c r="KJD122" s="26"/>
      <c r="KJE122" s="26"/>
      <c r="KJF122" s="26"/>
      <c r="KJG122" s="26"/>
      <c r="KJH122" s="26"/>
      <c r="KJI122" s="26"/>
      <c r="KJJ122" s="26"/>
      <c r="KJK122" s="26"/>
      <c r="KJL122" s="26"/>
      <c r="KJM122" s="26"/>
      <c r="KJN122" s="26"/>
      <c r="KJO122" s="26"/>
      <c r="KJP122" s="26"/>
      <c r="KJQ122" s="26"/>
      <c r="KJR122" s="26"/>
      <c r="KJS122" s="26"/>
      <c r="KJT122" s="26"/>
      <c r="KJU122" s="26"/>
      <c r="KJV122" s="26"/>
      <c r="KJW122" s="26"/>
      <c r="KJX122" s="26"/>
      <c r="KJY122" s="26"/>
      <c r="KJZ122" s="26"/>
      <c r="KKA122" s="26"/>
      <c r="KKB122" s="26"/>
      <c r="KKC122" s="26"/>
      <c r="KKD122" s="26"/>
      <c r="KKE122" s="26"/>
      <c r="KKF122" s="26"/>
      <c r="KKG122" s="26"/>
      <c r="KKH122" s="26"/>
      <c r="KKI122" s="26"/>
      <c r="KKJ122" s="26"/>
      <c r="KKK122" s="26"/>
      <c r="KKL122" s="26"/>
      <c r="KKM122" s="26"/>
      <c r="KKN122" s="26"/>
      <c r="KKO122" s="26"/>
      <c r="KKP122" s="26"/>
      <c r="KKQ122" s="26"/>
      <c r="KKR122" s="26"/>
      <c r="KKS122" s="26"/>
      <c r="KKT122" s="26"/>
      <c r="KKU122" s="26"/>
      <c r="KKV122" s="26"/>
      <c r="KKW122" s="26"/>
      <c r="KKX122" s="26"/>
      <c r="KKY122" s="26"/>
      <c r="KKZ122" s="26"/>
      <c r="KLA122" s="26"/>
      <c r="KLB122" s="26"/>
      <c r="KLC122" s="26"/>
      <c r="KLD122" s="26"/>
      <c r="KLE122" s="26"/>
      <c r="KLF122" s="26"/>
      <c r="KLG122" s="26"/>
      <c r="KLH122" s="26"/>
      <c r="KLI122" s="26"/>
      <c r="KLJ122" s="26"/>
      <c r="KLK122" s="26"/>
      <c r="KLL122" s="26"/>
      <c r="KLM122" s="26"/>
      <c r="KLN122" s="26"/>
      <c r="KLO122" s="26"/>
      <c r="KLP122" s="26"/>
      <c r="KLQ122" s="26"/>
      <c r="KLR122" s="26"/>
      <c r="KLS122" s="26"/>
      <c r="KLT122" s="26"/>
      <c r="KLU122" s="26"/>
      <c r="KLV122" s="26"/>
      <c r="KLW122" s="26"/>
      <c r="KLX122" s="26"/>
      <c r="KLY122" s="26"/>
      <c r="KLZ122" s="26"/>
      <c r="KMA122" s="26"/>
      <c r="KMB122" s="26"/>
      <c r="KMC122" s="26"/>
      <c r="KMD122" s="26"/>
      <c r="KME122" s="26"/>
      <c r="KMF122" s="26"/>
      <c r="KMG122" s="26"/>
      <c r="KMH122" s="26"/>
      <c r="KMI122" s="26"/>
      <c r="KMJ122" s="26"/>
      <c r="KMK122" s="26"/>
      <c r="KML122" s="26"/>
      <c r="KMM122" s="26"/>
      <c r="KMN122" s="26"/>
      <c r="KMO122" s="26"/>
      <c r="KMP122" s="26"/>
      <c r="KMQ122" s="26"/>
      <c r="KMR122" s="26"/>
      <c r="KMS122" s="26"/>
      <c r="KMT122" s="26"/>
      <c r="KMU122" s="26"/>
      <c r="KMV122" s="26"/>
      <c r="KMW122" s="26"/>
      <c r="KMX122" s="26"/>
      <c r="KMY122" s="26"/>
      <c r="KMZ122" s="26"/>
      <c r="KNA122" s="26"/>
      <c r="KNB122" s="26"/>
      <c r="KNC122" s="26"/>
      <c r="KND122" s="26"/>
      <c r="KNE122" s="26"/>
      <c r="KNF122" s="26"/>
      <c r="KNG122" s="26"/>
      <c r="KNH122" s="26"/>
      <c r="KNI122" s="26"/>
      <c r="KNJ122" s="26"/>
      <c r="KNK122" s="26"/>
      <c r="KNL122" s="26"/>
      <c r="KNM122" s="26"/>
      <c r="KNN122" s="26"/>
      <c r="KNO122" s="26"/>
      <c r="KNP122" s="26"/>
      <c r="KNQ122" s="26"/>
      <c r="KNR122" s="26"/>
      <c r="KNS122" s="26"/>
      <c r="KNT122" s="26"/>
      <c r="KNU122" s="26"/>
      <c r="KNV122" s="26"/>
      <c r="KNW122" s="26"/>
      <c r="KNX122" s="26"/>
      <c r="KNY122" s="26"/>
      <c r="KNZ122" s="26"/>
      <c r="KOA122" s="26"/>
      <c r="KOB122" s="26"/>
      <c r="KOC122" s="26"/>
      <c r="KOD122" s="26"/>
      <c r="KOE122" s="26"/>
      <c r="KOF122" s="26"/>
      <c r="KOG122" s="26"/>
      <c r="KOH122" s="26"/>
      <c r="KOI122" s="26"/>
      <c r="KOJ122" s="26"/>
      <c r="KOK122" s="26"/>
      <c r="KOL122" s="26"/>
      <c r="KOM122" s="26"/>
      <c r="KON122" s="26"/>
      <c r="KOO122" s="26"/>
      <c r="KOP122" s="26"/>
      <c r="KOQ122" s="26"/>
      <c r="KOR122" s="26"/>
      <c r="KOS122" s="26"/>
      <c r="KOT122" s="26"/>
      <c r="KOU122" s="26"/>
      <c r="KOV122" s="26"/>
      <c r="KOW122" s="26"/>
      <c r="KOX122" s="26"/>
      <c r="KOY122" s="26"/>
      <c r="KOZ122" s="26"/>
      <c r="KPA122" s="26"/>
      <c r="KPB122" s="26"/>
      <c r="KPC122" s="26"/>
      <c r="KPD122" s="26"/>
      <c r="KPE122" s="26"/>
      <c r="KPF122" s="26"/>
      <c r="KPG122" s="26"/>
      <c r="KPH122" s="26"/>
      <c r="KPI122" s="26"/>
      <c r="KPJ122" s="26"/>
      <c r="KPK122" s="26"/>
      <c r="KPL122" s="26"/>
      <c r="KPM122" s="26"/>
      <c r="KPN122" s="26"/>
      <c r="KPO122" s="26"/>
      <c r="KPP122" s="26"/>
      <c r="KPQ122" s="26"/>
      <c r="KPR122" s="26"/>
      <c r="KPS122" s="26"/>
      <c r="KPT122" s="26"/>
      <c r="KPU122" s="26"/>
      <c r="KPV122" s="26"/>
      <c r="KPW122" s="26"/>
      <c r="KPX122" s="26"/>
      <c r="KPY122" s="26"/>
      <c r="KPZ122" s="26"/>
      <c r="KQA122" s="26"/>
      <c r="KQB122" s="26"/>
      <c r="KQC122" s="26"/>
      <c r="KQD122" s="26"/>
      <c r="KQE122" s="26"/>
      <c r="KQF122" s="26"/>
      <c r="KQG122" s="26"/>
      <c r="KQH122" s="26"/>
      <c r="KQI122" s="26"/>
      <c r="KQJ122" s="26"/>
      <c r="KQK122" s="26"/>
      <c r="KQL122" s="26"/>
      <c r="KQM122" s="26"/>
      <c r="KQN122" s="26"/>
      <c r="KQO122" s="26"/>
      <c r="KQP122" s="26"/>
      <c r="KQQ122" s="26"/>
      <c r="KQR122" s="26"/>
      <c r="KQS122" s="26"/>
      <c r="KQT122" s="26"/>
      <c r="KQU122" s="26"/>
      <c r="KQV122" s="26"/>
      <c r="KQW122" s="26"/>
      <c r="KQX122" s="26"/>
      <c r="KQY122" s="26"/>
      <c r="KQZ122" s="26"/>
      <c r="KRA122" s="26"/>
      <c r="KRB122" s="26"/>
      <c r="KRC122" s="26"/>
      <c r="KRD122" s="26"/>
      <c r="KRE122" s="26"/>
      <c r="KRF122" s="26"/>
      <c r="KRG122" s="26"/>
      <c r="KRH122" s="26"/>
      <c r="KRI122" s="26"/>
      <c r="KRJ122" s="26"/>
      <c r="KRK122" s="26"/>
      <c r="KRL122" s="26"/>
      <c r="KRM122" s="26"/>
      <c r="KRN122" s="26"/>
      <c r="KRO122" s="26"/>
      <c r="KRP122" s="26"/>
      <c r="KRQ122" s="26"/>
      <c r="KRR122" s="26"/>
      <c r="KRS122" s="26"/>
      <c r="KRT122" s="26"/>
      <c r="KRU122" s="26"/>
      <c r="KRV122" s="26"/>
      <c r="KRW122" s="26"/>
      <c r="KRX122" s="26"/>
      <c r="KRY122" s="26"/>
      <c r="KRZ122" s="26"/>
      <c r="KSA122" s="26"/>
      <c r="KSB122" s="26"/>
      <c r="KSC122" s="26"/>
      <c r="KSD122" s="26"/>
      <c r="KSE122" s="26"/>
      <c r="KSF122" s="26"/>
      <c r="KSG122" s="26"/>
      <c r="KSH122" s="26"/>
      <c r="KSI122" s="26"/>
      <c r="KSJ122" s="26"/>
      <c r="KSK122" s="26"/>
      <c r="KSL122" s="26"/>
      <c r="KSM122" s="26"/>
      <c r="KSN122" s="26"/>
      <c r="KSO122" s="26"/>
      <c r="KSP122" s="26"/>
      <c r="KSQ122" s="26"/>
      <c r="KSR122" s="26"/>
      <c r="KSS122" s="26"/>
      <c r="KST122" s="26"/>
      <c r="KSU122" s="26"/>
      <c r="KSV122" s="26"/>
      <c r="KSW122" s="26"/>
      <c r="KSX122" s="26"/>
      <c r="KSY122" s="26"/>
      <c r="KSZ122" s="26"/>
      <c r="KTA122" s="26"/>
      <c r="KTB122" s="26"/>
      <c r="KTC122" s="26"/>
      <c r="KTD122" s="26"/>
      <c r="KTE122" s="26"/>
      <c r="KTF122" s="26"/>
      <c r="KTG122" s="26"/>
      <c r="KTH122" s="26"/>
      <c r="KTI122" s="26"/>
      <c r="KTJ122" s="26"/>
      <c r="KTK122" s="26"/>
      <c r="KTL122" s="26"/>
      <c r="KTM122" s="26"/>
      <c r="KTN122" s="26"/>
      <c r="KTO122" s="26"/>
      <c r="KTP122" s="26"/>
      <c r="KTQ122" s="26"/>
      <c r="KTR122" s="26"/>
      <c r="KTS122" s="26"/>
      <c r="KTT122" s="26"/>
      <c r="KTU122" s="26"/>
      <c r="KTV122" s="26"/>
      <c r="KTW122" s="26"/>
      <c r="KTX122" s="26"/>
      <c r="KTY122" s="26"/>
      <c r="KTZ122" s="26"/>
      <c r="KUA122" s="26"/>
      <c r="KUB122" s="26"/>
      <c r="KUC122" s="26"/>
      <c r="KUD122" s="26"/>
      <c r="KUE122" s="26"/>
      <c r="KUF122" s="26"/>
      <c r="KUG122" s="26"/>
      <c r="KUH122" s="26"/>
      <c r="KUI122" s="26"/>
      <c r="KUJ122" s="26"/>
      <c r="KUK122" s="26"/>
      <c r="KUL122" s="26"/>
      <c r="KUM122" s="26"/>
      <c r="KUN122" s="26"/>
      <c r="KUO122" s="26"/>
      <c r="KUP122" s="26"/>
      <c r="KUQ122" s="26"/>
      <c r="KUR122" s="26"/>
      <c r="KUS122" s="26"/>
      <c r="KUT122" s="26"/>
      <c r="KUU122" s="26"/>
      <c r="KUV122" s="26"/>
      <c r="KUW122" s="26"/>
      <c r="KUX122" s="26"/>
      <c r="KUY122" s="26"/>
      <c r="KUZ122" s="26"/>
      <c r="KVA122" s="26"/>
      <c r="KVB122" s="26"/>
      <c r="KVC122" s="26"/>
      <c r="KVD122" s="26"/>
      <c r="KVE122" s="26"/>
      <c r="KVF122" s="26"/>
      <c r="KVG122" s="26"/>
      <c r="KVH122" s="26"/>
      <c r="KVI122" s="26"/>
      <c r="KVJ122" s="26"/>
      <c r="KVK122" s="26"/>
      <c r="KVL122" s="26"/>
      <c r="KVM122" s="26"/>
      <c r="KVN122" s="26"/>
      <c r="KVO122" s="26"/>
      <c r="KVP122" s="26"/>
      <c r="KVQ122" s="26"/>
      <c r="KVR122" s="26"/>
      <c r="KVS122" s="26"/>
      <c r="KVT122" s="26"/>
      <c r="KVU122" s="26"/>
      <c r="KVV122" s="26"/>
      <c r="KVW122" s="26"/>
      <c r="KVX122" s="26"/>
      <c r="KVY122" s="26"/>
      <c r="KVZ122" s="26"/>
      <c r="KWA122" s="26"/>
      <c r="KWB122" s="26"/>
      <c r="KWC122" s="26"/>
      <c r="KWD122" s="26"/>
      <c r="KWE122" s="26"/>
      <c r="KWF122" s="26"/>
      <c r="KWG122" s="26"/>
      <c r="KWH122" s="26"/>
      <c r="KWI122" s="26"/>
      <c r="KWJ122" s="26"/>
      <c r="KWK122" s="26"/>
      <c r="KWL122" s="26"/>
      <c r="KWM122" s="26"/>
      <c r="KWN122" s="26"/>
      <c r="KWO122" s="26"/>
      <c r="KWP122" s="26"/>
      <c r="KWQ122" s="26"/>
      <c r="KWR122" s="26"/>
      <c r="KWS122" s="26"/>
      <c r="KWT122" s="26"/>
      <c r="KWU122" s="26"/>
      <c r="KWV122" s="26"/>
      <c r="KWW122" s="26"/>
      <c r="KWX122" s="26"/>
      <c r="KWY122" s="26"/>
      <c r="KWZ122" s="26"/>
      <c r="KXA122" s="26"/>
      <c r="KXB122" s="26"/>
      <c r="KXC122" s="26"/>
      <c r="KXD122" s="26"/>
      <c r="KXE122" s="26"/>
      <c r="KXF122" s="26"/>
      <c r="KXG122" s="26"/>
      <c r="KXH122" s="26"/>
      <c r="KXI122" s="26"/>
      <c r="KXJ122" s="26"/>
      <c r="KXK122" s="26"/>
      <c r="KXL122" s="26"/>
      <c r="KXM122" s="26"/>
      <c r="KXN122" s="26"/>
      <c r="KXO122" s="26"/>
      <c r="KXP122" s="26"/>
      <c r="KXQ122" s="26"/>
      <c r="KXR122" s="26"/>
      <c r="KXS122" s="26"/>
      <c r="KXT122" s="26"/>
      <c r="KXU122" s="26"/>
      <c r="KXV122" s="26"/>
      <c r="KXW122" s="26"/>
      <c r="KXX122" s="26"/>
      <c r="KXY122" s="26"/>
      <c r="KXZ122" s="26"/>
      <c r="KYA122" s="26"/>
      <c r="KYB122" s="26"/>
      <c r="KYC122" s="26"/>
      <c r="KYD122" s="26"/>
      <c r="KYE122" s="26"/>
      <c r="KYF122" s="26"/>
      <c r="KYG122" s="26"/>
      <c r="KYH122" s="26"/>
      <c r="KYI122" s="26"/>
      <c r="KYJ122" s="26"/>
      <c r="KYK122" s="26"/>
      <c r="KYL122" s="26"/>
      <c r="KYM122" s="26"/>
      <c r="KYN122" s="26"/>
      <c r="KYO122" s="26"/>
      <c r="KYP122" s="26"/>
      <c r="KYQ122" s="26"/>
      <c r="KYR122" s="26"/>
      <c r="KYS122" s="26"/>
      <c r="KYT122" s="26"/>
      <c r="KYU122" s="26"/>
      <c r="KYV122" s="26"/>
      <c r="KYW122" s="26"/>
      <c r="KYX122" s="26"/>
      <c r="KYY122" s="26"/>
      <c r="KYZ122" s="26"/>
      <c r="KZA122" s="26"/>
      <c r="KZB122" s="26"/>
      <c r="KZC122" s="26"/>
      <c r="KZD122" s="26"/>
      <c r="KZE122" s="26"/>
      <c r="KZF122" s="26"/>
      <c r="KZG122" s="26"/>
      <c r="KZH122" s="26"/>
      <c r="KZI122" s="26"/>
      <c r="KZJ122" s="26"/>
      <c r="KZK122" s="26"/>
      <c r="KZL122" s="26"/>
      <c r="KZM122" s="26"/>
      <c r="KZN122" s="26"/>
      <c r="KZO122" s="26"/>
      <c r="KZP122" s="26"/>
      <c r="KZQ122" s="26"/>
      <c r="KZR122" s="26"/>
      <c r="KZS122" s="26"/>
      <c r="KZT122" s="26"/>
      <c r="KZU122" s="26"/>
      <c r="KZV122" s="26"/>
      <c r="KZW122" s="26"/>
      <c r="KZX122" s="26"/>
      <c r="KZY122" s="26"/>
      <c r="KZZ122" s="26"/>
      <c r="LAA122" s="26"/>
      <c r="LAB122" s="26"/>
      <c r="LAC122" s="26"/>
      <c r="LAD122" s="26"/>
      <c r="LAE122" s="26"/>
      <c r="LAF122" s="26"/>
      <c r="LAG122" s="26"/>
      <c r="LAH122" s="26"/>
      <c r="LAI122" s="26"/>
      <c r="LAJ122" s="26"/>
      <c r="LAK122" s="26"/>
      <c r="LAL122" s="26"/>
      <c r="LAM122" s="26"/>
      <c r="LAN122" s="26"/>
      <c r="LAO122" s="26"/>
      <c r="LAP122" s="26"/>
      <c r="LAQ122" s="26"/>
      <c r="LAR122" s="26"/>
      <c r="LAS122" s="26"/>
      <c r="LAT122" s="26"/>
      <c r="LAU122" s="26"/>
      <c r="LAV122" s="26"/>
      <c r="LAW122" s="26"/>
      <c r="LAX122" s="26"/>
      <c r="LAY122" s="26"/>
      <c r="LAZ122" s="26"/>
      <c r="LBA122" s="26"/>
      <c r="LBB122" s="26"/>
      <c r="LBC122" s="26"/>
      <c r="LBD122" s="26"/>
      <c r="LBE122" s="26"/>
      <c r="LBF122" s="26"/>
      <c r="LBG122" s="26"/>
      <c r="LBH122" s="26"/>
      <c r="LBI122" s="26"/>
      <c r="LBJ122" s="26"/>
      <c r="LBK122" s="26"/>
      <c r="LBL122" s="26"/>
      <c r="LBM122" s="26"/>
      <c r="LBN122" s="26"/>
      <c r="LBO122" s="26"/>
      <c r="LBP122" s="26"/>
      <c r="LBQ122" s="26"/>
      <c r="LBR122" s="26"/>
      <c r="LBS122" s="26"/>
      <c r="LBT122" s="26"/>
      <c r="LBU122" s="26"/>
      <c r="LBV122" s="26"/>
      <c r="LBW122" s="26"/>
      <c r="LBX122" s="26"/>
      <c r="LBY122" s="26"/>
      <c r="LBZ122" s="26"/>
      <c r="LCA122" s="26"/>
      <c r="LCB122" s="26"/>
      <c r="LCC122" s="26"/>
      <c r="LCD122" s="26"/>
      <c r="LCE122" s="26"/>
      <c r="LCF122" s="26"/>
      <c r="LCG122" s="26"/>
      <c r="LCH122" s="26"/>
      <c r="LCI122" s="26"/>
      <c r="LCJ122" s="26"/>
      <c r="LCK122" s="26"/>
      <c r="LCL122" s="26"/>
      <c r="LCM122" s="26"/>
      <c r="LCN122" s="26"/>
      <c r="LCO122" s="26"/>
      <c r="LCP122" s="26"/>
      <c r="LCQ122" s="26"/>
      <c r="LCR122" s="26"/>
      <c r="LCS122" s="26"/>
      <c r="LCT122" s="26"/>
      <c r="LCU122" s="26"/>
      <c r="LCV122" s="26"/>
      <c r="LCW122" s="26"/>
      <c r="LCX122" s="26"/>
      <c r="LCY122" s="26"/>
      <c r="LCZ122" s="26"/>
      <c r="LDA122" s="26"/>
      <c r="LDB122" s="26"/>
      <c r="LDC122" s="26"/>
      <c r="LDD122" s="26"/>
      <c r="LDE122" s="26"/>
      <c r="LDF122" s="26"/>
      <c r="LDG122" s="26"/>
      <c r="LDH122" s="26"/>
      <c r="LDI122" s="26"/>
      <c r="LDJ122" s="26"/>
      <c r="LDK122" s="26"/>
      <c r="LDL122" s="26"/>
      <c r="LDM122" s="26"/>
      <c r="LDN122" s="26"/>
      <c r="LDO122" s="26"/>
      <c r="LDP122" s="26"/>
      <c r="LDQ122" s="26"/>
      <c r="LDR122" s="26"/>
      <c r="LDS122" s="26"/>
      <c r="LDT122" s="26"/>
      <c r="LDU122" s="26"/>
      <c r="LDV122" s="26"/>
      <c r="LDW122" s="26"/>
      <c r="LDX122" s="26"/>
      <c r="LDY122" s="26"/>
      <c r="LDZ122" s="26"/>
      <c r="LEA122" s="26"/>
      <c r="LEB122" s="26"/>
      <c r="LEC122" s="26"/>
      <c r="LED122" s="26"/>
      <c r="LEE122" s="26"/>
      <c r="LEF122" s="26"/>
      <c r="LEG122" s="26"/>
      <c r="LEH122" s="26"/>
      <c r="LEI122" s="26"/>
      <c r="LEJ122" s="26"/>
      <c r="LEK122" s="26"/>
      <c r="LEL122" s="26"/>
      <c r="LEM122" s="26"/>
      <c r="LEN122" s="26"/>
      <c r="LEO122" s="26"/>
      <c r="LEP122" s="26"/>
      <c r="LEQ122" s="26"/>
      <c r="LER122" s="26"/>
      <c r="LES122" s="26"/>
      <c r="LET122" s="26"/>
      <c r="LEU122" s="26"/>
      <c r="LEV122" s="26"/>
      <c r="LEW122" s="26"/>
      <c r="LEX122" s="26"/>
      <c r="LEY122" s="26"/>
      <c r="LEZ122" s="26"/>
      <c r="LFA122" s="26"/>
      <c r="LFB122" s="26"/>
      <c r="LFC122" s="26"/>
      <c r="LFD122" s="26"/>
      <c r="LFE122" s="26"/>
      <c r="LFF122" s="26"/>
      <c r="LFG122" s="26"/>
      <c r="LFH122" s="26"/>
      <c r="LFI122" s="26"/>
      <c r="LFJ122" s="26"/>
      <c r="LFK122" s="26"/>
      <c r="LFL122" s="26"/>
      <c r="LFM122" s="26"/>
      <c r="LFN122" s="26"/>
      <c r="LFO122" s="26"/>
      <c r="LFP122" s="26"/>
      <c r="LFQ122" s="26"/>
      <c r="LFR122" s="26"/>
      <c r="LFS122" s="26"/>
      <c r="LFT122" s="26"/>
      <c r="LFU122" s="26"/>
      <c r="LFV122" s="26"/>
      <c r="LFW122" s="26"/>
      <c r="LFX122" s="26"/>
      <c r="LFY122" s="26"/>
      <c r="LFZ122" s="26"/>
      <c r="LGA122" s="26"/>
      <c r="LGB122" s="26"/>
      <c r="LGC122" s="26"/>
      <c r="LGD122" s="26"/>
      <c r="LGE122" s="26"/>
      <c r="LGF122" s="26"/>
      <c r="LGG122" s="26"/>
      <c r="LGH122" s="26"/>
      <c r="LGI122" s="26"/>
      <c r="LGJ122" s="26"/>
      <c r="LGK122" s="26"/>
      <c r="LGL122" s="26"/>
      <c r="LGM122" s="26"/>
      <c r="LGN122" s="26"/>
      <c r="LGO122" s="26"/>
      <c r="LGP122" s="26"/>
      <c r="LGQ122" s="26"/>
      <c r="LGR122" s="26"/>
      <c r="LGS122" s="26"/>
      <c r="LGT122" s="26"/>
      <c r="LGU122" s="26"/>
      <c r="LGV122" s="26"/>
      <c r="LGW122" s="26"/>
      <c r="LGX122" s="26"/>
      <c r="LGY122" s="26"/>
      <c r="LGZ122" s="26"/>
      <c r="LHA122" s="26"/>
      <c r="LHB122" s="26"/>
      <c r="LHC122" s="26"/>
      <c r="LHD122" s="26"/>
      <c r="LHE122" s="26"/>
      <c r="LHF122" s="26"/>
      <c r="LHG122" s="26"/>
      <c r="LHH122" s="26"/>
      <c r="LHI122" s="26"/>
      <c r="LHJ122" s="26"/>
      <c r="LHK122" s="26"/>
      <c r="LHL122" s="26"/>
      <c r="LHM122" s="26"/>
      <c r="LHN122" s="26"/>
      <c r="LHO122" s="26"/>
      <c r="LHP122" s="26"/>
      <c r="LHQ122" s="26"/>
      <c r="LHR122" s="26"/>
      <c r="LHS122" s="26"/>
      <c r="LHT122" s="26"/>
      <c r="LHU122" s="26"/>
      <c r="LHV122" s="26"/>
      <c r="LHW122" s="26"/>
      <c r="LHX122" s="26"/>
      <c r="LHY122" s="26"/>
      <c r="LHZ122" s="26"/>
      <c r="LIA122" s="26"/>
      <c r="LIB122" s="26"/>
      <c r="LIC122" s="26"/>
      <c r="LID122" s="26"/>
      <c r="LIE122" s="26"/>
      <c r="LIF122" s="26"/>
      <c r="LIG122" s="26"/>
      <c r="LIH122" s="26"/>
      <c r="LII122" s="26"/>
      <c r="LIJ122" s="26"/>
      <c r="LIK122" s="26"/>
      <c r="LIL122" s="26"/>
      <c r="LIM122" s="26"/>
      <c r="LIN122" s="26"/>
      <c r="LIO122" s="26"/>
      <c r="LIP122" s="26"/>
      <c r="LIQ122" s="26"/>
      <c r="LIR122" s="26"/>
      <c r="LIS122" s="26"/>
      <c r="LIT122" s="26"/>
      <c r="LIU122" s="26"/>
      <c r="LIV122" s="26"/>
      <c r="LIW122" s="26"/>
      <c r="LIX122" s="26"/>
      <c r="LIY122" s="26"/>
      <c r="LIZ122" s="26"/>
      <c r="LJA122" s="26"/>
      <c r="LJB122" s="26"/>
      <c r="LJC122" s="26"/>
      <c r="LJD122" s="26"/>
      <c r="LJE122" s="26"/>
      <c r="LJF122" s="26"/>
      <c r="LJG122" s="26"/>
      <c r="LJH122" s="26"/>
      <c r="LJI122" s="26"/>
      <c r="LJJ122" s="26"/>
      <c r="LJK122" s="26"/>
      <c r="LJL122" s="26"/>
      <c r="LJM122" s="26"/>
      <c r="LJN122" s="26"/>
      <c r="LJO122" s="26"/>
      <c r="LJP122" s="26"/>
      <c r="LJQ122" s="26"/>
      <c r="LJR122" s="26"/>
      <c r="LJS122" s="26"/>
      <c r="LJT122" s="26"/>
      <c r="LJU122" s="26"/>
      <c r="LJV122" s="26"/>
      <c r="LJW122" s="26"/>
      <c r="LJX122" s="26"/>
      <c r="LJY122" s="26"/>
      <c r="LJZ122" s="26"/>
      <c r="LKA122" s="26"/>
      <c r="LKB122" s="26"/>
      <c r="LKC122" s="26"/>
      <c r="LKD122" s="26"/>
      <c r="LKE122" s="26"/>
      <c r="LKF122" s="26"/>
      <c r="LKG122" s="26"/>
      <c r="LKH122" s="26"/>
      <c r="LKI122" s="26"/>
      <c r="LKJ122" s="26"/>
      <c r="LKK122" s="26"/>
      <c r="LKL122" s="26"/>
      <c r="LKM122" s="26"/>
      <c r="LKN122" s="26"/>
      <c r="LKO122" s="26"/>
      <c r="LKP122" s="26"/>
      <c r="LKQ122" s="26"/>
      <c r="LKR122" s="26"/>
      <c r="LKS122" s="26"/>
      <c r="LKT122" s="26"/>
      <c r="LKU122" s="26"/>
      <c r="LKV122" s="26"/>
      <c r="LKW122" s="26"/>
      <c r="LKX122" s="26"/>
      <c r="LKY122" s="26"/>
      <c r="LKZ122" s="26"/>
      <c r="LLA122" s="26"/>
      <c r="LLB122" s="26"/>
      <c r="LLC122" s="26"/>
      <c r="LLD122" s="26"/>
      <c r="LLE122" s="26"/>
      <c r="LLF122" s="26"/>
      <c r="LLG122" s="26"/>
      <c r="LLH122" s="26"/>
      <c r="LLI122" s="26"/>
      <c r="LLJ122" s="26"/>
      <c r="LLK122" s="26"/>
      <c r="LLL122" s="26"/>
      <c r="LLM122" s="26"/>
      <c r="LLN122" s="26"/>
      <c r="LLO122" s="26"/>
      <c r="LLP122" s="26"/>
      <c r="LLQ122" s="26"/>
      <c r="LLR122" s="26"/>
      <c r="LLS122" s="26"/>
      <c r="LLT122" s="26"/>
      <c r="LLU122" s="26"/>
      <c r="LLV122" s="26"/>
      <c r="LLW122" s="26"/>
      <c r="LLX122" s="26"/>
      <c r="LLY122" s="26"/>
      <c r="LLZ122" s="26"/>
      <c r="LMA122" s="26"/>
      <c r="LMB122" s="26"/>
      <c r="LMC122" s="26"/>
      <c r="LMD122" s="26"/>
      <c r="LME122" s="26"/>
      <c r="LMF122" s="26"/>
      <c r="LMG122" s="26"/>
      <c r="LMH122" s="26"/>
      <c r="LMI122" s="26"/>
      <c r="LMJ122" s="26"/>
      <c r="LMK122" s="26"/>
      <c r="LML122" s="26"/>
      <c r="LMM122" s="26"/>
      <c r="LMN122" s="26"/>
      <c r="LMO122" s="26"/>
      <c r="LMP122" s="26"/>
      <c r="LMQ122" s="26"/>
      <c r="LMR122" s="26"/>
      <c r="LMS122" s="26"/>
      <c r="LMT122" s="26"/>
      <c r="LMU122" s="26"/>
      <c r="LMV122" s="26"/>
      <c r="LMW122" s="26"/>
      <c r="LMX122" s="26"/>
      <c r="LMY122" s="26"/>
      <c r="LMZ122" s="26"/>
      <c r="LNA122" s="26"/>
      <c r="LNB122" s="26"/>
      <c r="LNC122" s="26"/>
      <c r="LND122" s="26"/>
      <c r="LNE122" s="26"/>
      <c r="LNF122" s="26"/>
      <c r="LNG122" s="26"/>
      <c r="LNH122" s="26"/>
      <c r="LNI122" s="26"/>
      <c r="LNJ122" s="26"/>
      <c r="LNK122" s="26"/>
      <c r="LNL122" s="26"/>
      <c r="LNM122" s="26"/>
      <c r="LNN122" s="26"/>
      <c r="LNO122" s="26"/>
      <c r="LNP122" s="26"/>
      <c r="LNQ122" s="26"/>
      <c r="LNR122" s="26"/>
      <c r="LNS122" s="26"/>
      <c r="LNT122" s="26"/>
      <c r="LNU122" s="26"/>
      <c r="LNV122" s="26"/>
      <c r="LNW122" s="26"/>
      <c r="LNX122" s="26"/>
      <c r="LNY122" s="26"/>
      <c r="LNZ122" s="26"/>
      <c r="LOA122" s="26"/>
      <c r="LOB122" s="26"/>
      <c r="LOC122" s="26"/>
      <c r="LOD122" s="26"/>
      <c r="LOE122" s="26"/>
      <c r="LOF122" s="26"/>
      <c r="LOG122" s="26"/>
      <c r="LOH122" s="26"/>
      <c r="LOI122" s="26"/>
      <c r="LOJ122" s="26"/>
      <c r="LOK122" s="26"/>
      <c r="LOL122" s="26"/>
      <c r="LOM122" s="26"/>
      <c r="LON122" s="26"/>
      <c r="LOO122" s="26"/>
      <c r="LOP122" s="26"/>
      <c r="LOQ122" s="26"/>
      <c r="LOR122" s="26"/>
      <c r="LOS122" s="26"/>
      <c r="LOT122" s="26"/>
      <c r="LOU122" s="26"/>
      <c r="LOV122" s="26"/>
      <c r="LOW122" s="26"/>
      <c r="LOX122" s="26"/>
      <c r="LOY122" s="26"/>
      <c r="LOZ122" s="26"/>
      <c r="LPA122" s="26"/>
      <c r="LPB122" s="26"/>
      <c r="LPC122" s="26"/>
      <c r="LPD122" s="26"/>
      <c r="LPE122" s="26"/>
      <c r="LPF122" s="26"/>
      <c r="LPG122" s="26"/>
      <c r="LPH122" s="26"/>
      <c r="LPI122" s="26"/>
      <c r="LPJ122" s="26"/>
      <c r="LPK122" s="26"/>
      <c r="LPL122" s="26"/>
      <c r="LPM122" s="26"/>
      <c r="LPN122" s="26"/>
      <c r="LPO122" s="26"/>
      <c r="LPP122" s="26"/>
      <c r="LPQ122" s="26"/>
      <c r="LPR122" s="26"/>
      <c r="LPS122" s="26"/>
      <c r="LPT122" s="26"/>
      <c r="LPU122" s="26"/>
      <c r="LPV122" s="26"/>
      <c r="LPW122" s="26"/>
      <c r="LPX122" s="26"/>
      <c r="LPY122" s="26"/>
      <c r="LPZ122" s="26"/>
      <c r="LQA122" s="26"/>
      <c r="LQB122" s="26"/>
      <c r="LQC122" s="26"/>
      <c r="LQD122" s="26"/>
      <c r="LQE122" s="26"/>
      <c r="LQF122" s="26"/>
      <c r="LQG122" s="26"/>
      <c r="LQH122" s="26"/>
      <c r="LQI122" s="26"/>
      <c r="LQJ122" s="26"/>
      <c r="LQK122" s="26"/>
      <c r="LQL122" s="26"/>
      <c r="LQM122" s="26"/>
      <c r="LQN122" s="26"/>
      <c r="LQO122" s="26"/>
      <c r="LQP122" s="26"/>
      <c r="LQQ122" s="26"/>
      <c r="LQR122" s="26"/>
      <c r="LQS122" s="26"/>
      <c r="LQT122" s="26"/>
      <c r="LQU122" s="26"/>
      <c r="LQV122" s="26"/>
      <c r="LQW122" s="26"/>
      <c r="LQX122" s="26"/>
      <c r="LQY122" s="26"/>
      <c r="LQZ122" s="26"/>
      <c r="LRA122" s="26"/>
      <c r="LRB122" s="26"/>
      <c r="LRC122" s="26"/>
      <c r="LRD122" s="26"/>
      <c r="LRE122" s="26"/>
      <c r="LRF122" s="26"/>
      <c r="LRG122" s="26"/>
      <c r="LRH122" s="26"/>
      <c r="LRI122" s="26"/>
      <c r="LRJ122" s="26"/>
      <c r="LRK122" s="26"/>
      <c r="LRL122" s="26"/>
      <c r="LRM122" s="26"/>
      <c r="LRN122" s="26"/>
      <c r="LRO122" s="26"/>
      <c r="LRP122" s="26"/>
      <c r="LRQ122" s="26"/>
      <c r="LRR122" s="26"/>
      <c r="LRS122" s="26"/>
      <c r="LRT122" s="26"/>
      <c r="LRU122" s="26"/>
      <c r="LRV122" s="26"/>
      <c r="LRW122" s="26"/>
      <c r="LRX122" s="26"/>
      <c r="LRY122" s="26"/>
      <c r="LRZ122" s="26"/>
      <c r="LSA122" s="26"/>
      <c r="LSB122" s="26"/>
      <c r="LSC122" s="26"/>
      <c r="LSD122" s="26"/>
      <c r="LSE122" s="26"/>
      <c r="LSF122" s="26"/>
      <c r="LSG122" s="26"/>
      <c r="LSH122" s="26"/>
      <c r="LSI122" s="26"/>
      <c r="LSJ122" s="26"/>
      <c r="LSK122" s="26"/>
      <c r="LSL122" s="26"/>
      <c r="LSM122" s="26"/>
      <c r="LSN122" s="26"/>
      <c r="LSO122" s="26"/>
      <c r="LSP122" s="26"/>
      <c r="LSQ122" s="26"/>
      <c r="LSR122" s="26"/>
      <c r="LSS122" s="26"/>
      <c r="LST122" s="26"/>
      <c r="LSU122" s="26"/>
      <c r="LSV122" s="26"/>
      <c r="LSW122" s="26"/>
      <c r="LSX122" s="26"/>
      <c r="LSY122" s="26"/>
      <c r="LSZ122" s="26"/>
      <c r="LTA122" s="26"/>
      <c r="LTB122" s="26"/>
      <c r="LTC122" s="26"/>
      <c r="LTD122" s="26"/>
      <c r="LTE122" s="26"/>
      <c r="LTF122" s="26"/>
      <c r="LTG122" s="26"/>
      <c r="LTH122" s="26"/>
      <c r="LTI122" s="26"/>
      <c r="LTJ122" s="26"/>
      <c r="LTK122" s="26"/>
      <c r="LTL122" s="26"/>
      <c r="LTM122" s="26"/>
      <c r="LTN122" s="26"/>
      <c r="LTO122" s="26"/>
      <c r="LTP122" s="26"/>
      <c r="LTQ122" s="26"/>
      <c r="LTR122" s="26"/>
      <c r="LTS122" s="26"/>
      <c r="LTT122" s="26"/>
      <c r="LTU122" s="26"/>
      <c r="LTV122" s="26"/>
      <c r="LTW122" s="26"/>
      <c r="LTX122" s="26"/>
      <c r="LTY122" s="26"/>
      <c r="LTZ122" s="26"/>
      <c r="LUA122" s="26"/>
      <c r="LUB122" s="26"/>
      <c r="LUC122" s="26"/>
      <c r="LUD122" s="26"/>
      <c r="LUE122" s="26"/>
      <c r="LUF122" s="26"/>
      <c r="LUG122" s="26"/>
      <c r="LUH122" s="26"/>
      <c r="LUI122" s="26"/>
      <c r="LUJ122" s="26"/>
      <c r="LUK122" s="26"/>
      <c r="LUL122" s="26"/>
      <c r="LUM122" s="26"/>
      <c r="LUN122" s="26"/>
      <c r="LUO122" s="26"/>
      <c r="LUP122" s="26"/>
      <c r="LUQ122" s="26"/>
      <c r="LUR122" s="26"/>
      <c r="LUS122" s="26"/>
      <c r="LUT122" s="26"/>
      <c r="LUU122" s="26"/>
      <c r="LUV122" s="26"/>
      <c r="LUW122" s="26"/>
      <c r="LUX122" s="26"/>
      <c r="LUY122" s="26"/>
      <c r="LUZ122" s="26"/>
      <c r="LVA122" s="26"/>
      <c r="LVB122" s="26"/>
      <c r="LVC122" s="26"/>
      <c r="LVD122" s="26"/>
      <c r="LVE122" s="26"/>
      <c r="LVF122" s="26"/>
      <c r="LVG122" s="26"/>
      <c r="LVH122" s="26"/>
      <c r="LVI122" s="26"/>
      <c r="LVJ122" s="26"/>
      <c r="LVK122" s="26"/>
      <c r="LVL122" s="26"/>
      <c r="LVM122" s="26"/>
      <c r="LVN122" s="26"/>
      <c r="LVO122" s="26"/>
      <c r="LVP122" s="26"/>
      <c r="LVQ122" s="26"/>
      <c r="LVR122" s="26"/>
      <c r="LVS122" s="26"/>
      <c r="LVT122" s="26"/>
      <c r="LVU122" s="26"/>
      <c r="LVV122" s="26"/>
      <c r="LVW122" s="26"/>
      <c r="LVX122" s="26"/>
      <c r="LVY122" s="26"/>
      <c r="LVZ122" s="26"/>
      <c r="LWA122" s="26"/>
      <c r="LWB122" s="26"/>
      <c r="LWC122" s="26"/>
      <c r="LWD122" s="26"/>
      <c r="LWE122" s="26"/>
      <c r="LWF122" s="26"/>
      <c r="LWG122" s="26"/>
      <c r="LWH122" s="26"/>
      <c r="LWI122" s="26"/>
      <c r="LWJ122" s="26"/>
      <c r="LWK122" s="26"/>
      <c r="LWL122" s="26"/>
      <c r="LWM122" s="26"/>
      <c r="LWN122" s="26"/>
      <c r="LWO122" s="26"/>
      <c r="LWP122" s="26"/>
      <c r="LWQ122" s="26"/>
      <c r="LWR122" s="26"/>
      <c r="LWS122" s="26"/>
      <c r="LWT122" s="26"/>
      <c r="LWU122" s="26"/>
      <c r="LWV122" s="26"/>
      <c r="LWW122" s="26"/>
      <c r="LWX122" s="26"/>
      <c r="LWY122" s="26"/>
      <c r="LWZ122" s="26"/>
      <c r="LXA122" s="26"/>
      <c r="LXB122" s="26"/>
      <c r="LXC122" s="26"/>
      <c r="LXD122" s="26"/>
      <c r="LXE122" s="26"/>
      <c r="LXF122" s="26"/>
      <c r="LXG122" s="26"/>
      <c r="LXH122" s="26"/>
      <c r="LXI122" s="26"/>
      <c r="LXJ122" s="26"/>
      <c r="LXK122" s="26"/>
      <c r="LXL122" s="26"/>
      <c r="LXM122" s="26"/>
      <c r="LXN122" s="26"/>
      <c r="LXO122" s="26"/>
      <c r="LXP122" s="26"/>
      <c r="LXQ122" s="26"/>
      <c r="LXR122" s="26"/>
      <c r="LXS122" s="26"/>
      <c r="LXT122" s="26"/>
      <c r="LXU122" s="26"/>
      <c r="LXV122" s="26"/>
      <c r="LXW122" s="26"/>
      <c r="LXX122" s="26"/>
      <c r="LXY122" s="26"/>
      <c r="LXZ122" s="26"/>
      <c r="LYA122" s="26"/>
      <c r="LYB122" s="26"/>
      <c r="LYC122" s="26"/>
      <c r="LYD122" s="26"/>
      <c r="LYE122" s="26"/>
      <c r="LYF122" s="26"/>
      <c r="LYG122" s="26"/>
      <c r="LYH122" s="26"/>
      <c r="LYI122" s="26"/>
      <c r="LYJ122" s="26"/>
      <c r="LYK122" s="26"/>
      <c r="LYL122" s="26"/>
      <c r="LYM122" s="26"/>
      <c r="LYN122" s="26"/>
      <c r="LYO122" s="26"/>
      <c r="LYP122" s="26"/>
      <c r="LYQ122" s="26"/>
      <c r="LYR122" s="26"/>
      <c r="LYS122" s="26"/>
      <c r="LYT122" s="26"/>
      <c r="LYU122" s="26"/>
      <c r="LYV122" s="26"/>
      <c r="LYW122" s="26"/>
      <c r="LYX122" s="26"/>
      <c r="LYY122" s="26"/>
      <c r="LYZ122" s="26"/>
      <c r="LZA122" s="26"/>
      <c r="LZB122" s="26"/>
      <c r="LZC122" s="26"/>
      <c r="LZD122" s="26"/>
      <c r="LZE122" s="26"/>
      <c r="LZF122" s="26"/>
      <c r="LZG122" s="26"/>
      <c r="LZH122" s="26"/>
      <c r="LZI122" s="26"/>
      <c r="LZJ122" s="26"/>
      <c r="LZK122" s="26"/>
      <c r="LZL122" s="26"/>
      <c r="LZM122" s="26"/>
      <c r="LZN122" s="26"/>
      <c r="LZO122" s="26"/>
      <c r="LZP122" s="26"/>
      <c r="LZQ122" s="26"/>
      <c r="LZR122" s="26"/>
      <c r="LZS122" s="26"/>
      <c r="LZT122" s="26"/>
      <c r="LZU122" s="26"/>
      <c r="LZV122" s="26"/>
      <c r="LZW122" s="26"/>
      <c r="LZX122" s="26"/>
      <c r="LZY122" s="26"/>
      <c r="LZZ122" s="26"/>
      <c r="MAA122" s="26"/>
      <c r="MAB122" s="26"/>
      <c r="MAC122" s="26"/>
      <c r="MAD122" s="26"/>
      <c r="MAE122" s="26"/>
      <c r="MAF122" s="26"/>
      <c r="MAG122" s="26"/>
      <c r="MAH122" s="26"/>
      <c r="MAI122" s="26"/>
      <c r="MAJ122" s="26"/>
      <c r="MAK122" s="26"/>
      <c r="MAL122" s="26"/>
      <c r="MAM122" s="26"/>
      <c r="MAN122" s="26"/>
      <c r="MAO122" s="26"/>
      <c r="MAP122" s="26"/>
      <c r="MAQ122" s="26"/>
      <c r="MAR122" s="26"/>
      <c r="MAS122" s="26"/>
      <c r="MAT122" s="26"/>
      <c r="MAU122" s="26"/>
      <c r="MAV122" s="26"/>
      <c r="MAW122" s="26"/>
      <c r="MAX122" s="26"/>
      <c r="MAY122" s="26"/>
      <c r="MAZ122" s="26"/>
      <c r="MBA122" s="26"/>
      <c r="MBB122" s="26"/>
      <c r="MBC122" s="26"/>
      <c r="MBD122" s="26"/>
      <c r="MBE122" s="26"/>
      <c r="MBF122" s="26"/>
      <c r="MBG122" s="26"/>
      <c r="MBH122" s="26"/>
      <c r="MBI122" s="26"/>
      <c r="MBJ122" s="26"/>
      <c r="MBK122" s="26"/>
      <c r="MBL122" s="26"/>
      <c r="MBM122" s="26"/>
      <c r="MBN122" s="26"/>
      <c r="MBO122" s="26"/>
      <c r="MBP122" s="26"/>
      <c r="MBQ122" s="26"/>
      <c r="MBR122" s="26"/>
      <c r="MBS122" s="26"/>
      <c r="MBT122" s="26"/>
      <c r="MBU122" s="26"/>
      <c r="MBV122" s="26"/>
      <c r="MBW122" s="26"/>
      <c r="MBX122" s="26"/>
      <c r="MBY122" s="26"/>
      <c r="MBZ122" s="26"/>
      <c r="MCA122" s="26"/>
      <c r="MCB122" s="26"/>
      <c r="MCC122" s="26"/>
      <c r="MCD122" s="26"/>
      <c r="MCE122" s="26"/>
      <c r="MCF122" s="26"/>
      <c r="MCG122" s="26"/>
      <c r="MCH122" s="26"/>
      <c r="MCI122" s="26"/>
      <c r="MCJ122" s="26"/>
      <c r="MCK122" s="26"/>
      <c r="MCL122" s="26"/>
      <c r="MCM122" s="26"/>
      <c r="MCN122" s="26"/>
      <c r="MCO122" s="26"/>
      <c r="MCP122" s="26"/>
      <c r="MCQ122" s="26"/>
      <c r="MCR122" s="26"/>
      <c r="MCS122" s="26"/>
      <c r="MCT122" s="26"/>
      <c r="MCU122" s="26"/>
      <c r="MCV122" s="26"/>
      <c r="MCW122" s="26"/>
      <c r="MCX122" s="26"/>
      <c r="MCY122" s="26"/>
      <c r="MCZ122" s="26"/>
      <c r="MDA122" s="26"/>
      <c r="MDB122" s="26"/>
      <c r="MDC122" s="26"/>
      <c r="MDD122" s="26"/>
      <c r="MDE122" s="26"/>
      <c r="MDF122" s="26"/>
      <c r="MDG122" s="26"/>
      <c r="MDH122" s="26"/>
      <c r="MDI122" s="26"/>
      <c r="MDJ122" s="26"/>
      <c r="MDK122" s="26"/>
      <c r="MDL122" s="26"/>
      <c r="MDM122" s="26"/>
      <c r="MDN122" s="26"/>
      <c r="MDO122" s="26"/>
      <c r="MDP122" s="26"/>
      <c r="MDQ122" s="26"/>
      <c r="MDR122" s="26"/>
      <c r="MDS122" s="26"/>
      <c r="MDT122" s="26"/>
      <c r="MDU122" s="26"/>
      <c r="MDV122" s="26"/>
      <c r="MDW122" s="26"/>
      <c r="MDX122" s="26"/>
      <c r="MDY122" s="26"/>
      <c r="MDZ122" s="26"/>
      <c r="MEA122" s="26"/>
      <c r="MEB122" s="26"/>
      <c r="MEC122" s="26"/>
      <c r="MED122" s="26"/>
      <c r="MEE122" s="26"/>
      <c r="MEF122" s="26"/>
      <c r="MEG122" s="26"/>
      <c r="MEH122" s="26"/>
      <c r="MEI122" s="26"/>
      <c r="MEJ122" s="26"/>
      <c r="MEK122" s="26"/>
      <c r="MEL122" s="26"/>
      <c r="MEM122" s="26"/>
      <c r="MEN122" s="26"/>
      <c r="MEO122" s="26"/>
      <c r="MEP122" s="26"/>
      <c r="MEQ122" s="26"/>
      <c r="MER122" s="26"/>
      <c r="MES122" s="26"/>
      <c r="MET122" s="26"/>
      <c r="MEU122" s="26"/>
      <c r="MEV122" s="26"/>
      <c r="MEW122" s="26"/>
      <c r="MEX122" s="26"/>
      <c r="MEY122" s="26"/>
      <c r="MEZ122" s="26"/>
      <c r="MFA122" s="26"/>
      <c r="MFB122" s="26"/>
      <c r="MFC122" s="26"/>
      <c r="MFD122" s="26"/>
      <c r="MFE122" s="26"/>
      <c r="MFF122" s="26"/>
      <c r="MFG122" s="26"/>
      <c r="MFH122" s="26"/>
      <c r="MFI122" s="26"/>
      <c r="MFJ122" s="26"/>
      <c r="MFK122" s="26"/>
      <c r="MFL122" s="26"/>
      <c r="MFM122" s="26"/>
      <c r="MFN122" s="26"/>
      <c r="MFO122" s="26"/>
      <c r="MFP122" s="26"/>
      <c r="MFQ122" s="26"/>
      <c r="MFR122" s="26"/>
      <c r="MFS122" s="26"/>
      <c r="MFT122" s="26"/>
      <c r="MFU122" s="26"/>
      <c r="MFV122" s="26"/>
      <c r="MFW122" s="26"/>
      <c r="MFX122" s="26"/>
      <c r="MFY122" s="26"/>
      <c r="MFZ122" s="26"/>
      <c r="MGA122" s="26"/>
      <c r="MGB122" s="26"/>
      <c r="MGC122" s="26"/>
      <c r="MGD122" s="26"/>
      <c r="MGE122" s="26"/>
      <c r="MGF122" s="26"/>
      <c r="MGG122" s="26"/>
      <c r="MGH122" s="26"/>
      <c r="MGI122" s="26"/>
      <c r="MGJ122" s="26"/>
      <c r="MGK122" s="26"/>
      <c r="MGL122" s="26"/>
      <c r="MGM122" s="26"/>
      <c r="MGN122" s="26"/>
      <c r="MGO122" s="26"/>
      <c r="MGP122" s="26"/>
      <c r="MGQ122" s="26"/>
      <c r="MGR122" s="26"/>
      <c r="MGS122" s="26"/>
      <c r="MGT122" s="26"/>
      <c r="MGU122" s="26"/>
      <c r="MGV122" s="26"/>
      <c r="MGW122" s="26"/>
      <c r="MGX122" s="26"/>
      <c r="MGY122" s="26"/>
      <c r="MGZ122" s="26"/>
      <c r="MHA122" s="26"/>
      <c r="MHB122" s="26"/>
      <c r="MHC122" s="26"/>
      <c r="MHD122" s="26"/>
      <c r="MHE122" s="26"/>
      <c r="MHF122" s="26"/>
      <c r="MHG122" s="26"/>
      <c r="MHH122" s="26"/>
      <c r="MHI122" s="26"/>
      <c r="MHJ122" s="26"/>
      <c r="MHK122" s="26"/>
      <c r="MHL122" s="26"/>
      <c r="MHM122" s="26"/>
      <c r="MHN122" s="26"/>
      <c r="MHO122" s="26"/>
      <c r="MHP122" s="26"/>
      <c r="MHQ122" s="26"/>
      <c r="MHR122" s="26"/>
      <c r="MHS122" s="26"/>
      <c r="MHT122" s="26"/>
      <c r="MHU122" s="26"/>
      <c r="MHV122" s="26"/>
      <c r="MHW122" s="26"/>
      <c r="MHX122" s="26"/>
      <c r="MHY122" s="26"/>
      <c r="MHZ122" s="26"/>
      <c r="MIA122" s="26"/>
      <c r="MIB122" s="26"/>
      <c r="MIC122" s="26"/>
      <c r="MID122" s="26"/>
      <c r="MIE122" s="26"/>
      <c r="MIF122" s="26"/>
      <c r="MIG122" s="26"/>
      <c r="MIH122" s="26"/>
      <c r="MII122" s="26"/>
      <c r="MIJ122" s="26"/>
      <c r="MIK122" s="26"/>
      <c r="MIL122" s="26"/>
      <c r="MIM122" s="26"/>
      <c r="MIN122" s="26"/>
      <c r="MIO122" s="26"/>
      <c r="MIP122" s="26"/>
      <c r="MIQ122" s="26"/>
      <c r="MIR122" s="26"/>
      <c r="MIS122" s="26"/>
      <c r="MIT122" s="26"/>
      <c r="MIU122" s="26"/>
      <c r="MIV122" s="26"/>
      <c r="MIW122" s="26"/>
      <c r="MIX122" s="26"/>
      <c r="MIY122" s="26"/>
      <c r="MIZ122" s="26"/>
      <c r="MJA122" s="26"/>
      <c r="MJB122" s="26"/>
      <c r="MJC122" s="26"/>
      <c r="MJD122" s="26"/>
      <c r="MJE122" s="26"/>
      <c r="MJF122" s="26"/>
      <c r="MJG122" s="26"/>
      <c r="MJH122" s="26"/>
      <c r="MJI122" s="26"/>
      <c r="MJJ122" s="26"/>
      <c r="MJK122" s="26"/>
      <c r="MJL122" s="26"/>
      <c r="MJM122" s="26"/>
      <c r="MJN122" s="26"/>
      <c r="MJO122" s="26"/>
      <c r="MJP122" s="26"/>
      <c r="MJQ122" s="26"/>
      <c r="MJR122" s="26"/>
      <c r="MJS122" s="26"/>
      <c r="MJT122" s="26"/>
      <c r="MJU122" s="26"/>
      <c r="MJV122" s="26"/>
      <c r="MJW122" s="26"/>
      <c r="MJX122" s="26"/>
      <c r="MJY122" s="26"/>
      <c r="MJZ122" s="26"/>
      <c r="MKA122" s="26"/>
      <c r="MKB122" s="26"/>
      <c r="MKC122" s="26"/>
      <c r="MKD122" s="26"/>
      <c r="MKE122" s="26"/>
      <c r="MKF122" s="26"/>
      <c r="MKG122" s="26"/>
      <c r="MKH122" s="26"/>
      <c r="MKI122" s="26"/>
      <c r="MKJ122" s="26"/>
      <c r="MKK122" s="26"/>
      <c r="MKL122" s="26"/>
      <c r="MKM122" s="26"/>
      <c r="MKN122" s="26"/>
      <c r="MKO122" s="26"/>
      <c r="MKP122" s="26"/>
      <c r="MKQ122" s="26"/>
      <c r="MKR122" s="26"/>
      <c r="MKS122" s="26"/>
      <c r="MKT122" s="26"/>
      <c r="MKU122" s="26"/>
      <c r="MKV122" s="26"/>
      <c r="MKW122" s="26"/>
      <c r="MKX122" s="26"/>
      <c r="MKY122" s="26"/>
      <c r="MKZ122" s="26"/>
      <c r="MLA122" s="26"/>
      <c r="MLB122" s="26"/>
      <c r="MLC122" s="26"/>
      <c r="MLD122" s="26"/>
      <c r="MLE122" s="26"/>
      <c r="MLF122" s="26"/>
      <c r="MLG122" s="26"/>
      <c r="MLH122" s="26"/>
      <c r="MLI122" s="26"/>
      <c r="MLJ122" s="26"/>
      <c r="MLK122" s="26"/>
      <c r="MLL122" s="26"/>
      <c r="MLM122" s="26"/>
      <c r="MLN122" s="26"/>
      <c r="MLO122" s="26"/>
      <c r="MLP122" s="26"/>
      <c r="MLQ122" s="26"/>
      <c r="MLR122" s="26"/>
      <c r="MLS122" s="26"/>
      <c r="MLT122" s="26"/>
      <c r="MLU122" s="26"/>
      <c r="MLV122" s="26"/>
      <c r="MLW122" s="26"/>
      <c r="MLX122" s="26"/>
      <c r="MLY122" s="26"/>
      <c r="MLZ122" s="26"/>
      <c r="MMA122" s="26"/>
      <c r="MMB122" s="26"/>
      <c r="MMC122" s="26"/>
      <c r="MMD122" s="26"/>
      <c r="MME122" s="26"/>
      <c r="MMF122" s="26"/>
      <c r="MMG122" s="26"/>
      <c r="MMH122" s="26"/>
      <c r="MMI122" s="26"/>
      <c r="MMJ122" s="26"/>
      <c r="MMK122" s="26"/>
      <c r="MML122" s="26"/>
      <c r="MMM122" s="26"/>
      <c r="MMN122" s="26"/>
      <c r="MMO122" s="26"/>
      <c r="MMP122" s="26"/>
      <c r="MMQ122" s="26"/>
      <c r="MMR122" s="26"/>
      <c r="MMS122" s="26"/>
      <c r="MMT122" s="26"/>
      <c r="MMU122" s="26"/>
      <c r="MMV122" s="26"/>
      <c r="MMW122" s="26"/>
      <c r="MMX122" s="26"/>
      <c r="MMY122" s="26"/>
      <c r="MMZ122" s="26"/>
      <c r="MNA122" s="26"/>
      <c r="MNB122" s="26"/>
      <c r="MNC122" s="26"/>
      <c r="MND122" s="26"/>
      <c r="MNE122" s="26"/>
      <c r="MNF122" s="26"/>
      <c r="MNG122" s="26"/>
      <c r="MNH122" s="26"/>
      <c r="MNI122" s="26"/>
      <c r="MNJ122" s="26"/>
      <c r="MNK122" s="26"/>
      <c r="MNL122" s="26"/>
      <c r="MNM122" s="26"/>
      <c r="MNN122" s="26"/>
      <c r="MNO122" s="26"/>
      <c r="MNP122" s="26"/>
      <c r="MNQ122" s="26"/>
      <c r="MNR122" s="26"/>
      <c r="MNS122" s="26"/>
      <c r="MNT122" s="26"/>
      <c r="MNU122" s="26"/>
      <c r="MNV122" s="26"/>
      <c r="MNW122" s="26"/>
      <c r="MNX122" s="26"/>
      <c r="MNY122" s="26"/>
      <c r="MNZ122" s="26"/>
      <c r="MOA122" s="26"/>
      <c r="MOB122" s="26"/>
      <c r="MOC122" s="26"/>
      <c r="MOD122" s="26"/>
      <c r="MOE122" s="26"/>
      <c r="MOF122" s="26"/>
      <c r="MOG122" s="26"/>
      <c r="MOH122" s="26"/>
      <c r="MOI122" s="26"/>
      <c r="MOJ122" s="26"/>
      <c r="MOK122" s="26"/>
      <c r="MOL122" s="26"/>
      <c r="MOM122" s="26"/>
      <c r="MON122" s="26"/>
      <c r="MOO122" s="26"/>
      <c r="MOP122" s="26"/>
      <c r="MOQ122" s="26"/>
      <c r="MOR122" s="26"/>
      <c r="MOS122" s="26"/>
      <c r="MOT122" s="26"/>
      <c r="MOU122" s="26"/>
      <c r="MOV122" s="26"/>
      <c r="MOW122" s="26"/>
      <c r="MOX122" s="26"/>
      <c r="MOY122" s="26"/>
      <c r="MOZ122" s="26"/>
      <c r="MPA122" s="26"/>
      <c r="MPB122" s="26"/>
      <c r="MPC122" s="26"/>
      <c r="MPD122" s="26"/>
      <c r="MPE122" s="26"/>
      <c r="MPF122" s="26"/>
      <c r="MPG122" s="26"/>
      <c r="MPH122" s="26"/>
      <c r="MPI122" s="26"/>
      <c r="MPJ122" s="26"/>
      <c r="MPK122" s="26"/>
      <c r="MPL122" s="26"/>
      <c r="MPM122" s="26"/>
      <c r="MPN122" s="26"/>
      <c r="MPO122" s="26"/>
      <c r="MPP122" s="26"/>
      <c r="MPQ122" s="26"/>
      <c r="MPR122" s="26"/>
      <c r="MPS122" s="26"/>
      <c r="MPT122" s="26"/>
      <c r="MPU122" s="26"/>
      <c r="MPV122" s="26"/>
      <c r="MPW122" s="26"/>
      <c r="MPX122" s="26"/>
      <c r="MPY122" s="26"/>
      <c r="MPZ122" s="26"/>
      <c r="MQA122" s="26"/>
      <c r="MQB122" s="26"/>
      <c r="MQC122" s="26"/>
      <c r="MQD122" s="26"/>
      <c r="MQE122" s="26"/>
      <c r="MQF122" s="26"/>
      <c r="MQG122" s="26"/>
      <c r="MQH122" s="26"/>
      <c r="MQI122" s="26"/>
      <c r="MQJ122" s="26"/>
      <c r="MQK122" s="26"/>
      <c r="MQL122" s="26"/>
      <c r="MQM122" s="26"/>
      <c r="MQN122" s="26"/>
      <c r="MQO122" s="26"/>
      <c r="MQP122" s="26"/>
      <c r="MQQ122" s="26"/>
      <c r="MQR122" s="26"/>
      <c r="MQS122" s="26"/>
      <c r="MQT122" s="26"/>
      <c r="MQU122" s="26"/>
      <c r="MQV122" s="26"/>
      <c r="MQW122" s="26"/>
      <c r="MQX122" s="26"/>
      <c r="MQY122" s="26"/>
      <c r="MQZ122" s="26"/>
      <c r="MRA122" s="26"/>
      <c r="MRB122" s="26"/>
      <c r="MRC122" s="26"/>
      <c r="MRD122" s="26"/>
      <c r="MRE122" s="26"/>
      <c r="MRF122" s="26"/>
      <c r="MRG122" s="26"/>
      <c r="MRH122" s="26"/>
      <c r="MRI122" s="26"/>
      <c r="MRJ122" s="26"/>
      <c r="MRK122" s="26"/>
      <c r="MRL122" s="26"/>
      <c r="MRM122" s="26"/>
      <c r="MRN122" s="26"/>
      <c r="MRO122" s="26"/>
      <c r="MRP122" s="26"/>
      <c r="MRQ122" s="26"/>
      <c r="MRR122" s="26"/>
      <c r="MRS122" s="26"/>
      <c r="MRT122" s="26"/>
      <c r="MRU122" s="26"/>
      <c r="MRV122" s="26"/>
      <c r="MRW122" s="26"/>
      <c r="MRX122" s="26"/>
      <c r="MRY122" s="26"/>
      <c r="MRZ122" s="26"/>
      <c r="MSA122" s="26"/>
      <c r="MSB122" s="26"/>
      <c r="MSC122" s="26"/>
      <c r="MSD122" s="26"/>
      <c r="MSE122" s="26"/>
      <c r="MSF122" s="26"/>
      <c r="MSG122" s="26"/>
      <c r="MSH122" s="26"/>
      <c r="MSI122" s="26"/>
      <c r="MSJ122" s="26"/>
      <c r="MSK122" s="26"/>
      <c r="MSL122" s="26"/>
      <c r="MSM122" s="26"/>
      <c r="MSN122" s="26"/>
      <c r="MSO122" s="26"/>
      <c r="MSP122" s="26"/>
      <c r="MSQ122" s="26"/>
      <c r="MSR122" s="26"/>
      <c r="MSS122" s="26"/>
      <c r="MST122" s="26"/>
      <c r="MSU122" s="26"/>
      <c r="MSV122" s="26"/>
      <c r="MSW122" s="26"/>
      <c r="MSX122" s="26"/>
      <c r="MSY122" s="26"/>
      <c r="MSZ122" s="26"/>
      <c r="MTA122" s="26"/>
      <c r="MTB122" s="26"/>
      <c r="MTC122" s="26"/>
      <c r="MTD122" s="26"/>
      <c r="MTE122" s="26"/>
      <c r="MTF122" s="26"/>
      <c r="MTG122" s="26"/>
      <c r="MTH122" s="26"/>
      <c r="MTI122" s="26"/>
      <c r="MTJ122" s="26"/>
      <c r="MTK122" s="26"/>
      <c r="MTL122" s="26"/>
      <c r="MTM122" s="26"/>
      <c r="MTN122" s="26"/>
      <c r="MTO122" s="26"/>
      <c r="MTP122" s="26"/>
      <c r="MTQ122" s="26"/>
      <c r="MTR122" s="26"/>
      <c r="MTS122" s="26"/>
      <c r="MTT122" s="26"/>
      <c r="MTU122" s="26"/>
      <c r="MTV122" s="26"/>
      <c r="MTW122" s="26"/>
      <c r="MTX122" s="26"/>
      <c r="MTY122" s="26"/>
      <c r="MTZ122" s="26"/>
      <c r="MUA122" s="26"/>
      <c r="MUB122" s="26"/>
      <c r="MUC122" s="26"/>
      <c r="MUD122" s="26"/>
      <c r="MUE122" s="26"/>
      <c r="MUF122" s="26"/>
      <c r="MUG122" s="26"/>
      <c r="MUH122" s="26"/>
      <c r="MUI122" s="26"/>
      <c r="MUJ122" s="26"/>
      <c r="MUK122" s="26"/>
      <c r="MUL122" s="26"/>
      <c r="MUM122" s="26"/>
      <c r="MUN122" s="26"/>
      <c r="MUO122" s="26"/>
      <c r="MUP122" s="26"/>
      <c r="MUQ122" s="26"/>
      <c r="MUR122" s="26"/>
      <c r="MUS122" s="26"/>
      <c r="MUT122" s="26"/>
      <c r="MUU122" s="26"/>
      <c r="MUV122" s="26"/>
      <c r="MUW122" s="26"/>
      <c r="MUX122" s="26"/>
      <c r="MUY122" s="26"/>
      <c r="MUZ122" s="26"/>
      <c r="MVA122" s="26"/>
      <c r="MVB122" s="26"/>
      <c r="MVC122" s="26"/>
      <c r="MVD122" s="26"/>
      <c r="MVE122" s="26"/>
      <c r="MVF122" s="26"/>
      <c r="MVG122" s="26"/>
      <c r="MVH122" s="26"/>
      <c r="MVI122" s="26"/>
      <c r="MVJ122" s="26"/>
      <c r="MVK122" s="26"/>
      <c r="MVL122" s="26"/>
      <c r="MVM122" s="26"/>
      <c r="MVN122" s="26"/>
      <c r="MVO122" s="26"/>
      <c r="MVP122" s="26"/>
      <c r="MVQ122" s="26"/>
      <c r="MVR122" s="26"/>
      <c r="MVS122" s="26"/>
      <c r="MVT122" s="26"/>
      <c r="MVU122" s="26"/>
      <c r="MVV122" s="26"/>
      <c r="MVW122" s="26"/>
      <c r="MVX122" s="26"/>
      <c r="MVY122" s="26"/>
      <c r="MVZ122" s="26"/>
      <c r="MWA122" s="26"/>
      <c r="MWB122" s="26"/>
      <c r="MWC122" s="26"/>
      <c r="MWD122" s="26"/>
      <c r="MWE122" s="26"/>
      <c r="MWF122" s="26"/>
      <c r="MWG122" s="26"/>
      <c r="MWH122" s="26"/>
      <c r="MWI122" s="26"/>
      <c r="MWJ122" s="26"/>
      <c r="MWK122" s="26"/>
      <c r="MWL122" s="26"/>
      <c r="MWM122" s="26"/>
      <c r="MWN122" s="26"/>
      <c r="MWO122" s="26"/>
      <c r="MWP122" s="26"/>
      <c r="MWQ122" s="26"/>
      <c r="MWR122" s="26"/>
      <c r="MWS122" s="26"/>
      <c r="MWT122" s="26"/>
      <c r="MWU122" s="26"/>
      <c r="MWV122" s="26"/>
      <c r="MWW122" s="26"/>
      <c r="MWX122" s="26"/>
      <c r="MWY122" s="26"/>
      <c r="MWZ122" s="26"/>
      <c r="MXA122" s="26"/>
      <c r="MXB122" s="26"/>
      <c r="MXC122" s="26"/>
      <c r="MXD122" s="26"/>
      <c r="MXE122" s="26"/>
      <c r="MXF122" s="26"/>
      <c r="MXG122" s="26"/>
      <c r="MXH122" s="26"/>
      <c r="MXI122" s="26"/>
      <c r="MXJ122" s="26"/>
      <c r="MXK122" s="26"/>
      <c r="MXL122" s="26"/>
      <c r="MXM122" s="26"/>
      <c r="MXN122" s="26"/>
      <c r="MXO122" s="26"/>
      <c r="MXP122" s="26"/>
      <c r="MXQ122" s="26"/>
      <c r="MXR122" s="26"/>
      <c r="MXS122" s="26"/>
      <c r="MXT122" s="26"/>
      <c r="MXU122" s="26"/>
      <c r="MXV122" s="26"/>
      <c r="MXW122" s="26"/>
      <c r="MXX122" s="26"/>
      <c r="MXY122" s="26"/>
      <c r="MXZ122" s="26"/>
      <c r="MYA122" s="26"/>
      <c r="MYB122" s="26"/>
      <c r="MYC122" s="26"/>
      <c r="MYD122" s="26"/>
      <c r="MYE122" s="26"/>
      <c r="MYF122" s="26"/>
      <c r="MYG122" s="26"/>
      <c r="MYH122" s="26"/>
      <c r="MYI122" s="26"/>
      <c r="MYJ122" s="26"/>
      <c r="MYK122" s="26"/>
      <c r="MYL122" s="26"/>
      <c r="MYM122" s="26"/>
      <c r="MYN122" s="26"/>
      <c r="MYO122" s="26"/>
      <c r="MYP122" s="26"/>
      <c r="MYQ122" s="26"/>
      <c r="MYR122" s="26"/>
      <c r="MYS122" s="26"/>
      <c r="MYT122" s="26"/>
      <c r="MYU122" s="26"/>
      <c r="MYV122" s="26"/>
      <c r="MYW122" s="26"/>
      <c r="MYX122" s="26"/>
      <c r="MYY122" s="26"/>
      <c r="MYZ122" s="26"/>
      <c r="MZA122" s="26"/>
      <c r="MZB122" s="26"/>
      <c r="MZC122" s="26"/>
      <c r="MZD122" s="26"/>
      <c r="MZE122" s="26"/>
      <c r="MZF122" s="26"/>
      <c r="MZG122" s="26"/>
      <c r="MZH122" s="26"/>
      <c r="MZI122" s="26"/>
      <c r="MZJ122" s="26"/>
      <c r="MZK122" s="26"/>
      <c r="MZL122" s="26"/>
      <c r="MZM122" s="26"/>
      <c r="MZN122" s="26"/>
      <c r="MZO122" s="26"/>
      <c r="MZP122" s="26"/>
      <c r="MZQ122" s="26"/>
      <c r="MZR122" s="26"/>
      <c r="MZS122" s="26"/>
      <c r="MZT122" s="26"/>
      <c r="MZU122" s="26"/>
      <c r="MZV122" s="26"/>
      <c r="MZW122" s="26"/>
      <c r="MZX122" s="26"/>
      <c r="MZY122" s="26"/>
      <c r="MZZ122" s="26"/>
      <c r="NAA122" s="26"/>
      <c r="NAB122" s="26"/>
      <c r="NAC122" s="26"/>
      <c r="NAD122" s="26"/>
      <c r="NAE122" s="26"/>
      <c r="NAF122" s="26"/>
      <c r="NAG122" s="26"/>
      <c r="NAH122" s="26"/>
      <c r="NAI122" s="26"/>
      <c r="NAJ122" s="26"/>
      <c r="NAK122" s="26"/>
      <c r="NAL122" s="26"/>
      <c r="NAM122" s="26"/>
      <c r="NAN122" s="26"/>
      <c r="NAO122" s="26"/>
      <c r="NAP122" s="26"/>
      <c r="NAQ122" s="26"/>
      <c r="NAR122" s="26"/>
      <c r="NAS122" s="26"/>
      <c r="NAT122" s="26"/>
      <c r="NAU122" s="26"/>
      <c r="NAV122" s="26"/>
      <c r="NAW122" s="26"/>
      <c r="NAX122" s="26"/>
      <c r="NAY122" s="26"/>
      <c r="NAZ122" s="26"/>
      <c r="NBA122" s="26"/>
      <c r="NBB122" s="26"/>
      <c r="NBC122" s="26"/>
      <c r="NBD122" s="26"/>
      <c r="NBE122" s="26"/>
      <c r="NBF122" s="26"/>
      <c r="NBG122" s="26"/>
      <c r="NBH122" s="26"/>
      <c r="NBI122" s="26"/>
      <c r="NBJ122" s="26"/>
      <c r="NBK122" s="26"/>
      <c r="NBL122" s="26"/>
      <c r="NBM122" s="26"/>
      <c r="NBN122" s="26"/>
      <c r="NBO122" s="26"/>
      <c r="NBP122" s="26"/>
      <c r="NBQ122" s="26"/>
      <c r="NBR122" s="26"/>
      <c r="NBS122" s="26"/>
      <c r="NBT122" s="26"/>
      <c r="NBU122" s="26"/>
      <c r="NBV122" s="26"/>
      <c r="NBW122" s="26"/>
      <c r="NBX122" s="26"/>
      <c r="NBY122" s="26"/>
      <c r="NBZ122" s="26"/>
      <c r="NCA122" s="26"/>
      <c r="NCB122" s="26"/>
      <c r="NCC122" s="26"/>
      <c r="NCD122" s="26"/>
      <c r="NCE122" s="26"/>
      <c r="NCF122" s="26"/>
      <c r="NCG122" s="26"/>
      <c r="NCH122" s="26"/>
      <c r="NCI122" s="26"/>
      <c r="NCJ122" s="26"/>
      <c r="NCK122" s="26"/>
      <c r="NCL122" s="26"/>
      <c r="NCM122" s="26"/>
      <c r="NCN122" s="26"/>
      <c r="NCO122" s="26"/>
      <c r="NCP122" s="26"/>
      <c r="NCQ122" s="26"/>
      <c r="NCR122" s="26"/>
      <c r="NCS122" s="26"/>
      <c r="NCT122" s="26"/>
      <c r="NCU122" s="26"/>
      <c r="NCV122" s="26"/>
      <c r="NCW122" s="26"/>
      <c r="NCX122" s="26"/>
      <c r="NCY122" s="26"/>
      <c r="NCZ122" s="26"/>
      <c r="NDA122" s="26"/>
      <c r="NDB122" s="26"/>
      <c r="NDC122" s="26"/>
      <c r="NDD122" s="26"/>
      <c r="NDE122" s="26"/>
      <c r="NDF122" s="26"/>
      <c r="NDG122" s="26"/>
      <c r="NDH122" s="26"/>
      <c r="NDI122" s="26"/>
      <c r="NDJ122" s="26"/>
      <c r="NDK122" s="26"/>
      <c r="NDL122" s="26"/>
      <c r="NDM122" s="26"/>
      <c r="NDN122" s="26"/>
      <c r="NDO122" s="26"/>
      <c r="NDP122" s="26"/>
      <c r="NDQ122" s="26"/>
      <c r="NDR122" s="26"/>
      <c r="NDS122" s="26"/>
      <c r="NDT122" s="26"/>
      <c r="NDU122" s="26"/>
      <c r="NDV122" s="26"/>
      <c r="NDW122" s="26"/>
      <c r="NDX122" s="26"/>
      <c r="NDY122" s="26"/>
      <c r="NDZ122" s="26"/>
      <c r="NEA122" s="26"/>
      <c r="NEB122" s="26"/>
      <c r="NEC122" s="26"/>
      <c r="NED122" s="26"/>
      <c r="NEE122" s="26"/>
      <c r="NEF122" s="26"/>
      <c r="NEG122" s="26"/>
      <c r="NEH122" s="26"/>
      <c r="NEI122" s="26"/>
      <c r="NEJ122" s="26"/>
      <c r="NEK122" s="26"/>
      <c r="NEL122" s="26"/>
      <c r="NEM122" s="26"/>
      <c r="NEN122" s="26"/>
      <c r="NEO122" s="26"/>
      <c r="NEP122" s="26"/>
      <c r="NEQ122" s="26"/>
      <c r="NER122" s="26"/>
      <c r="NES122" s="26"/>
      <c r="NET122" s="26"/>
      <c r="NEU122" s="26"/>
      <c r="NEV122" s="26"/>
      <c r="NEW122" s="26"/>
      <c r="NEX122" s="26"/>
      <c r="NEY122" s="26"/>
      <c r="NEZ122" s="26"/>
      <c r="NFA122" s="26"/>
      <c r="NFB122" s="26"/>
      <c r="NFC122" s="26"/>
      <c r="NFD122" s="26"/>
      <c r="NFE122" s="26"/>
      <c r="NFF122" s="26"/>
      <c r="NFG122" s="26"/>
      <c r="NFH122" s="26"/>
      <c r="NFI122" s="26"/>
      <c r="NFJ122" s="26"/>
      <c r="NFK122" s="26"/>
      <c r="NFL122" s="26"/>
      <c r="NFM122" s="26"/>
      <c r="NFN122" s="26"/>
      <c r="NFO122" s="26"/>
      <c r="NFP122" s="26"/>
      <c r="NFQ122" s="26"/>
      <c r="NFR122" s="26"/>
      <c r="NFS122" s="26"/>
      <c r="NFT122" s="26"/>
      <c r="NFU122" s="26"/>
      <c r="NFV122" s="26"/>
      <c r="NFW122" s="26"/>
      <c r="NFX122" s="26"/>
      <c r="NFY122" s="26"/>
      <c r="NFZ122" s="26"/>
      <c r="NGA122" s="26"/>
      <c r="NGB122" s="26"/>
      <c r="NGC122" s="26"/>
      <c r="NGD122" s="26"/>
      <c r="NGE122" s="26"/>
      <c r="NGF122" s="26"/>
      <c r="NGG122" s="26"/>
      <c r="NGH122" s="26"/>
      <c r="NGI122" s="26"/>
      <c r="NGJ122" s="26"/>
      <c r="NGK122" s="26"/>
      <c r="NGL122" s="26"/>
      <c r="NGM122" s="26"/>
      <c r="NGN122" s="26"/>
      <c r="NGO122" s="26"/>
      <c r="NGP122" s="26"/>
      <c r="NGQ122" s="26"/>
      <c r="NGR122" s="26"/>
      <c r="NGS122" s="26"/>
      <c r="NGT122" s="26"/>
      <c r="NGU122" s="26"/>
      <c r="NGV122" s="26"/>
      <c r="NGW122" s="26"/>
      <c r="NGX122" s="26"/>
      <c r="NGY122" s="26"/>
      <c r="NGZ122" s="26"/>
      <c r="NHA122" s="26"/>
      <c r="NHB122" s="26"/>
      <c r="NHC122" s="26"/>
      <c r="NHD122" s="26"/>
      <c r="NHE122" s="26"/>
      <c r="NHF122" s="26"/>
      <c r="NHG122" s="26"/>
      <c r="NHH122" s="26"/>
      <c r="NHI122" s="26"/>
      <c r="NHJ122" s="26"/>
      <c r="NHK122" s="26"/>
      <c r="NHL122" s="26"/>
      <c r="NHM122" s="26"/>
      <c r="NHN122" s="26"/>
      <c r="NHO122" s="26"/>
      <c r="NHP122" s="26"/>
      <c r="NHQ122" s="26"/>
      <c r="NHR122" s="26"/>
      <c r="NHS122" s="26"/>
      <c r="NHT122" s="26"/>
      <c r="NHU122" s="26"/>
      <c r="NHV122" s="26"/>
      <c r="NHW122" s="26"/>
      <c r="NHX122" s="26"/>
      <c r="NHY122" s="26"/>
      <c r="NHZ122" s="26"/>
      <c r="NIA122" s="26"/>
      <c r="NIB122" s="26"/>
      <c r="NIC122" s="26"/>
      <c r="NID122" s="26"/>
      <c r="NIE122" s="26"/>
      <c r="NIF122" s="26"/>
      <c r="NIG122" s="26"/>
      <c r="NIH122" s="26"/>
      <c r="NII122" s="26"/>
      <c r="NIJ122" s="26"/>
      <c r="NIK122" s="26"/>
      <c r="NIL122" s="26"/>
      <c r="NIM122" s="26"/>
      <c r="NIN122" s="26"/>
      <c r="NIO122" s="26"/>
      <c r="NIP122" s="26"/>
      <c r="NIQ122" s="26"/>
      <c r="NIR122" s="26"/>
      <c r="NIS122" s="26"/>
      <c r="NIT122" s="26"/>
      <c r="NIU122" s="26"/>
      <c r="NIV122" s="26"/>
      <c r="NIW122" s="26"/>
      <c r="NIX122" s="26"/>
      <c r="NIY122" s="26"/>
      <c r="NIZ122" s="26"/>
      <c r="NJA122" s="26"/>
      <c r="NJB122" s="26"/>
      <c r="NJC122" s="26"/>
      <c r="NJD122" s="26"/>
      <c r="NJE122" s="26"/>
      <c r="NJF122" s="26"/>
      <c r="NJG122" s="26"/>
      <c r="NJH122" s="26"/>
      <c r="NJI122" s="26"/>
      <c r="NJJ122" s="26"/>
      <c r="NJK122" s="26"/>
      <c r="NJL122" s="26"/>
      <c r="NJM122" s="26"/>
      <c r="NJN122" s="26"/>
      <c r="NJO122" s="26"/>
      <c r="NJP122" s="26"/>
      <c r="NJQ122" s="26"/>
      <c r="NJR122" s="26"/>
      <c r="NJS122" s="26"/>
      <c r="NJT122" s="26"/>
      <c r="NJU122" s="26"/>
      <c r="NJV122" s="26"/>
      <c r="NJW122" s="26"/>
      <c r="NJX122" s="26"/>
      <c r="NJY122" s="26"/>
      <c r="NJZ122" s="26"/>
      <c r="NKA122" s="26"/>
      <c r="NKB122" s="26"/>
      <c r="NKC122" s="26"/>
      <c r="NKD122" s="26"/>
      <c r="NKE122" s="26"/>
      <c r="NKF122" s="26"/>
      <c r="NKG122" s="26"/>
      <c r="NKH122" s="26"/>
      <c r="NKI122" s="26"/>
      <c r="NKJ122" s="26"/>
      <c r="NKK122" s="26"/>
      <c r="NKL122" s="26"/>
      <c r="NKM122" s="26"/>
      <c r="NKN122" s="26"/>
      <c r="NKO122" s="26"/>
      <c r="NKP122" s="26"/>
      <c r="NKQ122" s="26"/>
      <c r="NKR122" s="26"/>
      <c r="NKS122" s="26"/>
      <c r="NKT122" s="26"/>
      <c r="NKU122" s="26"/>
      <c r="NKV122" s="26"/>
      <c r="NKW122" s="26"/>
      <c r="NKX122" s="26"/>
      <c r="NKY122" s="26"/>
      <c r="NKZ122" s="26"/>
      <c r="NLA122" s="26"/>
      <c r="NLB122" s="26"/>
      <c r="NLC122" s="26"/>
      <c r="NLD122" s="26"/>
      <c r="NLE122" s="26"/>
      <c r="NLF122" s="26"/>
      <c r="NLG122" s="26"/>
      <c r="NLH122" s="26"/>
      <c r="NLI122" s="26"/>
      <c r="NLJ122" s="26"/>
      <c r="NLK122" s="26"/>
      <c r="NLL122" s="26"/>
      <c r="NLM122" s="26"/>
      <c r="NLN122" s="26"/>
      <c r="NLO122" s="26"/>
      <c r="NLP122" s="26"/>
      <c r="NLQ122" s="26"/>
      <c r="NLR122" s="26"/>
      <c r="NLS122" s="26"/>
      <c r="NLT122" s="26"/>
      <c r="NLU122" s="26"/>
      <c r="NLV122" s="26"/>
      <c r="NLW122" s="26"/>
      <c r="NLX122" s="26"/>
      <c r="NLY122" s="26"/>
      <c r="NLZ122" s="26"/>
      <c r="NMA122" s="26"/>
      <c r="NMB122" s="26"/>
      <c r="NMC122" s="26"/>
      <c r="NMD122" s="26"/>
      <c r="NME122" s="26"/>
      <c r="NMF122" s="26"/>
      <c r="NMG122" s="26"/>
      <c r="NMH122" s="26"/>
      <c r="NMI122" s="26"/>
      <c r="NMJ122" s="26"/>
      <c r="NMK122" s="26"/>
      <c r="NML122" s="26"/>
      <c r="NMM122" s="26"/>
      <c r="NMN122" s="26"/>
      <c r="NMO122" s="26"/>
      <c r="NMP122" s="26"/>
      <c r="NMQ122" s="26"/>
      <c r="NMR122" s="26"/>
      <c r="NMS122" s="26"/>
      <c r="NMT122" s="26"/>
      <c r="NMU122" s="26"/>
      <c r="NMV122" s="26"/>
      <c r="NMW122" s="26"/>
      <c r="NMX122" s="26"/>
      <c r="NMY122" s="26"/>
      <c r="NMZ122" s="26"/>
      <c r="NNA122" s="26"/>
      <c r="NNB122" s="26"/>
      <c r="NNC122" s="26"/>
      <c r="NND122" s="26"/>
      <c r="NNE122" s="26"/>
      <c r="NNF122" s="26"/>
      <c r="NNG122" s="26"/>
      <c r="NNH122" s="26"/>
      <c r="NNI122" s="26"/>
      <c r="NNJ122" s="26"/>
      <c r="NNK122" s="26"/>
      <c r="NNL122" s="26"/>
      <c r="NNM122" s="26"/>
      <c r="NNN122" s="26"/>
      <c r="NNO122" s="26"/>
      <c r="NNP122" s="26"/>
      <c r="NNQ122" s="26"/>
      <c r="NNR122" s="26"/>
      <c r="NNS122" s="26"/>
      <c r="NNT122" s="26"/>
      <c r="NNU122" s="26"/>
      <c r="NNV122" s="26"/>
      <c r="NNW122" s="26"/>
      <c r="NNX122" s="26"/>
      <c r="NNY122" s="26"/>
      <c r="NNZ122" s="26"/>
      <c r="NOA122" s="26"/>
      <c r="NOB122" s="26"/>
      <c r="NOC122" s="26"/>
      <c r="NOD122" s="26"/>
      <c r="NOE122" s="26"/>
      <c r="NOF122" s="26"/>
      <c r="NOG122" s="26"/>
      <c r="NOH122" s="26"/>
      <c r="NOI122" s="26"/>
      <c r="NOJ122" s="26"/>
      <c r="NOK122" s="26"/>
      <c r="NOL122" s="26"/>
      <c r="NOM122" s="26"/>
      <c r="NON122" s="26"/>
      <c r="NOO122" s="26"/>
      <c r="NOP122" s="26"/>
      <c r="NOQ122" s="26"/>
      <c r="NOR122" s="26"/>
      <c r="NOS122" s="26"/>
      <c r="NOT122" s="26"/>
      <c r="NOU122" s="26"/>
      <c r="NOV122" s="26"/>
      <c r="NOW122" s="26"/>
      <c r="NOX122" s="26"/>
      <c r="NOY122" s="26"/>
      <c r="NOZ122" s="26"/>
      <c r="NPA122" s="26"/>
      <c r="NPB122" s="26"/>
      <c r="NPC122" s="26"/>
      <c r="NPD122" s="26"/>
      <c r="NPE122" s="26"/>
      <c r="NPF122" s="26"/>
      <c r="NPG122" s="26"/>
      <c r="NPH122" s="26"/>
      <c r="NPI122" s="26"/>
      <c r="NPJ122" s="26"/>
      <c r="NPK122" s="26"/>
      <c r="NPL122" s="26"/>
      <c r="NPM122" s="26"/>
      <c r="NPN122" s="26"/>
      <c r="NPO122" s="26"/>
      <c r="NPP122" s="26"/>
      <c r="NPQ122" s="26"/>
      <c r="NPR122" s="26"/>
      <c r="NPS122" s="26"/>
      <c r="NPT122" s="26"/>
      <c r="NPU122" s="26"/>
      <c r="NPV122" s="26"/>
      <c r="NPW122" s="26"/>
      <c r="NPX122" s="26"/>
      <c r="NPY122" s="26"/>
      <c r="NPZ122" s="26"/>
      <c r="NQA122" s="26"/>
      <c r="NQB122" s="26"/>
      <c r="NQC122" s="26"/>
      <c r="NQD122" s="26"/>
      <c r="NQE122" s="26"/>
      <c r="NQF122" s="26"/>
      <c r="NQG122" s="26"/>
      <c r="NQH122" s="26"/>
      <c r="NQI122" s="26"/>
      <c r="NQJ122" s="26"/>
      <c r="NQK122" s="26"/>
      <c r="NQL122" s="26"/>
      <c r="NQM122" s="26"/>
      <c r="NQN122" s="26"/>
      <c r="NQO122" s="26"/>
      <c r="NQP122" s="26"/>
      <c r="NQQ122" s="26"/>
      <c r="NQR122" s="26"/>
      <c r="NQS122" s="26"/>
      <c r="NQT122" s="26"/>
      <c r="NQU122" s="26"/>
      <c r="NQV122" s="26"/>
      <c r="NQW122" s="26"/>
      <c r="NQX122" s="26"/>
      <c r="NQY122" s="26"/>
      <c r="NQZ122" s="26"/>
      <c r="NRA122" s="26"/>
      <c r="NRB122" s="26"/>
      <c r="NRC122" s="26"/>
      <c r="NRD122" s="26"/>
      <c r="NRE122" s="26"/>
      <c r="NRF122" s="26"/>
      <c r="NRG122" s="26"/>
      <c r="NRH122" s="26"/>
      <c r="NRI122" s="26"/>
      <c r="NRJ122" s="26"/>
      <c r="NRK122" s="26"/>
      <c r="NRL122" s="26"/>
      <c r="NRM122" s="26"/>
      <c r="NRN122" s="26"/>
      <c r="NRO122" s="26"/>
      <c r="NRP122" s="26"/>
      <c r="NRQ122" s="26"/>
      <c r="NRR122" s="26"/>
      <c r="NRS122" s="26"/>
      <c r="NRT122" s="26"/>
      <c r="NRU122" s="26"/>
      <c r="NRV122" s="26"/>
      <c r="NRW122" s="26"/>
      <c r="NRX122" s="26"/>
      <c r="NRY122" s="26"/>
      <c r="NRZ122" s="26"/>
      <c r="NSA122" s="26"/>
      <c r="NSB122" s="26"/>
      <c r="NSC122" s="26"/>
      <c r="NSD122" s="26"/>
      <c r="NSE122" s="26"/>
      <c r="NSF122" s="26"/>
      <c r="NSG122" s="26"/>
      <c r="NSH122" s="26"/>
      <c r="NSI122" s="26"/>
      <c r="NSJ122" s="26"/>
      <c r="NSK122" s="26"/>
      <c r="NSL122" s="26"/>
      <c r="NSM122" s="26"/>
      <c r="NSN122" s="26"/>
      <c r="NSO122" s="26"/>
      <c r="NSP122" s="26"/>
      <c r="NSQ122" s="26"/>
      <c r="NSR122" s="26"/>
      <c r="NSS122" s="26"/>
      <c r="NST122" s="26"/>
      <c r="NSU122" s="26"/>
      <c r="NSV122" s="26"/>
      <c r="NSW122" s="26"/>
      <c r="NSX122" s="26"/>
      <c r="NSY122" s="26"/>
      <c r="NSZ122" s="26"/>
      <c r="NTA122" s="26"/>
      <c r="NTB122" s="26"/>
      <c r="NTC122" s="26"/>
      <c r="NTD122" s="26"/>
      <c r="NTE122" s="26"/>
      <c r="NTF122" s="26"/>
      <c r="NTG122" s="26"/>
      <c r="NTH122" s="26"/>
      <c r="NTI122" s="26"/>
      <c r="NTJ122" s="26"/>
      <c r="NTK122" s="26"/>
      <c r="NTL122" s="26"/>
      <c r="NTM122" s="26"/>
      <c r="NTN122" s="26"/>
      <c r="NTO122" s="26"/>
      <c r="NTP122" s="26"/>
      <c r="NTQ122" s="26"/>
      <c r="NTR122" s="26"/>
      <c r="NTS122" s="26"/>
      <c r="NTT122" s="26"/>
      <c r="NTU122" s="26"/>
      <c r="NTV122" s="26"/>
      <c r="NTW122" s="26"/>
      <c r="NTX122" s="26"/>
      <c r="NTY122" s="26"/>
      <c r="NTZ122" s="26"/>
      <c r="NUA122" s="26"/>
      <c r="NUB122" s="26"/>
      <c r="NUC122" s="26"/>
      <c r="NUD122" s="26"/>
      <c r="NUE122" s="26"/>
      <c r="NUF122" s="26"/>
      <c r="NUG122" s="26"/>
      <c r="NUH122" s="26"/>
      <c r="NUI122" s="26"/>
      <c r="NUJ122" s="26"/>
      <c r="NUK122" s="26"/>
      <c r="NUL122" s="26"/>
      <c r="NUM122" s="26"/>
      <c r="NUN122" s="26"/>
      <c r="NUO122" s="26"/>
      <c r="NUP122" s="26"/>
      <c r="NUQ122" s="26"/>
      <c r="NUR122" s="26"/>
      <c r="NUS122" s="26"/>
      <c r="NUT122" s="26"/>
      <c r="NUU122" s="26"/>
      <c r="NUV122" s="26"/>
      <c r="NUW122" s="26"/>
      <c r="NUX122" s="26"/>
      <c r="NUY122" s="26"/>
      <c r="NUZ122" s="26"/>
      <c r="NVA122" s="26"/>
      <c r="NVB122" s="26"/>
      <c r="NVC122" s="26"/>
      <c r="NVD122" s="26"/>
      <c r="NVE122" s="26"/>
      <c r="NVF122" s="26"/>
      <c r="NVG122" s="26"/>
      <c r="NVH122" s="26"/>
      <c r="NVI122" s="26"/>
      <c r="NVJ122" s="26"/>
      <c r="NVK122" s="26"/>
      <c r="NVL122" s="26"/>
      <c r="NVM122" s="26"/>
      <c r="NVN122" s="26"/>
      <c r="NVO122" s="26"/>
      <c r="NVP122" s="26"/>
      <c r="NVQ122" s="26"/>
      <c r="NVR122" s="26"/>
      <c r="NVS122" s="26"/>
      <c r="NVT122" s="26"/>
      <c r="NVU122" s="26"/>
      <c r="NVV122" s="26"/>
      <c r="NVW122" s="26"/>
      <c r="NVX122" s="26"/>
      <c r="NVY122" s="26"/>
      <c r="NVZ122" s="26"/>
      <c r="NWA122" s="26"/>
      <c r="NWB122" s="26"/>
      <c r="NWC122" s="26"/>
      <c r="NWD122" s="26"/>
      <c r="NWE122" s="26"/>
      <c r="NWF122" s="26"/>
      <c r="NWG122" s="26"/>
      <c r="NWH122" s="26"/>
      <c r="NWI122" s="26"/>
      <c r="NWJ122" s="26"/>
      <c r="NWK122" s="26"/>
      <c r="NWL122" s="26"/>
      <c r="NWM122" s="26"/>
      <c r="NWN122" s="26"/>
      <c r="NWO122" s="26"/>
      <c r="NWP122" s="26"/>
      <c r="NWQ122" s="26"/>
      <c r="NWR122" s="26"/>
      <c r="NWS122" s="26"/>
      <c r="NWT122" s="26"/>
      <c r="NWU122" s="26"/>
      <c r="NWV122" s="26"/>
      <c r="NWW122" s="26"/>
      <c r="NWX122" s="26"/>
      <c r="NWY122" s="26"/>
      <c r="NWZ122" s="26"/>
      <c r="NXA122" s="26"/>
      <c r="NXB122" s="26"/>
      <c r="NXC122" s="26"/>
      <c r="NXD122" s="26"/>
      <c r="NXE122" s="26"/>
      <c r="NXF122" s="26"/>
      <c r="NXG122" s="26"/>
      <c r="NXH122" s="26"/>
      <c r="NXI122" s="26"/>
      <c r="NXJ122" s="26"/>
      <c r="NXK122" s="26"/>
      <c r="NXL122" s="26"/>
      <c r="NXM122" s="26"/>
      <c r="NXN122" s="26"/>
      <c r="NXO122" s="26"/>
      <c r="NXP122" s="26"/>
      <c r="NXQ122" s="26"/>
      <c r="NXR122" s="26"/>
      <c r="NXS122" s="26"/>
      <c r="NXT122" s="26"/>
      <c r="NXU122" s="26"/>
      <c r="NXV122" s="26"/>
      <c r="NXW122" s="26"/>
      <c r="NXX122" s="26"/>
      <c r="NXY122" s="26"/>
      <c r="NXZ122" s="26"/>
      <c r="NYA122" s="26"/>
      <c r="NYB122" s="26"/>
      <c r="NYC122" s="26"/>
      <c r="NYD122" s="26"/>
      <c r="NYE122" s="26"/>
      <c r="NYF122" s="26"/>
      <c r="NYG122" s="26"/>
      <c r="NYH122" s="26"/>
      <c r="NYI122" s="26"/>
      <c r="NYJ122" s="26"/>
      <c r="NYK122" s="26"/>
      <c r="NYL122" s="26"/>
      <c r="NYM122" s="26"/>
      <c r="NYN122" s="26"/>
      <c r="NYO122" s="26"/>
      <c r="NYP122" s="26"/>
      <c r="NYQ122" s="26"/>
      <c r="NYR122" s="26"/>
      <c r="NYS122" s="26"/>
      <c r="NYT122" s="26"/>
      <c r="NYU122" s="26"/>
      <c r="NYV122" s="26"/>
      <c r="NYW122" s="26"/>
      <c r="NYX122" s="26"/>
      <c r="NYY122" s="26"/>
      <c r="NYZ122" s="26"/>
      <c r="NZA122" s="26"/>
      <c r="NZB122" s="26"/>
      <c r="NZC122" s="26"/>
      <c r="NZD122" s="26"/>
      <c r="NZE122" s="26"/>
      <c r="NZF122" s="26"/>
      <c r="NZG122" s="26"/>
      <c r="NZH122" s="26"/>
      <c r="NZI122" s="26"/>
      <c r="NZJ122" s="26"/>
      <c r="NZK122" s="26"/>
      <c r="NZL122" s="26"/>
      <c r="NZM122" s="26"/>
      <c r="NZN122" s="26"/>
      <c r="NZO122" s="26"/>
      <c r="NZP122" s="26"/>
      <c r="NZQ122" s="26"/>
      <c r="NZR122" s="26"/>
      <c r="NZS122" s="26"/>
      <c r="NZT122" s="26"/>
      <c r="NZU122" s="26"/>
      <c r="NZV122" s="26"/>
      <c r="NZW122" s="26"/>
      <c r="NZX122" s="26"/>
      <c r="NZY122" s="26"/>
      <c r="NZZ122" s="26"/>
      <c r="OAA122" s="26"/>
      <c r="OAB122" s="26"/>
      <c r="OAC122" s="26"/>
      <c r="OAD122" s="26"/>
      <c r="OAE122" s="26"/>
      <c r="OAF122" s="26"/>
      <c r="OAG122" s="26"/>
      <c r="OAH122" s="26"/>
      <c r="OAI122" s="26"/>
      <c r="OAJ122" s="26"/>
      <c r="OAK122" s="26"/>
      <c r="OAL122" s="26"/>
      <c r="OAM122" s="26"/>
      <c r="OAN122" s="26"/>
      <c r="OAO122" s="26"/>
      <c r="OAP122" s="26"/>
      <c r="OAQ122" s="26"/>
      <c r="OAR122" s="26"/>
      <c r="OAS122" s="26"/>
      <c r="OAT122" s="26"/>
      <c r="OAU122" s="26"/>
      <c r="OAV122" s="26"/>
      <c r="OAW122" s="26"/>
      <c r="OAX122" s="26"/>
      <c r="OAY122" s="26"/>
      <c r="OAZ122" s="26"/>
      <c r="OBA122" s="26"/>
      <c r="OBB122" s="26"/>
      <c r="OBC122" s="26"/>
      <c r="OBD122" s="26"/>
      <c r="OBE122" s="26"/>
      <c r="OBF122" s="26"/>
      <c r="OBG122" s="26"/>
      <c r="OBH122" s="26"/>
      <c r="OBI122" s="26"/>
      <c r="OBJ122" s="26"/>
      <c r="OBK122" s="26"/>
      <c r="OBL122" s="26"/>
      <c r="OBM122" s="26"/>
      <c r="OBN122" s="26"/>
      <c r="OBO122" s="26"/>
      <c r="OBP122" s="26"/>
      <c r="OBQ122" s="26"/>
      <c r="OBR122" s="26"/>
      <c r="OBS122" s="26"/>
      <c r="OBT122" s="26"/>
      <c r="OBU122" s="26"/>
      <c r="OBV122" s="26"/>
      <c r="OBW122" s="26"/>
      <c r="OBX122" s="26"/>
      <c r="OBY122" s="26"/>
      <c r="OBZ122" s="26"/>
      <c r="OCA122" s="26"/>
      <c r="OCB122" s="26"/>
      <c r="OCC122" s="26"/>
      <c r="OCD122" s="26"/>
      <c r="OCE122" s="26"/>
      <c r="OCF122" s="26"/>
      <c r="OCG122" s="26"/>
      <c r="OCH122" s="26"/>
      <c r="OCI122" s="26"/>
      <c r="OCJ122" s="26"/>
      <c r="OCK122" s="26"/>
      <c r="OCL122" s="26"/>
      <c r="OCM122" s="26"/>
      <c r="OCN122" s="26"/>
      <c r="OCO122" s="26"/>
      <c r="OCP122" s="26"/>
      <c r="OCQ122" s="26"/>
      <c r="OCR122" s="26"/>
      <c r="OCS122" s="26"/>
      <c r="OCT122" s="26"/>
      <c r="OCU122" s="26"/>
      <c r="OCV122" s="26"/>
      <c r="OCW122" s="26"/>
      <c r="OCX122" s="26"/>
      <c r="OCY122" s="26"/>
      <c r="OCZ122" s="26"/>
      <c r="ODA122" s="26"/>
      <c r="ODB122" s="26"/>
      <c r="ODC122" s="26"/>
      <c r="ODD122" s="26"/>
      <c r="ODE122" s="26"/>
      <c r="ODF122" s="26"/>
      <c r="ODG122" s="26"/>
      <c r="ODH122" s="26"/>
      <c r="ODI122" s="26"/>
      <c r="ODJ122" s="26"/>
      <c r="ODK122" s="26"/>
      <c r="ODL122" s="26"/>
      <c r="ODM122" s="26"/>
      <c r="ODN122" s="26"/>
      <c r="ODO122" s="26"/>
      <c r="ODP122" s="26"/>
      <c r="ODQ122" s="26"/>
      <c r="ODR122" s="26"/>
      <c r="ODS122" s="26"/>
      <c r="ODT122" s="26"/>
      <c r="ODU122" s="26"/>
      <c r="ODV122" s="26"/>
      <c r="ODW122" s="26"/>
      <c r="ODX122" s="26"/>
      <c r="ODY122" s="26"/>
      <c r="ODZ122" s="26"/>
      <c r="OEA122" s="26"/>
      <c r="OEB122" s="26"/>
      <c r="OEC122" s="26"/>
      <c r="OED122" s="26"/>
      <c r="OEE122" s="26"/>
      <c r="OEF122" s="26"/>
      <c r="OEG122" s="26"/>
      <c r="OEH122" s="26"/>
      <c r="OEI122" s="26"/>
      <c r="OEJ122" s="26"/>
      <c r="OEK122" s="26"/>
      <c r="OEL122" s="26"/>
      <c r="OEM122" s="26"/>
      <c r="OEN122" s="26"/>
      <c r="OEO122" s="26"/>
      <c r="OEP122" s="26"/>
      <c r="OEQ122" s="26"/>
      <c r="OER122" s="26"/>
      <c r="OES122" s="26"/>
      <c r="OET122" s="26"/>
      <c r="OEU122" s="26"/>
      <c r="OEV122" s="26"/>
      <c r="OEW122" s="26"/>
      <c r="OEX122" s="26"/>
      <c r="OEY122" s="26"/>
      <c r="OEZ122" s="26"/>
      <c r="OFA122" s="26"/>
      <c r="OFB122" s="26"/>
      <c r="OFC122" s="26"/>
      <c r="OFD122" s="26"/>
      <c r="OFE122" s="26"/>
      <c r="OFF122" s="26"/>
      <c r="OFG122" s="26"/>
      <c r="OFH122" s="26"/>
      <c r="OFI122" s="26"/>
      <c r="OFJ122" s="26"/>
      <c r="OFK122" s="26"/>
      <c r="OFL122" s="26"/>
      <c r="OFM122" s="26"/>
      <c r="OFN122" s="26"/>
      <c r="OFO122" s="26"/>
      <c r="OFP122" s="26"/>
      <c r="OFQ122" s="26"/>
      <c r="OFR122" s="26"/>
      <c r="OFS122" s="26"/>
      <c r="OFT122" s="26"/>
      <c r="OFU122" s="26"/>
      <c r="OFV122" s="26"/>
      <c r="OFW122" s="26"/>
      <c r="OFX122" s="26"/>
      <c r="OFY122" s="26"/>
      <c r="OFZ122" s="26"/>
      <c r="OGA122" s="26"/>
      <c r="OGB122" s="26"/>
      <c r="OGC122" s="26"/>
      <c r="OGD122" s="26"/>
      <c r="OGE122" s="26"/>
      <c r="OGF122" s="26"/>
      <c r="OGG122" s="26"/>
      <c r="OGH122" s="26"/>
      <c r="OGI122" s="26"/>
      <c r="OGJ122" s="26"/>
      <c r="OGK122" s="26"/>
      <c r="OGL122" s="26"/>
      <c r="OGM122" s="26"/>
      <c r="OGN122" s="26"/>
      <c r="OGO122" s="26"/>
      <c r="OGP122" s="26"/>
      <c r="OGQ122" s="26"/>
      <c r="OGR122" s="26"/>
      <c r="OGS122" s="26"/>
      <c r="OGT122" s="26"/>
      <c r="OGU122" s="26"/>
      <c r="OGV122" s="26"/>
      <c r="OGW122" s="26"/>
      <c r="OGX122" s="26"/>
      <c r="OGY122" s="26"/>
      <c r="OGZ122" s="26"/>
      <c r="OHA122" s="26"/>
      <c r="OHB122" s="26"/>
      <c r="OHC122" s="26"/>
      <c r="OHD122" s="26"/>
      <c r="OHE122" s="26"/>
      <c r="OHF122" s="26"/>
      <c r="OHG122" s="26"/>
      <c r="OHH122" s="26"/>
      <c r="OHI122" s="26"/>
      <c r="OHJ122" s="26"/>
      <c r="OHK122" s="26"/>
      <c r="OHL122" s="26"/>
      <c r="OHM122" s="26"/>
      <c r="OHN122" s="26"/>
      <c r="OHO122" s="26"/>
      <c r="OHP122" s="26"/>
      <c r="OHQ122" s="26"/>
      <c r="OHR122" s="26"/>
      <c r="OHS122" s="26"/>
      <c r="OHT122" s="26"/>
      <c r="OHU122" s="26"/>
      <c r="OHV122" s="26"/>
      <c r="OHW122" s="26"/>
      <c r="OHX122" s="26"/>
      <c r="OHY122" s="26"/>
      <c r="OHZ122" s="26"/>
      <c r="OIA122" s="26"/>
      <c r="OIB122" s="26"/>
      <c r="OIC122" s="26"/>
      <c r="OID122" s="26"/>
      <c r="OIE122" s="26"/>
      <c r="OIF122" s="26"/>
      <c r="OIG122" s="26"/>
      <c r="OIH122" s="26"/>
      <c r="OII122" s="26"/>
      <c r="OIJ122" s="26"/>
      <c r="OIK122" s="26"/>
      <c r="OIL122" s="26"/>
      <c r="OIM122" s="26"/>
      <c r="OIN122" s="26"/>
      <c r="OIO122" s="26"/>
      <c r="OIP122" s="26"/>
      <c r="OIQ122" s="26"/>
      <c r="OIR122" s="26"/>
      <c r="OIS122" s="26"/>
      <c r="OIT122" s="26"/>
      <c r="OIU122" s="26"/>
      <c r="OIV122" s="26"/>
      <c r="OIW122" s="26"/>
      <c r="OIX122" s="26"/>
      <c r="OIY122" s="26"/>
      <c r="OIZ122" s="26"/>
      <c r="OJA122" s="26"/>
      <c r="OJB122" s="26"/>
      <c r="OJC122" s="26"/>
      <c r="OJD122" s="26"/>
      <c r="OJE122" s="26"/>
      <c r="OJF122" s="26"/>
      <c r="OJG122" s="26"/>
      <c r="OJH122" s="26"/>
      <c r="OJI122" s="26"/>
      <c r="OJJ122" s="26"/>
      <c r="OJK122" s="26"/>
      <c r="OJL122" s="26"/>
      <c r="OJM122" s="26"/>
      <c r="OJN122" s="26"/>
      <c r="OJO122" s="26"/>
      <c r="OJP122" s="26"/>
      <c r="OJQ122" s="26"/>
      <c r="OJR122" s="26"/>
      <c r="OJS122" s="26"/>
      <c r="OJT122" s="26"/>
      <c r="OJU122" s="26"/>
      <c r="OJV122" s="26"/>
      <c r="OJW122" s="26"/>
      <c r="OJX122" s="26"/>
      <c r="OJY122" s="26"/>
      <c r="OJZ122" s="26"/>
      <c r="OKA122" s="26"/>
      <c r="OKB122" s="26"/>
      <c r="OKC122" s="26"/>
      <c r="OKD122" s="26"/>
      <c r="OKE122" s="26"/>
      <c r="OKF122" s="26"/>
      <c r="OKG122" s="26"/>
      <c r="OKH122" s="26"/>
      <c r="OKI122" s="26"/>
      <c r="OKJ122" s="26"/>
      <c r="OKK122" s="26"/>
      <c r="OKL122" s="26"/>
      <c r="OKM122" s="26"/>
      <c r="OKN122" s="26"/>
      <c r="OKO122" s="26"/>
      <c r="OKP122" s="26"/>
      <c r="OKQ122" s="26"/>
      <c r="OKR122" s="26"/>
      <c r="OKS122" s="26"/>
      <c r="OKT122" s="26"/>
      <c r="OKU122" s="26"/>
      <c r="OKV122" s="26"/>
      <c r="OKW122" s="26"/>
      <c r="OKX122" s="26"/>
      <c r="OKY122" s="26"/>
      <c r="OKZ122" s="26"/>
      <c r="OLA122" s="26"/>
      <c r="OLB122" s="26"/>
      <c r="OLC122" s="26"/>
      <c r="OLD122" s="26"/>
      <c r="OLE122" s="26"/>
      <c r="OLF122" s="26"/>
      <c r="OLG122" s="26"/>
      <c r="OLH122" s="26"/>
      <c r="OLI122" s="26"/>
      <c r="OLJ122" s="26"/>
      <c r="OLK122" s="26"/>
      <c r="OLL122" s="26"/>
      <c r="OLM122" s="26"/>
      <c r="OLN122" s="26"/>
      <c r="OLO122" s="26"/>
      <c r="OLP122" s="26"/>
      <c r="OLQ122" s="26"/>
      <c r="OLR122" s="26"/>
      <c r="OLS122" s="26"/>
      <c r="OLT122" s="26"/>
      <c r="OLU122" s="26"/>
      <c r="OLV122" s="26"/>
      <c r="OLW122" s="26"/>
      <c r="OLX122" s="26"/>
      <c r="OLY122" s="26"/>
      <c r="OLZ122" s="26"/>
      <c r="OMA122" s="26"/>
      <c r="OMB122" s="26"/>
      <c r="OMC122" s="26"/>
      <c r="OMD122" s="26"/>
      <c r="OME122" s="26"/>
      <c r="OMF122" s="26"/>
      <c r="OMG122" s="26"/>
      <c r="OMH122" s="26"/>
      <c r="OMI122" s="26"/>
      <c r="OMJ122" s="26"/>
      <c r="OMK122" s="26"/>
      <c r="OML122" s="26"/>
      <c r="OMM122" s="26"/>
      <c r="OMN122" s="26"/>
      <c r="OMO122" s="26"/>
      <c r="OMP122" s="26"/>
      <c r="OMQ122" s="26"/>
      <c r="OMR122" s="26"/>
      <c r="OMS122" s="26"/>
      <c r="OMT122" s="26"/>
      <c r="OMU122" s="26"/>
      <c r="OMV122" s="26"/>
      <c r="OMW122" s="26"/>
      <c r="OMX122" s="26"/>
      <c r="OMY122" s="26"/>
      <c r="OMZ122" s="26"/>
      <c r="ONA122" s="26"/>
      <c r="ONB122" s="26"/>
      <c r="ONC122" s="26"/>
      <c r="OND122" s="26"/>
      <c r="ONE122" s="26"/>
      <c r="ONF122" s="26"/>
      <c r="ONG122" s="26"/>
      <c r="ONH122" s="26"/>
      <c r="ONI122" s="26"/>
      <c r="ONJ122" s="26"/>
      <c r="ONK122" s="26"/>
      <c r="ONL122" s="26"/>
      <c r="ONM122" s="26"/>
      <c r="ONN122" s="26"/>
      <c r="ONO122" s="26"/>
      <c r="ONP122" s="26"/>
      <c r="ONQ122" s="26"/>
      <c r="ONR122" s="26"/>
      <c r="ONS122" s="26"/>
      <c r="ONT122" s="26"/>
      <c r="ONU122" s="26"/>
      <c r="ONV122" s="26"/>
      <c r="ONW122" s="26"/>
      <c r="ONX122" s="26"/>
      <c r="ONY122" s="26"/>
      <c r="ONZ122" s="26"/>
      <c r="OOA122" s="26"/>
      <c r="OOB122" s="26"/>
      <c r="OOC122" s="26"/>
      <c r="OOD122" s="26"/>
      <c r="OOE122" s="26"/>
      <c r="OOF122" s="26"/>
      <c r="OOG122" s="26"/>
      <c r="OOH122" s="26"/>
      <c r="OOI122" s="26"/>
      <c r="OOJ122" s="26"/>
      <c r="OOK122" s="26"/>
      <c r="OOL122" s="26"/>
      <c r="OOM122" s="26"/>
      <c r="OON122" s="26"/>
      <c r="OOO122" s="26"/>
      <c r="OOP122" s="26"/>
      <c r="OOQ122" s="26"/>
      <c r="OOR122" s="26"/>
      <c r="OOS122" s="26"/>
      <c r="OOT122" s="26"/>
      <c r="OOU122" s="26"/>
      <c r="OOV122" s="26"/>
      <c r="OOW122" s="26"/>
      <c r="OOX122" s="26"/>
      <c r="OOY122" s="26"/>
      <c r="OOZ122" s="26"/>
      <c r="OPA122" s="26"/>
      <c r="OPB122" s="26"/>
      <c r="OPC122" s="26"/>
      <c r="OPD122" s="26"/>
      <c r="OPE122" s="26"/>
      <c r="OPF122" s="26"/>
      <c r="OPG122" s="26"/>
      <c r="OPH122" s="26"/>
      <c r="OPI122" s="26"/>
      <c r="OPJ122" s="26"/>
      <c r="OPK122" s="26"/>
      <c r="OPL122" s="26"/>
      <c r="OPM122" s="26"/>
      <c r="OPN122" s="26"/>
      <c r="OPO122" s="26"/>
      <c r="OPP122" s="26"/>
      <c r="OPQ122" s="26"/>
      <c r="OPR122" s="26"/>
      <c r="OPS122" s="26"/>
      <c r="OPT122" s="26"/>
      <c r="OPU122" s="26"/>
      <c r="OPV122" s="26"/>
      <c r="OPW122" s="26"/>
      <c r="OPX122" s="26"/>
      <c r="OPY122" s="26"/>
      <c r="OPZ122" s="26"/>
      <c r="OQA122" s="26"/>
      <c r="OQB122" s="26"/>
      <c r="OQC122" s="26"/>
      <c r="OQD122" s="26"/>
      <c r="OQE122" s="26"/>
      <c r="OQF122" s="26"/>
      <c r="OQG122" s="26"/>
      <c r="OQH122" s="26"/>
      <c r="OQI122" s="26"/>
      <c r="OQJ122" s="26"/>
      <c r="OQK122" s="26"/>
      <c r="OQL122" s="26"/>
      <c r="OQM122" s="26"/>
      <c r="OQN122" s="26"/>
      <c r="OQO122" s="26"/>
      <c r="OQP122" s="26"/>
      <c r="OQQ122" s="26"/>
      <c r="OQR122" s="26"/>
      <c r="OQS122" s="26"/>
      <c r="OQT122" s="26"/>
      <c r="OQU122" s="26"/>
      <c r="OQV122" s="26"/>
      <c r="OQW122" s="26"/>
      <c r="OQX122" s="26"/>
      <c r="OQY122" s="26"/>
      <c r="OQZ122" s="26"/>
      <c r="ORA122" s="26"/>
      <c r="ORB122" s="26"/>
      <c r="ORC122" s="26"/>
      <c r="ORD122" s="26"/>
      <c r="ORE122" s="26"/>
      <c r="ORF122" s="26"/>
      <c r="ORG122" s="26"/>
      <c r="ORH122" s="26"/>
      <c r="ORI122" s="26"/>
      <c r="ORJ122" s="26"/>
      <c r="ORK122" s="26"/>
      <c r="ORL122" s="26"/>
      <c r="ORM122" s="26"/>
      <c r="ORN122" s="26"/>
      <c r="ORO122" s="26"/>
      <c r="ORP122" s="26"/>
      <c r="ORQ122" s="26"/>
      <c r="ORR122" s="26"/>
      <c r="ORS122" s="26"/>
      <c r="ORT122" s="26"/>
      <c r="ORU122" s="26"/>
      <c r="ORV122" s="26"/>
      <c r="ORW122" s="26"/>
      <c r="ORX122" s="26"/>
      <c r="ORY122" s="26"/>
      <c r="ORZ122" s="26"/>
      <c r="OSA122" s="26"/>
      <c r="OSB122" s="26"/>
      <c r="OSC122" s="26"/>
      <c r="OSD122" s="26"/>
      <c r="OSE122" s="26"/>
      <c r="OSF122" s="26"/>
      <c r="OSG122" s="26"/>
      <c r="OSH122" s="26"/>
      <c r="OSI122" s="26"/>
      <c r="OSJ122" s="26"/>
      <c r="OSK122" s="26"/>
      <c r="OSL122" s="26"/>
      <c r="OSM122" s="26"/>
      <c r="OSN122" s="26"/>
      <c r="OSO122" s="26"/>
      <c r="OSP122" s="26"/>
      <c r="OSQ122" s="26"/>
      <c r="OSR122" s="26"/>
      <c r="OSS122" s="26"/>
      <c r="OST122" s="26"/>
      <c r="OSU122" s="26"/>
      <c r="OSV122" s="26"/>
      <c r="OSW122" s="26"/>
      <c r="OSX122" s="26"/>
      <c r="OSY122" s="26"/>
      <c r="OSZ122" s="26"/>
      <c r="OTA122" s="26"/>
      <c r="OTB122" s="26"/>
      <c r="OTC122" s="26"/>
      <c r="OTD122" s="26"/>
      <c r="OTE122" s="26"/>
      <c r="OTF122" s="26"/>
      <c r="OTG122" s="26"/>
      <c r="OTH122" s="26"/>
      <c r="OTI122" s="26"/>
      <c r="OTJ122" s="26"/>
      <c r="OTK122" s="26"/>
      <c r="OTL122" s="26"/>
      <c r="OTM122" s="26"/>
      <c r="OTN122" s="26"/>
      <c r="OTO122" s="26"/>
      <c r="OTP122" s="26"/>
      <c r="OTQ122" s="26"/>
      <c r="OTR122" s="26"/>
      <c r="OTS122" s="26"/>
      <c r="OTT122" s="26"/>
      <c r="OTU122" s="26"/>
      <c r="OTV122" s="26"/>
      <c r="OTW122" s="26"/>
      <c r="OTX122" s="26"/>
      <c r="OTY122" s="26"/>
      <c r="OTZ122" s="26"/>
      <c r="OUA122" s="26"/>
      <c r="OUB122" s="26"/>
      <c r="OUC122" s="26"/>
      <c r="OUD122" s="26"/>
      <c r="OUE122" s="26"/>
      <c r="OUF122" s="26"/>
      <c r="OUG122" s="26"/>
      <c r="OUH122" s="26"/>
      <c r="OUI122" s="26"/>
      <c r="OUJ122" s="26"/>
      <c r="OUK122" s="26"/>
      <c r="OUL122" s="26"/>
      <c r="OUM122" s="26"/>
      <c r="OUN122" s="26"/>
      <c r="OUO122" s="26"/>
      <c r="OUP122" s="26"/>
      <c r="OUQ122" s="26"/>
      <c r="OUR122" s="26"/>
      <c r="OUS122" s="26"/>
      <c r="OUT122" s="26"/>
      <c r="OUU122" s="26"/>
      <c r="OUV122" s="26"/>
      <c r="OUW122" s="26"/>
      <c r="OUX122" s="26"/>
      <c r="OUY122" s="26"/>
      <c r="OUZ122" s="26"/>
      <c r="OVA122" s="26"/>
      <c r="OVB122" s="26"/>
      <c r="OVC122" s="26"/>
      <c r="OVD122" s="26"/>
      <c r="OVE122" s="26"/>
      <c r="OVF122" s="26"/>
      <c r="OVG122" s="26"/>
      <c r="OVH122" s="26"/>
      <c r="OVI122" s="26"/>
      <c r="OVJ122" s="26"/>
      <c r="OVK122" s="26"/>
      <c r="OVL122" s="26"/>
      <c r="OVM122" s="26"/>
      <c r="OVN122" s="26"/>
      <c r="OVO122" s="26"/>
      <c r="OVP122" s="26"/>
      <c r="OVQ122" s="26"/>
      <c r="OVR122" s="26"/>
      <c r="OVS122" s="26"/>
      <c r="OVT122" s="26"/>
      <c r="OVU122" s="26"/>
      <c r="OVV122" s="26"/>
      <c r="OVW122" s="26"/>
      <c r="OVX122" s="26"/>
      <c r="OVY122" s="26"/>
      <c r="OVZ122" s="26"/>
      <c r="OWA122" s="26"/>
      <c r="OWB122" s="26"/>
      <c r="OWC122" s="26"/>
      <c r="OWD122" s="26"/>
      <c r="OWE122" s="26"/>
      <c r="OWF122" s="26"/>
      <c r="OWG122" s="26"/>
      <c r="OWH122" s="26"/>
      <c r="OWI122" s="26"/>
      <c r="OWJ122" s="26"/>
      <c r="OWK122" s="26"/>
      <c r="OWL122" s="26"/>
      <c r="OWM122" s="26"/>
      <c r="OWN122" s="26"/>
      <c r="OWO122" s="26"/>
      <c r="OWP122" s="26"/>
      <c r="OWQ122" s="26"/>
      <c r="OWR122" s="26"/>
      <c r="OWS122" s="26"/>
      <c r="OWT122" s="26"/>
      <c r="OWU122" s="26"/>
      <c r="OWV122" s="26"/>
      <c r="OWW122" s="26"/>
      <c r="OWX122" s="26"/>
      <c r="OWY122" s="26"/>
      <c r="OWZ122" s="26"/>
      <c r="OXA122" s="26"/>
      <c r="OXB122" s="26"/>
      <c r="OXC122" s="26"/>
      <c r="OXD122" s="26"/>
      <c r="OXE122" s="26"/>
      <c r="OXF122" s="26"/>
      <c r="OXG122" s="26"/>
      <c r="OXH122" s="26"/>
      <c r="OXI122" s="26"/>
      <c r="OXJ122" s="26"/>
      <c r="OXK122" s="26"/>
      <c r="OXL122" s="26"/>
      <c r="OXM122" s="26"/>
      <c r="OXN122" s="26"/>
      <c r="OXO122" s="26"/>
      <c r="OXP122" s="26"/>
      <c r="OXQ122" s="26"/>
      <c r="OXR122" s="26"/>
      <c r="OXS122" s="26"/>
      <c r="OXT122" s="26"/>
      <c r="OXU122" s="26"/>
      <c r="OXV122" s="26"/>
      <c r="OXW122" s="26"/>
      <c r="OXX122" s="26"/>
      <c r="OXY122" s="26"/>
      <c r="OXZ122" s="26"/>
      <c r="OYA122" s="26"/>
      <c r="OYB122" s="26"/>
      <c r="OYC122" s="26"/>
      <c r="OYD122" s="26"/>
      <c r="OYE122" s="26"/>
      <c r="OYF122" s="26"/>
      <c r="OYG122" s="26"/>
      <c r="OYH122" s="26"/>
      <c r="OYI122" s="26"/>
      <c r="OYJ122" s="26"/>
      <c r="OYK122" s="26"/>
      <c r="OYL122" s="26"/>
      <c r="OYM122" s="26"/>
      <c r="OYN122" s="26"/>
      <c r="OYO122" s="26"/>
      <c r="OYP122" s="26"/>
      <c r="OYQ122" s="26"/>
      <c r="OYR122" s="26"/>
      <c r="OYS122" s="26"/>
      <c r="OYT122" s="26"/>
      <c r="OYU122" s="26"/>
      <c r="OYV122" s="26"/>
      <c r="OYW122" s="26"/>
      <c r="OYX122" s="26"/>
      <c r="OYY122" s="26"/>
      <c r="OYZ122" s="26"/>
      <c r="OZA122" s="26"/>
      <c r="OZB122" s="26"/>
      <c r="OZC122" s="26"/>
      <c r="OZD122" s="26"/>
      <c r="OZE122" s="26"/>
      <c r="OZF122" s="26"/>
      <c r="OZG122" s="26"/>
      <c r="OZH122" s="26"/>
      <c r="OZI122" s="26"/>
      <c r="OZJ122" s="26"/>
      <c r="OZK122" s="26"/>
      <c r="OZL122" s="26"/>
      <c r="OZM122" s="26"/>
      <c r="OZN122" s="26"/>
      <c r="OZO122" s="26"/>
      <c r="OZP122" s="26"/>
      <c r="OZQ122" s="26"/>
      <c r="OZR122" s="26"/>
      <c r="OZS122" s="26"/>
      <c r="OZT122" s="26"/>
      <c r="OZU122" s="26"/>
      <c r="OZV122" s="26"/>
      <c r="OZW122" s="26"/>
      <c r="OZX122" s="26"/>
      <c r="OZY122" s="26"/>
      <c r="OZZ122" s="26"/>
      <c r="PAA122" s="26"/>
      <c r="PAB122" s="26"/>
      <c r="PAC122" s="26"/>
      <c r="PAD122" s="26"/>
      <c r="PAE122" s="26"/>
      <c r="PAF122" s="26"/>
      <c r="PAG122" s="26"/>
      <c r="PAH122" s="26"/>
      <c r="PAI122" s="26"/>
      <c r="PAJ122" s="26"/>
      <c r="PAK122" s="26"/>
      <c r="PAL122" s="26"/>
      <c r="PAM122" s="26"/>
      <c r="PAN122" s="26"/>
      <c r="PAO122" s="26"/>
      <c r="PAP122" s="26"/>
      <c r="PAQ122" s="26"/>
      <c r="PAR122" s="26"/>
      <c r="PAS122" s="26"/>
      <c r="PAT122" s="26"/>
      <c r="PAU122" s="26"/>
      <c r="PAV122" s="26"/>
      <c r="PAW122" s="26"/>
      <c r="PAX122" s="26"/>
      <c r="PAY122" s="26"/>
      <c r="PAZ122" s="26"/>
      <c r="PBA122" s="26"/>
      <c r="PBB122" s="26"/>
      <c r="PBC122" s="26"/>
      <c r="PBD122" s="26"/>
      <c r="PBE122" s="26"/>
      <c r="PBF122" s="26"/>
      <c r="PBG122" s="26"/>
      <c r="PBH122" s="26"/>
      <c r="PBI122" s="26"/>
      <c r="PBJ122" s="26"/>
      <c r="PBK122" s="26"/>
      <c r="PBL122" s="26"/>
      <c r="PBM122" s="26"/>
      <c r="PBN122" s="26"/>
      <c r="PBO122" s="26"/>
      <c r="PBP122" s="26"/>
      <c r="PBQ122" s="26"/>
      <c r="PBR122" s="26"/>
      <c r="PBS122" s="26"/>
      <c r="PBT122" s="26"/>
      <c r="PBU122" s="26"/>
      <c r="PBV122" s="26"/>
      <c r="PBW122" s="26"/>
      <c r="PBX122" s="26"/>
      <c r="PBY122" s="26"/>
      <c r="PBZ122" s="26"/>
      <c r="PCA122" s="26"/>
      <c r="PCB122" s="26"/>
      <c r="PCC122" s="26"/>
      <c r="PCD122" s="26"/>
      <c r="PCE122" s="26"/>
      <c r="PCF122" s="26"/>
      <c r="PCG122" s="26"/>
      <c r="PCH122" s="26"/>
      <c r="PCI122" s="26"/>
      <c r="PCJ122" s="26"/>
      <c r="PCK122" s="26"/>
      <c r="PCL122" s="26"/>
      <c r="PCM122" s="26"/>
      <c r="PCN122" s="26"/>
      <c r="PCO122" s="26"/>
      <c r="PCP122" s="26"/>
      <c r="PCQ122" s="26"/>
      <c r="PCR122" s="26"/>
      <c r="PCS122" s="26"/>
      <c r="PCT122" s="26"/>
      <c r="PCU122" s="26"/>
      <c r="PCV122" s="26"/>
      <c r="PCW122" s="26"/>
      <c r="PCX122" s="26"/>
      <c r="PCY122" s="26"/>
      <c r="PCZ122" s="26"/>
      <c r="PDA122" s="26"/>
      <c r="PDB122" s="26"/>
      <c r="PDC122" s="26"/>
      <c r="PDD122" s="26"/>
      <c r="PDE122" s="26"/>
      <c r="PDF122" s="26"/>
      <c r="PDG122" s="26"/>
      <c r="PDH122" s="26"/>
      <c r="PDI122" s="26"/>
      <c r="PDJ122" s="26"/>
      <c r="PDK122" s="26"/>
      <c r="PDL122" s="26"/>
      <c r="PDM122" s="26"/>
      <c r="PDN122" s="26"/>
      <c r="PDO122" s="26"/>
      <c r="PDP122" s="26"/>
      <c r="PDQ122" s="26"/>
      <c r="PDR122" s="26"/>
      <c r="PDS122" s="26"/>
      <c r="PDT122" s="26"/>
      <c r="PDU122" s="26"/>
      <c r="PDV122" s="26"/>
      <c r="PDW122" s="26"/>
      <c r="PDX122" s="26"/>
      <c r="PDY122" s="26"/>
      <c r="PDZ122" s="26"/>
      <c r="PEA122" s="26"/>
      <c r="PEB122" s="26"/>
      <c r="PEC122" s="26"/>
      <c r="PED122" s="26"/>
      <c r="PEE122" s="26"/>
      <c r="PEF122" s="26"/>
      <c r="PEG122" s="26"/>
      <c r="PEH122" s="26"/>
      <c r="PEI122" s="26"/>
      <c r="PEJ122" s="26"/>
      <c r="PEK122" s="26"/>
      <c r="PEL122" s="26"/>
      <c r="PEM122" s="26"/>
      <c r="PEN122" s="26"/>
      <c r="PEO122" s="26"/>
      <c r="PEP122" s="26"/>
      <c r="PEQ122" s="26"/>
      <c r="PER122" s="26"/>
      <c r="PES122" s="26"/>
      <c r="PET122" s="26"/>
      <c r="PEU122" s="26"/>
      <c r="PEV122" s="26"/>
      <c r="PEW122" s="26"/>
      <c r="PEX122" s="26"/>
      <c r="PEY122" s="26"/>
      <c r="PEZ122" s="26"/>
      <c r="PFA122" s="26"/>
      <c r="PFB122" s="26"/>
      <c r="PFC122" s="26"/>
      <c r="PFD122" s="26"/>
      <c r="PFE122" s="26"/>
      <c r="PFF122" s="26"/>
      <c r="PFG122" s="26"/>
      <c r="PFH122" s="26"/>
      <c r="PFI122" s="26"/>
      <c r="PFJ122" s="26"/>
      <c r="PFK122" s="26"/>
      <c r="PFL122" s="26"/>
      <c r="PFM122" s="26"/>
      <c r="PFN122" s="26"/>
      <c r="PFO122" s="26"/>
      <c r="PFP122" s="26"/>
      <c r="PFQ122" s="26"/>
      <c r="PFR122" s="26"/>
      <c r="PFS122" s="26"/>
      <c r="PFT122" s="26"/>
      <c r="PFU122" s="26"/>
      <c r="PFV122" s="26"/>
      <c r="PFW122" s="26"/>
      <c r="PFX122" s="26"/>
      <c r="PFY122" s="26"/>
      <c r="PFZ122" s="26"/>
      <c r="PGA122" s="26"/>
      <c r="PGB122" s="26"/>
      <c r="PGC122" s="26"/>
      <c r="PGD122" s="26"/>
      <c r="PGE122" s="26"/>
      <c r="PGF122" s="26"/>
      <c r="PGG122" s="26"/>
      <c r="PGH122" s="26"/>
      <c r="PGI122" s="26"/>
      <c r="PGJ122" s="26"/>
      <c r="PGK122" s="26"/>
      <c r="PGL122" s="26"/>
      <c r="PGM122" s="26"/>
      <c r="PGN122" s="26"/>
      <c r="PGO122" s="26"/>
      <c r="PGP122" s="26"/>
      <c r="PGQ122" s="26"/>
      <c r="PGR122" s="26"/>
      <c r="PGS122" s="26"/>
      <c r="PGT122" s="26"/>
      <c r="PGU122" s="26"/>
      <c r="PGV122" s="26"/>
      <c r="PGW122" s="26"/>
      <c r="PGX122" s="26"/>
      <c r="PGY122" s="26"/>
      <c r="PGZ122" s="26"/>
      <c r="PHA122" s="26"/>
      <c r="PHB122" s="26"/>
      <c r="PHC122" s="26"/>
      <c r="PHD122" s="26"/>
      <c r="PHE122" s="26"/>
      <c r="PHF122" s="26"/>
      <c r="PHG122" s="26"/>
      <c r="PHH122" s="26"/>
      <c r="PHI122" s="26"/>
      <c r="PHJ122" s="26"/>
      <c r="PHK122" s="26"/>
      <c r="PHL122" s="26"/>
      <c r="PHM122" s="26"/>
      <c r="PHN122" s="26"/>
      <c r="PHO122" s="26"/>
      <c r="PHP122" s="26"/>
      <c r="PHQ122" s="26"/>
      <c r="PHR122" s="26"/>
      <c r="PHS122" s="26"/>
      <c r="PHT122" s="26"/>
      <c r="PHU122" s="26"/>
      <c r="PHV122" s="26"/>
      <c r="PHW122" s="26"/>
      <c r="PHX122" s="26"/>
      <c r="PHY122" s="26"/>
      <c r="PHZ122" s="26"/>
      <c r="PIA122" s="26"/>
      <c r="PIB122" s="26"/>
      <c r="PIC122" s="26"/>
      <c r="PID122" s="26"/>
      <c r="PIE122" s="26"/>
      <c r="PIF122" s="26"/>
      <c r="PIG122" s="26"/>
      <c r="PIH122" s="26"/>
      <c r="PII122" s="26"/>
      <c r="PIJ122" s="26"/>
      <c r="PIK122" s="26"/>
      <c r="PIL122" s="26"/>
      <c r="PIM122" s="26"/>
      <c r="PIN122" s="26"/>
      <c r="PIO122" s="26"/>
      <c r="PIP122" s="26"/>
      <c r="PIQ122" s="26"/>
      <c r="PIR122" s="26"/>
      <c r="PIS122" s="26"/>
      <c r="PIT122" s="26"/>
      <c r="PIU122" s="26"/>
      <c r="PIV122" s="26"/>
      <c r="PIW122" s="26"/>
      <c r="PIX122" s="26"/>
      <c r="PIY122" s="26"/>
      <c r="PIZ122" s="26"/>
      <c r="PJA122" s="26"/>
      <c r="PJB122" s="26"/>
      <c r="PJC122" s="26"/>
      <c r="PJD122" s="26"/>
      <c r="PJE122" s="26"/>
      <c r="PJF122" s="26"/>
      <c r="PJG122" s="26"/>
      <c r="PJH122" s="26"/>
      <c r="PJI122" s="26"/>
      <c r="PJJ122" s="26"/>
      <c r="PJK122" s="26"/>
      <c r="PJL122" s="26"/>
      <c r="PJM122" s="26"/>
      <c r="PJN122" s="26"/>
      <c r="PJO122" s="26"/>
      <c r="PJP122" s="26"/>
      <c r="PJQ122" s="26"/>
      <c r="PJR122" s="26"/>
      <c r="PJS122" s="26"/>
      <c r="PJT122" s="26"/>
      <c r="PJU122" s="26"/>
      <c r="PJV122" s="26"/>
      <c r="PJW122" s="26"/>
      <c r="PJX122" s="26"/>
      <c r="PJY122" s="26"/>
      <c r="PJZ122" s="26"/>
      <c r="PKA122" s="26"/>
      <c r="PKB122" s="26"/>
      <c r="PKC122" s="26"/>
      <c r="PKD122" s="26"/>
      <c r="PKE122" s="26"/>
      <c r="PKF122" s="26"/>
      <c r="PKG122" s="26"/>
      <c r="PKH122" s="26"/>
      <c r="PKI122" s="26"/>
      <c r="PKJ122" s="26"/>
      <c r="PKK122" s="26"/>
      <c r="PKL122" s="26"/>
      <c r="PKM122" s="26"/>
      <c r="PKN122" s="26"/>
      <c r="PKO122" s="26"/>
      <c r="PKP122" s="26"/>
      <c r="PKQ122" s="26"/>
      <c r="PKR122" s="26"/>
      <c r="PKS122" s="26"/>
      <c r="PKT122" s="26"/>
      <c r="PKU122" s="26"/>
      <c r="PKV122" s="26"/>
      <c r="PKW122" s="26"/>
      <c r="PKX122" s="26"/>
      <c r="PKY122" s="26"/>
      <c r="PKZ122" s="26"/>
      <c r="PLA122" s="26"/>
      <c r="PLB122" s="26"/>
      <c r="PLC122" s="26"/>
      <c r="PLD122" s="26"/>
      <c r="PLE122" s="26"/>
      <c r="PLF122" s="26"/>
      <c r="PLG122" s="26"/>
      <c r="PLH122" s="26"/>
      <c r="PLI122" s="26"/>
      <c r="PLJ122" s="26"/>
      <c r="PLK122" s="26"/>
      <c r="PLL122" s="26"/>
      <c r="PLM122" s="26"/>
      <c r="PLN122" s="26"/>
      <c r="PLO122" s="26"/>
      <c r="PLP122" s="26"/>
      <c r="PLQ122" s="26"/>
      <c r="PLR122" s="26"/>
      <c r="PLS122" s="26"/>
      <c r="PLT122" s="26"/>
      <c r="PLU122" s="26"/>
      <c r="PLV122" s="26"/>
      <c r="PLW122" s="26"/>
      <c r="PLX122" s="26"/>
      <c r="PLY122" s="26"/>
      <c r="PLZ122" s="26"/>
      <c r="PMA122" s="26"/>
      <c r="PMB122" s="26"/>
      <c r="PMC122" s="26"/>
      <c r="PMD122" s="26"/>
      <c r="PME122" s="26"/>
      <c r="PMF122" s="26"/>
      <c r="PMG122" s="26"/>
      <c r="PMH122" s="26"/>
      <c r="PMI122" s="26"/>
      <c r="PMJ122" s="26"/>
      <c r="PMK122" s="26"/>
      <c r="PML122" s="26"/>
      <c r="PMM122" s="26"/>
      <c r="PMN122" s="26"/>
      <c r="PMO122" s="26"/>
      <c r="PMP122" s="26"/>
      <c r="PMQ122" s="26"/>
      <c r="PMR122" s="26"/>
      <c r="PMS122" s="26"/>
      <c r="PMT122" s="26"/>
      <c r="PMU122" s="26"/>
      <c r="PMV122" s="26"/>
      <c r="PMW122" s="26"/>
      <c r="PMX122" s="26"/>
      <c r="PMY122" s="26"/>
      <c r="PMZ122" s="26"/>
      <c r="PNA122" s="26"/>
      <c r="PNB122" s="26"/>
      <c r="PNC122" s="26"/>
      <c r="PND122" s="26"/>
      <c r="PNE122" s="26"/>
      <c r="PNF122" s="26"/>
      <c r="PNG122" s="26"/>
      <c r="PNH122" s="26"/>
      <c r="PNI122" s="26"/>
      <c r="PNJ122" s="26"/>
      <c r="PNK122" s="26"/>
      <c r="PNL122" s="26"/>
      <c r="PNM122" s="26"/>
      <c r="PNN122" s="26"/>
      <c r="PNO122" s="26"/>
      <c r="PNP122" s="26"/>
      <c r="PNQ122" s="26"/>
      <c r="PNR122" s="26"/>
      <c r="PNS122" s="26"/>
      <c r="PNT122" s="26"/>
      <c r="PNU122" s="26"/>
      <c r="PNV122" s="26"/>
      <c r="PNW122" s="26"/>
      <c r="PNX122" s="26"/>
      <c r="PNY122" s="26"/>
      <c r="PNZ122" s="26"/>
      <c r="POA122" s="26"/>
      <c r="POB122" s="26"/>
      <c r="POC122" s="26"/>
      <c r="POD122" s="26"/>
      <c r="POE122" s="26"/>
      <c r="POF122" s="26"/>
      <c r="POG122" s="26"/>
      <c r="POH122" s="26"/>
      <c r="POI122" s="26"/>
      <c r="POJ122" s="26"/>
      <c r="POK122" s="26"/>
      <c r="POL122" s="26"/>
      <c r="POM122" s="26"/>
      <c r="PON122" s="26"/>
      <c r="POO122" s="26"/>
      <c r="POP122" s="26"/>
      <c r="POQ122" s="26"/>
      <c r="POR122" s="26"/>
      <c r="POS122" s="26"/>
      <c r="POT122" s="26"/>
      <c r="POU122" s="26"/>
      <c r="POV122" s="26"/>
      <c r="POW122" s="26"/>
      <c r="POX122" s="26"/>
      <c r="POY122" s="26"/>
      <c r="POZ122" s="26"/>
      <c r="PPA122" s="26"/>
      <c r="PPB122" s="26"/>
      <c r="PPC122" s="26"/>
      <c r="PPD122" s="26"/>
      <c r="PPE122" s="26"/>
      <c r="PPF122" s="26"/>
      <c r="PPG122" s="26"/>
      <c r="PPH122" s="26"/>
      <c r="PPI122" s="26"/>
      <c r="PPJ122" s="26"/>
      <c r="PPK122" s="26"/>
      <c r="PPL122" s="26"/>
      <c r="PPM122" s="26"/>
      <c r="PPN122" s="26"/>
      <c r="PPO122" s="26"/>
      <c r="PPP122" s="26"/>
      <c r="PPQ122" s="26"/>
      <c r="PPR122" s="26"/>
      <c r="PPS122" s="26"/>
      <c r="PPT122" s="26"/>
      <c r="PPU122" s="26"/>
      <c r="PPV122" s="26"/>
      <c r="PPW122" s="26"/>
      <c r="PPX122" s="26"/>
      <c r="PPY122" s="26"/>
      <c r="PPZ122" s="26"/>
      <c r="PQA122" s="26"/>
      <c r="PQB122" s="26"/>
      <c r="PQC122" s="26"/>
      <c r="PQD122" s="26"/>
      <c r="PQE122" s="26"/>
      <c r="PQF122" s="26"/>
      <c r="PQG122" s="26"/>
      <c r="PQH122" s="26"/>
      <c r="PQI122" s="26"/>
      <c r="PQJ122" s="26"/>
      <c r="PQK122" s="26"/>
      <c r="PQL122" s="26"/>
      <c r="PQM122" s="26"/>
      <c r="PQN122" s="26"/>
      <c r="PQO122" s="26"/>
      <c r="PQP122" s="26"/>
      <c r="PQQ122" s="26"/>
      <c r="PQR122" s="26"/>
      <c r="PQS122" s="26"/>
      <c r="PQT122" s="26"/>
      <c r="PQU122" s="26"/>
      <c r="PQV122" s="26"/>
      <c r="PQW122" s="26"/>
      <c r="PQX122" s="26"/>
      <c r="PQY122" s="26"/>
      <c r="PQZ122" s="26"/>
      <c r="PRA122" s="26"/>
      <c r="PRB122" s="26"/>
      <c r="PRC122" s="26"/>
      <c r="PRD122" s="26"/>
      <c r="PRE122" s="26"/>
      <c r="PRF122" s="26"/>
      <c r="PRG122" s="26"/>
      <c r="PRH122" s="26"/>
      <c r="PRI122" s="26"/>
      <c r="PRJ122" s="26"/>
      <c r="PRK122" s="26"/>
      <c r="PRL122" s="26"/>
      <c r="PRM122" s="26"/>
      <c r="PRN122" s="26"/>
      <c r="PRO122" s="26"/>
      <c r="PRP122" s="26"/>
      <c r="PRQ122" s="26"/>
      <c r="PRR122" s="26"/>
      <c r="PRS122" s="26"/>
      <c r="PRT122" s="26"/>
      <c r="PRU122" s="26"/>
      <c r="PRV122" s="26"/>
      <c r="PRW122" s="26"/>
      <c r="PRX122" s="26"/>
      <c r="PRY122" s="26"/>
      <c r="PRZ122" s="26"/>
      <c r="PSA122" s="26"/>
      <c r="PSB122" s="26"/>
      <c r="PSC122" s="26"/>
      <c r="PSD122" s="26"/>
      <c r="PSE122" s="26"/>
      <c r="PSF122" s="26"/>
      <c r="PSG122" s="26"/>
      <c r="PSH122" s="26"/>
      <c r="PSI122" s="26"/>
      <c r="PSJ122" s="26"/>
      <c r="PSK122" s="26"/>
      <c r="PSL122" s="26"/>
      <c r="PSM122" s="26"/>
      <c r="PSN122" s="26"/>
      <c r="PSO122" s="26"/>
      <c r="PSP122" s="26"/>
      <c r="PSQ122" s="26"/>
      <c r="PSR122" s="26"/>
      <c r="PSS122" s="26"/>
      <c r="PST122" s="26"/>
      <c r="PSU122" s="26"/>
      <c r="PSV122" s="26"/>
      <c r="PSW122" s="26"/>
      <c r="PSX122" s="26"/>
      <c r="PSY122" s="26"/>
      <c r="PSZ122" s="26"/>
      <c r="PTA122" s="26"/>
      <c r="PTB122" s="26"/>
      <c r="PTC122" s="26"/>
      <c r="PTD122" s="26"/>
      <c r="PTE122" s="26"/>
      <c r="PTF122" s="26"/>
      <c r="PTG122" s="26"/>
      <c r="PTH122" s="26"/>
      <c r="PTI122" s="26"/>
      <c r="PTJ122" s="26"/>
      <c r="PTK122" s="26"/>
      <c r="PTL122" s="26"/>
      <c r="PTM122" s="26"/>
      <c r="PTN122" s="26"/>
      <c r="PTO122" s="26"/>
      <c r="PTP122" s="26"/>
      <c r="PTQ122" s="26"/>
      <c r="PTR122" s="26"/>
      <c r="PTS122" s="26"/>
      <c r="PTT122" s="26"/>
      <c r="PTU122" s="26"/>
      <c r="PTV122" s="26"/>
      <c r="PTW122" s="26"/>
      <c r="PTX122" s="26"/>
      <c r="PTY122" s="26"/>
      <c r="PTZ122" s="26"/>
      <c r="PUA122" s="26"/>
      <c r="PUB122" s="26"/>
      <c r="PUC122" s="26"/>
      <c r="PUD122" s="26"/>
      <c r="PUE122" s="26"/>
      <c r="PUF122" s="26"/>
      <c r="PUG122" s="26"/>
      <c r="PUH122" s="26"/>
      <c r="PUI122" s="26"/>
      <c r="PUJ122" s="26"/>
      <c r="PUK122" s="26"/>
      <c r="PUL122" s="26"/>
      <c r="PUM122" s="26"/>
      <c r="PUN122" s="26"/>
      <c r="PUO122" s="26"/>
      <c r="PUP122" s="26"/>
      <c r="PUQ122" s="26"/>
      <c r="PUR122" s="26"/>
      <c r="PUS122" s="26"/>
      <c r="PUT122" s="26"/>
      <c r="PUU122" s="26"/>
      <c r="PUV122" s="26"/>
      <c r="PUW122" s="26"/>
      <c r="PUX122" s="26"/>
      <c r="PUY122" s="26"/>
      <c r="PUZ122" s="26"/>
      <c r="PVA122" s="26"/>
      <c r="PVB122" s="26"/>
      <c r="PVC122" s="26"/>
      <c r="PVD122" s="26"/>
      <c r="PVE122" s="26"/>
      <c r="PVF122" s="26"/>
      <c r="PVG122" s="26"/>
      <c r="PVH122" s="26"/>
      <c r="PVI122" s="26"/>
      <c r="PVJ122" s="26"/>
      <c r="PVK122" s="26"/>
      <c r="PVL122" s="26"/>
      <c r="PVM122" s="26"/>
      <c r="PVN122" s="26"/>
      <c r="PVO122" s="26"/>
      <c r="PVP122" s="26"/>
      <c r="PVQ122" s="26"/>
      <c r="PVR122" s="26"/>
      <c r="PVS122" s="26"/>
      <c r="PVT122" s="26"/>
      <c r="PVU122" s="26"/>
      <c r="PVV122" s="26"/>
      <c r="PVW122" s="26"/>
      <c r="PVX122" s="26"/>
      <c r="PVY122" s="26"/>
      <c r="PVZ122" s="26"/>
      <c r="PWA122" s="26"/>
      <c r="PWB122" s="26"/>
      <c r="PWC122" s="26"/>
      <c r="PWD122" s="26"/>
      <c r="PWE122" s="26"/>
      <c r="PWF122" s="26"/>
      <c r="PWG122" s="26"/>
      <c r="PWH122" s="26"/>
      <c r="PWI122" s="26"/>
      <c r="PWJ122" s="26"/>
      <c r="PWK122" s="26"/>
      <c r="PWL122" s="26"/>
      <c r="PWM122" s="26"/>
      <c r="PWN122" s="26"/>
      <c r="PWO122" s="26"/>
      <c r="PWP122" s="26"/>
      <c r="PWQ122" s="26"/>
      <c r="PWR122" s="26"/>
      <c r="PWS122" s="26"/>
      <c r="PWT122" s="26"/>
      <c r="PWU122" s="26"/>
      <c r="PWV122" s="26"/>
      <c r="PWW122" s="26"/>
      <c r="PWX122" s="26"/>
      <c r="PWY122" s="26"/>
      <c r="PWZ122" s="26"/>
      <c r="PXA122" s="26"/>
      <c r="PXB122" s="26"/>
      <c r="PXC122" s="26"/>
      <c r="PXD122" s="26"/>
      <c r="PXE122" s="26"/>
      <c r="PXF122" s="26"/>
      <c r="PXG122" s="26"/>
      <c r="PXH122" s="26"/>
      <c r="PXI122" s="26"/>
      <c r="PXJ122" s="26"/>
      <c r="PXK122" s="26"/>
      <c r="PXL122" s="26"/>
      <c r="PXM122" s="26"/>
      <c r="PXN122" s="26"/>
      <c r="PXO122" s="26"/>
      <c r="PXP122" s="26"/>
      <c r="PXQ122" s="26"/>
      <c r="PXR122" s="26"/>
      <c r="PXS122" s="26"/>
      <c r="PXT122" s="26"/>
      <c r="PXU122" s="26"/>
      <c r="PXV122" s="26"/>
      <c r="PXW122" s="26"/>
      <c r="PXX122" s="26"/>
      <c r="PXY122" s="26"/>
      <c r="PXZ122" s="26"/>
      <c r="PYA122" s="26"/>
      <c r="PYB122" s="26"/>
      <c r="PYC122" s="26"/>
      <c r="PYD122" s="26"/>
      <c r="PYE122" s="26"/>
      <c r="PYF122" s="26"/>
      <c r="PYG122" s="26"/>
      <c r="PYH122" s="26"/>
      <c r="PYI122" s="26"/>
      <c r="PYJ122" s="26"/>
      <c r="PYK122" s="26"/>
      <c r="PYL122" s="26"/>
      <c r="PYM122" s="26"/>
      <c r="PYN122" s="26"/>
      <c r="PYO122" s="26"/>
      <c r="PYP122" s="26"/>
      <c r="PYQ122" s="26"/>
      <c r="PYR122" s="26"/>
      <c r="PYS122" s="26"/>
      <c r="PYT122" s="26"/>
      <c r="PYU122" s="26"/>
      <c r="PYV122" s="26"/>
      <c r="PYW122" s="26"/>
      <c r="PYX122" s="26"/>
      <c r="PYY122" s="26"/>
      <c r="PYZ122" s="26"/>
      <c r="PZA122" s="26"/>
      <c r="PZB122" s="26"/>
      <c r="PZC122" s="26"/>
      <c r="PZD122" s="26"/>
      <c r="PZE122" s="26"/>
      <c r="PZF122" s="26"/>
      <c r="PZG122" s="26"/>
      <c r="PZH122" s="26"/>
      <c r="PZI122" s="26"/>
      <c r="PZJ122" s="26"/>
      <c r="PZK122" s="26"/>
      <c r="PZL122" s="26"/>
      <c r="PZM122" s="26"/>
      <c r="PZN122" s="26"/>
      <c r="PZO122" s="26"/>
      <c r="PZP122" s="26"/>
      <c r="PZQ122" s="26"/>
      <c r="PZR122" s="26"/>
      <c r="PZS122" s="26"/>
      <c r="PZT122" s="26"/>
      <c r="PZU122" s="26"/>
      <c r="PZV122" s="26"/>
      <c r="PZW122" s="26"/>
      <c r="PZX122" s="26"/>
      <c r="PZY122" s="26"/>
      <c r="PZZ122" s="26"/>
      <c r="QAA122" s="26"/>
      <c r="QAB122" s="26"/>
      <c r="QAC122" s="26"/>
      <c r="QAD122" s="26"/>
      <c r="QAE122" s="26"/>
      <c r="QAF122" s="26"/>
      <c r="QAG122" s="26"/>
      <c r="QAH122" s="26"/>
      <c r="QAI122" s="26"/>
      <c r="QAJ122" s="26"/>
      <c r="QAK122" s="26"/>
      <c r="QAL122" s="26"/>
      <c r="QAM122" s="26"/>
      <c r="QAN122" s="26"/>
      <c r="QAO122" s="26"/>
      <c r="QAP122" s="26"/>
      <c r="QAQ122" s="26"/>
      <c r="QAR122" s="26"/>
      <c r="QAS122" s="26"/>
      <c r="QAT122" s="26"/>
      <c r="QAU122" s="26"/>
      <c r="QAV122" s="26"/>
      <c r="QAW122" s="26"/>
      <c r="QAX122" s="26"/>
      <c r="QAY122" s="26"/>
      <c r="QAZ122" s="26"/>
      <c r="QBA122" s="26"/>
      <c r="QBB122" s="26"/>
      <c r="QBC122" s="26"/>
      <c r="QBD122" s="26"/>
      <c r="QBE122" s="26"/>
      <c r="QBF122" s="26"/>
      <c r="QBG122" s="26"/>
      <c r="QBH122" s="26"/>
      <c r="QBI122" s="26"/>
      <c r="QBJ122" s="26"/>
      <c r="QBK122" s="26"/>
      <c r="QBL122" s="26"/>
      <c r="QBM122" s="26"/>
      <c r="QBN122" s="26"/>
      <c r="QBO122" s="26"/>
      <c r="QBP122" s="26"/>
      <c r="QBQ122" s="26"/>
      <c r="QBR122" s="26"/>
      <c r="QBS122" s="26"/>
      <c r="QBT122" s="26"/>
      <c r="QBU122" s="26"/>
      <c r="QBV122" s="26"/>
      <c r="QBW122" s="26"/>
      <c r="QBX122" s="26"/>
      <c r="QBY122" s="26"/>
      <c r="QBZ122" s="26"/>
      <c r="QCA122" s="26"/>
      <c r="QCB122" s="26"/>
      <c r="QCC122" s="26"/>
      <c r="QCD122" s="26"/>
      <c r="QCE122" s="26"/>
      <c r="QCF122" s="26"/>
      <c r="QCG122" s="26"/>
      <c r="QCH122" s="26"/>
      <c r="QCI122" s="26"/>
      <c r="QCJ122" s="26"/>
      <c r="QCK122" s="26"/>
      <c r="QCL122" s="26"/>
      <c r="QCM122" s="26"/>
      <c r="QCN122" s="26"/>
      <c r="QCO122" s="26"/>
      <c r="QCP122" s="26"/>
      <c r="QCQ122" s="26"/>
      <c r="QCR122" s="26"/>
      <c r="QCS122" s="26"/>
      <c r="QCT122" s="26"/>
      <c r="QCU122" s="26"/>
      <c r="QCV122" s="26"/>
      <c r="QCW122" s="26"/>
      <c r="QCX122" s="26"/>
      <c r="QCY122" s="26"/>
      <c r="QCZ122" s="26"/>
      <c r="QDA122" s="26"/>
      <c r="QDB122" s="26"/>
      <c r="QDC122" s="26"/>
      <c r="QDD122" s="26"/>
      <c r="QDE122" s="26"/>
      <c r="QDF122" s="26"/>
      <c r="QDG122" s="26"/>
      <c r="QDH122" s="26"/>
      <c r="QDI122" s="26"/>
      <c r="QDJ122" s="26"/>
      <c r="QDK122" s="26"/>
      <c r="QDL122" s="26"/>
      <c r="QDM122" s="26"/>
      <c r="QDN122" s="26"/>
      <c r="QDO122" s="26"/>
      <c r="QDP122" s="26"/>
      <c r="QDQ122" s="26"/>
      <c r="QDR122" s="26"/>
      <c r="QDS122" s="26"/>
      <c r="QDT122" s="26"/>
      <c r="QDU122" s="26"/>
      <c r="QDV122" s="26"/>
      <c r="QDW122" s="26"/>
      <c r="QDX122" s="26"/>
      <c r="QDY122" s="26"/>
      <c r="QDZ122" s="26"/>
      <c r="QEA122" s="26"/>
      <c r="QEB122" s="26"/>
      <c r="QEC122" s="26"/>
      <c r="QED122" s="26"/>
      <c r="QEE122" s="26"/>
      <c r="QEF122" s="26"/>
      <c r="QEG122" s="26"/>
      <c r="QEH122" s="26"/>
      <c r="QEI122" s="26"/>
      <c r="QEJ122" s="26"/>
      <c r="QEK122" s="26"/>
      <c r="QEL122" s="26"/>
      <c r="QEM122" s="26"/>
      <c r="QEN122" s="26"/>
      <c r="QEO122" s="26"/>
      <c r="QEP122" s="26"/>
      <c r="QEQ122" s="26"/>
      <c r="QER122" s="26"/>
      <c r="QES122" s="26"/>
      <c r="QET122" s="26"/>
      <c r="QEU122" s="26"/>
      <c r="QEV122" s="26"/>
      <c r="QEW122" s="26"/>
      <c r="QEX122" s="26"/>
      <c r="QEY122" s="26"/>
      <c r="QEZ122" s="26"/>
      <c r="QFA122" s="26"/>
      <c r="QFB122" s="26"/>
      <c r="QFC122" s="26"/>
      <c r="QFD122" s="26"/>
      <c r="QFE122" s="26"/>
      <c r="QFF122" s="26"/>
      <c r="QFG122" s="26"/>
      <c r="QFH122" s="26"/>
      <c r="QFI122" s="26"/>
      <c r="QFJ122" s="26"/>
      <c r="QFK122" s="26"/>
      <c r="QFL122" s="26"/>
      <c r="QFM122" s="26"/>
      <c r="QFN122" s="26"/>
      <c r="QFO122" s="26"/>
      <c r="QFP122" s="26"/>
      <c r="QFQ122" s="26"/>
      <c r="QFR122" s="26"/>
      <c r="QFS122" s="26"/>
      <c r="QFT122" s="26"/>
      <c r="QFU122" s="26"/>
      <c r="QFV122" s="26"/>
      <c r="QFW122" s="26"/>
      <c r="QFX122" s="26"/>
      <c r="QFY122" s="26"/>
      <c r="QFZ122" s="26"/>
      <c r="QGA122" s="26"/>
      <c r="QGB122" s="26"/>
      <c r="QGC122" s="26"/>
      <c r="QGD122" s="26"/>
      <c r="QGE122" s="26"/>
      <c r="QGF122" s="26"/>
      <c r="QGG122" s="26"/>
      <c r="QGH122" s="26"/>
      <c r="QGI122" s="26"/>
      <c r="QGJ122" s="26"/>
      <c r="QGK122" s="26"/>
      <c r="QGL122" s="26"/>
      <c r="QGM122" s="26"/>
      <c r="QGN122" s="26"/>
      <c r="QGO122" s="26"/>
      <c r="QGP122" s="26"/>
      <c r="QGQ122" s="26"/>
      <c r="QGR122" s="26"/>
      <c r="QGS122" s="26"/>
      <c r="QGT122" s="26"/>
      <c r="QGU122" s="26"/>
      <c r="QGV122" s="26"/>
      <c r="QGW122" s="26"/>
      <c r="QGX122" s="26"/>
      <c r="QGY122" s="26"/>
      <c r="QGZ122" s="26"/>
      <c r="QHA122" s="26"/>
      <c r="QHB122" s="26"/>
      <c r="QHC122" s="26"/>
      <c r="QHD122" s="26"/>
      <c r="QHE122" s="26"/>
      <c r="QHF122" s="26"/>
      <c r="QHG122" s="26"/>
      <c r="QHH122" s="26"/>
      <c r="QHI122" s="26"/>
      <c r="QHJ122" s="26"/>
      <c r="QHK122" s="26"/>
      <c r="QHL122" s="26"/>
      <c r="QHM122" s="26"/>
      <c r="QHN122" s="26"/>
      <c r="QHO122" s="26"/>
      <c r="QHP122" s="26"/>
      <c r="QHQ122" s="26"/>
      <c r="QHR122" s="26"/>
      <c r="QHS122" s="26"/>
      <c r="QHT122" s="26"/>
      <c r="QHU122" s="26"/>
      <c r="QHV122" s="26"/>
      <c r="QHW122" s="26"/>
      <c r="QHX122" s="26"/>
      <c r="QHY122" s="26"/>
      <c r="QHZ122" s="26"/>
      <c r="QIA122" s="26"/>
      <c r="QIB122" s="26"/>
      <c r="QIC122" s="26"/>
      <c r="QID122" s="26"/>
      <c r="QIE122" s="26"/>
      <c r="QIF122" s="26"/>
      <c r="QIG122" s="26"/>
      <c r="QIH122" s="26"/>
      <c r="QII122" s="26"/>
      <c r="QIJ122" s="26"/>
      <c r="QIK122" s="26"/>
      <c r="QIL122" s="26"/>
      <c r="QIM122" s="26"/>
      <c r="QIN122" s="26"/>
      <c r="QIO122" s="26"/>
      <c r="QIP122" s="26"/>
      <c r="QIQ122" s="26"/>
      <c r="QIR122" s="26"/>
      <c r="QIS122" s="26"/>
      <c r="QIT122" s="26"/>
      <c r="QIU122" s="26"/>
      <c r="QIV122" s="26"/>
      <c r="QIW122" s="26"/>
      <c r="QIX122" s="26"/>
      <c r="QIY122" s="26"/>
      <c r="QIZ122" s="26"/>
      <c r="QJA122" s="26"/>
      <c r="QJB122" s="26"/>
      <c r="QJC122" s="26"/>
      <c r="QJD122" s="26"/>
      <c r="QJE122" s="26"/>
      <c r="QJF122" s="26"/>
      <c r="QJG122" s="26"/>
      <c r="QJH122" s="26"/>
      <c r="QJI122" s="26"/>
      <c r="QJJ122" s="26"/>
      <c r="QJK122" s="26"/>
      <c r="QJL122" s="26"/>
      <c r="QJM122" s="26"/>
      <c r="QJN122" s="26"/>
      <c r="QJO122" s="26"/>
      <c r="QJP122" s="26"/>
      <c r="QJQ122" s="26"/>
      <c r="QJR122" s="26"/>
      <c r="QJS122" s="26"/>
      <c r="QJT122" s="26"/>
      <c r="QJU122" s="26"/>
      <c r="QJV122" s="26"/>
      <c r="QJW122" s="26"/>
      <c r="QJX122" s="26"/>
      <c r="QJY122" s="26"/>
      <c r="QJZ122" s="26"/>
      <c r="QKA122" s="26"/>
      <c r="QKB122" s="26"/>
      <c r="QKC122" s="26"/>
      <c r="QKD122" s="26"/>
      <c r="QKE122" s="26"/>
      <c r="QKF122" s="26"/>
      <c r="QKG122" s="26"/>
      <c r="QKH122" s="26"/>
      <c r="QKI122" s="26"/>
      <c r="QKJ122" s="26"/>
      <c r="QKK122" s="26"/>
      <c r="QKL122" s="26"/>
      <c r="QKM122" s="26"/>
      <c r="QKN122" s="26"/>
      <c r="QKO122" s="26"/>
      <c r="QKP122" s="26"/>
      <c r="QKQ122" s="26"/>
      <c r="QKR122" s="26"/>
      <c r="QKS122" s="26"/>
      <c r="QKT122" s="26"/>
      <c r="QKU122" s="26"/>
      <c r="QKV122" s="26"/>
      <c r="QKW122" s="26"/>
      <c r="QKX122" s="26"/>
      <c r="QKY122" s="26"/>
      <c r="QKZ122" s="26"/>
      <c r="QLA122" s="26"/>
      <c r="QLB122" s="26"/>
      <c r="QLC122" s="26"/>
      <c r="QLD122" s="26"/>
      <c r="QLE122" s="26"/>
      <c r="QLF122" s="26"/>
      <c r="QLG122" s="26"/>
      <c r="QLH122" s="26"/>
      <c r="QLI122" s="26"/>
      <c r="QLJ122" s="26"/>
      <c r="QLK122" s="26"/>
      <c r="QLL122" s="26"/>
      <c r="QLM122" s="26"/>
      <c r="QLN122" s="26"/>
      <c r="QLO122" s="26"/>
      <c r="QLP122" s="26"/>
      <c r="QLQ122" s="26"/>
      <c r="QLR122" s="26"/>
      <c r="QLS122" s="26"/>
      <c r="QLT122" s="26"/>
      <c r="QLU122" s="26"/>
      <c r="QLV122" s="26"/>
      <c r="QLW122" s="26"/>
      <c r="QLX122" s="26"/>
      <c r="QLY122" s="26"/>
      <c r="QLZ122" s="26"/>
      <c r="QMA122" s="26"/>
      <c r="QMB122" s="26"/>
      <c r="QMC122" s="26"/>
      <c r="QMD122" s="26"/>
      <c r="QME122" s="26"/>
      <c r="QMF122" s="26"/>
      <c r="QMG122" s="26"/>
      <c r="QMH122" s="26"/>
      <c r="QMI122" s="26"/>
      <c r="QMJ122" s="26"/>
      <c r="QMK122" s="26"/>
      <c r="QML122" s="26"/>
      <c r="QMM122" s="26"/>
      <c r="QMN122" s="26"/>
      <c r="QMO122" s="26"/>
      <c r="QMP122" s="26"/>
      <c r="QMQ122" s="26"/>
      <c r="QMR122" s="26"/>
      <c r="QMS122" s="26"/>
      <c r="QMT122" s="26"/>
      <c r="QMU122" s="26"/>
      <c r="QMV122" s="26"/>
      <c r="QMW122" s="26"/>
      <c r="QMX122" s="26"/>
      <c r="QMY122" s="26"/>
      <c r="QMZ122" s="26"/>
      <c r="QNA122" s="26"/>
      <c r="QNB122" s="26"/>
      <c r="QNC122" s="26"/>
      <c r="QND122" s="26"/>
      <c r="QNE122" s="26"/>
      <c r="QNF122" s="26"/>
      <c r="QNG122" s="26"/>
      <c r="QNH122" s="26"/>
      <c r="QNI122" s="26"/>
      <c r="QNJ122" s="26"/>
      <c r="QNK122" s="26"/>
      <c r="QNL122" s="26"/>
      <c r="QNM122" s="26"/>
      <c r="QNN122" s="26"/>
      <c r="QNO122" s="26"/>
      <c r="QNP122" s="26"/>
      <c r="QNQ122" s="26"/>
      <c r="QNR122" s="26"/>
      <c r="QNS122" s="26"/>
      <c r="QNT122" s="26"/>
      <c r="QNU122" s="26"/>
      <c r="QNV122" s="26"/>
      <c r="QNW122" s="26"/>
      <c r="QNX122" s="26"/>
      <c r="QNY122" s="26"/>
      <c r="QNZ122" s="26"/>
      <c r="QOA122" s="26"/>
      <c r="QOB122" s="26"/>
      <c r="QOC122" s="26"/>
      <c r="QOD122" s="26"/>
      <c r="QOE122" s="26"/>
      <c r="QOF122" s="26"/>
      <c r="QOG122" s="26"/>
      <c r="QOH122" s="26"/>
      <c r="QOI122" s="26"/>
      <c r="QOJ122" s="26"/>
      <c r="QOK122" s="26"/>
      <c r="QOL122" s="26"/>
      <c r="QOM122" s="26"/>
      <c r="QON122" s="26"/>
      <c r="QOO122" s="26"/>
      <c r="QOP122" s="26"/>
      <c r="QOQ122" s="26"/>
      <c r="QOR122" s="26"/>
      <c r="QOS122" s="26"/>
      <c r="QOT122" s="26"/>
      <c r="QOU122" s="26"/>
      <c r="QOV122" s="26"/>
      <c r="QOW122" s="26"/>
      <c r="QOX122" s="26"/>
      <c r="QOY122" s="26"/>
      <c r="QOZ122" s="26"/>
      <c r="QPA122" s="26"/>
      <c r="QPB122" s="26"/>
      <c r="QPC122" s="26"/>
      <c r="QPD122" s="26"/>
      <c r="QPE122" s="26"/>
      <c r="QPF122" s="26"/>
      <c r="QPG122" s="26"/>
      <c r="QPH122" s="26"/>
      <c r="QPI122" s="26"/>
      <c r="QPJ122" s="26"/>
      <c r="QPK122" s="26"/>
      <c r="QPL122" s="26"/>
      <c r="QPM122" s="26"/>
      <c r="QPN122" s="26"/>
      <c r="QPO122" s="26"/>
      <c r="QPP122" s="26"/>
      <c r="QPQ122" s="26"/>
      <c r="QPR122" s="26"/>
      <c r="QPS122" s="26"/>
      <c r="QPT122" s="26"/>
      <c r="QPU122" s="26"/>
      <c r="QPV122" s="26"/>
      <c r="QPW122" s="26"/>
      <c r="QPX122" s="26"/>
      <c r="QPY122" s="26"/>
      <c r="QPZ122" s="26"/>
      <c r="QQA122" s="26"/>
      <c r="QQB122" s="26"/>
      <c r="QQC122" s="26"/>
      <c r="QQD122" s="26"/>
      <c r="QQE122" s="26"/>
      <c r="QQF122" s="26"/>
      <c r="QQG122" s="26"/>
      <c r="QQH122" s="26"/>
      <c r="QQI122" s="26"/>
      <c r="QQJ122" s="26"/>
      <c r="QQK122" s="26"/>
      <c r="QQL122" s="26"/>
      <c r="QQM122" s="26"/>
      <c r="QQN122" s="26"/>
      <c r="QQO122" s="26"/>
      <c r="QQP122" s="26"/>
      <c r="QQQ122" s="26"/>
      <c r="QQR122" s="26"/>
      <c r="QQS122" s="26"/>
      <c r="QQT122" s="26"/>
      <c r="QQU122" s="26"/>
      <c r="QQV122" s="26"/>
      <c r="QQW122" s="26"/>
      <c r="QQX122" s="26"/>
      <c r="QQY122" s="26"/>
      <c r="QQZ122" s="26"/>
      <c r="QRA122" s="26"/>
      <c r="QRB122" s="26"/>
      <c r="QRC122" s="26"/>
      <c r="QRD122" s="26"/>
      <c r="QRE122" s="26"/>
      <c r="QRF122" s="26"/>
      <c r="QRG122" s="26"/>
      <c r="QRH122" s="26"/>
      <c r="QRI122" s="26"/>
      <c r="QRJ122" s="26"/>
      <c r="QRK122" s="26"/>
      <c r="QRL122" s="26"/>
      <c r="QRM122" s="26"/>
      <c r="QRN122" s="26"/>
      <c r="QRO122" s="26"/>
      <c r="QRP122" s="26"/>
      <c r="QRQ122" s="26"/>
      <c r="QRR122" s="26"/>
      <c r="QRS122" s="26"/>
      <c r="QRT122" s="26"/>
      <c r="QRU122" s="26"/>
      <c r="QRV122" s="26"/>
      <c r="QRW122" s="26"/>
      <c r="QRX122" s="26"/>
      <c r="QRY122" s="26"/>
      <c r="QRZ122" s="26"/>
      <c r="QSA122" s="26"/>
      <c r="QSB122" s="26"/>
      <c r="QSC122" s="26"/>
      <c r="QSD122" s="26"/>
      <c r="QSE122" s="26"/>
      <c r="QSF122" s="26"/>
      <c r="QSG122" s="26"/>
      <c r="QSH122" s="26"/>
      <c r="QSI122" s="26"/>
      <c r="QSJ122" s="26"/>
      <c r="QSK122" s="26"/>
      <c r="QSL122" s="26"/>
      <c r="QSM122" s="26"/>
      <c r="QSN122" s="26"/>
      <c r="QSO122" s="26"/>
      <c r="QSP122" s="26"/>
      <c r="QSQ122" s="26"/>
      <c r="QSR122" s="26"/>
      <c r="QSS122" s="26"/>
      <c r="QST122" s="26"/>
      <c r="QSU122" s="26"/>
      <c r="QSV122" s="26"/>
      <c r="QSW122" s="26"/>
      <c r="QSX122" s="26"/>
      <c r="QSY122" s="26"/>
      <c r="QSZ122" s="26"/>
      <c r="QTA122" s="26"/>
      <c r="QTB122" s="26"/>
      <c r="QTC122" s="26"/>
      <c r="QTD122" s="26"/>
      <c r="QTE122" s="26"/>
      <c r="QTF122" s="26"/>
      <c r="QTG122" s="26"/>
      <c r="QTH122" s="26"/>
      <c r="QTI122" s="26"/>
      <c r="QTJ122" s="26"/>
      <c r="QTK122" s="26"/>
      <c r="QTL122" s="26"/>
      <c r="QTM122" s="26"/>
      <c r="QTN122" s="26"/>
      <c r="QTO122" s="26"/>
      <c r="QTP122" s="26"/>
      <c r="QTQ122" s="26"/>
      <c r="QTR122" s="26"/>
      <c r="QTS122" s="26"/>
      <c r="QTT122" s="26"/>
      <c r="QTU122" s="26"/>
      <c r="QTV122" s="26"/>
      <c r="QTW122" s="26"/>
      <c r="QTX122" s="26"/>
      <c r="QTY122" s="26"/>
      <c r="QTZ122" s="26"/>
      <c r="QUA122" s="26"/>
      <c r="QUB122" s="26"/>
      <c r="QUC122" s="26"/>
      <c r="QUD122" s="26"/>
      <c r="QUE122" s="26"/>
      <c r="QUF122" s="26"/>
      <c r="QUG122" s="26"/>
      <c r="QUH122" s="26"/>
      <c r="QUI122" s="26"/>
      <c r="QUJ122" s="26"/>
      <c r="QUK122" s="26"/>
      <c r="QUL122" s="26"/>
      <c r="QUM122" s="26"/>
      <c r="QUN122" s="26"/>
      <c r="QUO122" s="26"/>
      <c r="QUP122" s="26"/>
      <c r="QUQ122" s="26"/>
      <c r="QUR122" s="26"/>
      <c r="QUS122" s="26"/>
      <c r="QUT122" s="26"/>
      <c r="QUU122" s="26"/>
      <c r="QUV122" s="26"/>
      <c r="QUW122" s="26"/>
      <c r="QUX122" s="26"/>
      <c r="QUY122" s="26"/>
      <c r="QUZ122" s="26"/>
      <c r="QVA122" s="26"/>
      <c r="QVB122" s="26"/>
      <c r="QVC122" s="26"/>
      <c r="QVD122" s="26"/>
      <c r="QVE122" s="26"/>
      <c r="QVF122" s="26"/>
      <c r="QVG122" s="26"/>
      <c r="QVH122" s="26"/>
      <c r="QVI122" s="26"/>
      <c r="QVJ122" s="26"/>
      <c r="QVK122" s="26"/>
      <c r="QVL122" s="26"/>
      <c r="QVM122" s="26"/>
      <c r="QVN122" s="26"/>
      <c r="QVO122" s="26"/>
      <c r="QVP122" s="26"/>
      <c r="QVQ122" s="26"/>
      <c r="QVR122" s="26"/>
      <c r="QVS122" s="26"/>
      <c r="QVT122" s="26"/>
      <c r="QVU122" s="26"/>
      <c r="QVV122" s="26"/>
      <c r="QVW122" s="26"/>
      <c r="QVX122" s="26"/>
      <c r="QVY122" s="26"/>
      <c r="QVZ122" s="26"/>
      <c r="QWA122" s="26"/>
      <c r="QWB122" s="26"/>
      <c r="QWC122" s="26"/>
      <c r="QWD122" s="26"/>
      <c r="QWE122" s="26"/>
      <c r="QWF122" s="26"/>
      <c r="QWG122" s="26"/>
      <c r="QWH122" s="26"/>
      <c r="QWI122" s="26"/>
      <c r="QWJ122" s="26"/>
      <c r="QWK122" s="26"/>
      <c r="QWL122" s="26"/>
      <c r="QWM122" s="26"/>
      <c r="QWN122" s="26"/>
      <c r="QWO122" s="26"/>
      <c r="QWP122" s="26"/>
      <c r="QWQ122" s="26"/>
      <c r="QWR122" s="26"/>
      <c r="QWS122" s="26"/>
      <c r="QWT122" s="26"/>
      <c r="QWU122" s="26"/>
      <c r="QWV122" s="26"/>
      <c r="QWW122" s="26"/>
      <c r="QWX122" s="26"/>
      <c r="QWY122" s="26"/>
      <c r="QWZ122" s="26"/>
      <c r="QXA122" s="26"/>
      <c r="QXB122" s="26"/>
      <c r="QXC122" s="26"/>
      <c r="QXD122" s="26"/>
      <c r="QXE122" s="26"/>
      <c r="QXF122" s="26"/>
      <c r="QXG122" s="26"/>
      <c r="QXH122" s="26"/>
      <c r="QXI122" s="26"/>
      <c r="QXJ122" s="26"/>
      <c r="QXK122" s="26"/>
      <c r="QXL122" s="26"/>
      <c r="QXM122" s="26"/>
      <c r="QXN122" s="26"/>
      <c r="QXO122" s="26"/>
      <c r="QXP122" s="26"/>
      <c r="QXQ122" s="26"/>
      <c r="QXR122" s="26"/>
      <c r="QXS122" s="26"/>
      <c r="QXT122" s="26"/>
      <c r="QXU122" s="26"/>
      <c r="QXV122" s="26"/>
      <c r="QXW122" s="26"/>
      <c r="QXX122" s="26"/>
      <c r="QXY122" s="26"/>
      <c r="QXZ122" s="26"/>
      <c r="QYA122" s="26"/>
      <c r="QYB122" s="26"/>
      <c r="QYC122" s="26"/>
      <c r="QYD122" s="26"/>
      <c r="QYE122" s="26"/>
      <c r="QYF122" s="26"/>
      <c r="QYG122" s="26"/>
      <c r="QYH122" s="26"/>
      <c r="QYI122" s="26"/>
      <c r="QYJ122" s="26"/>
      <c r="QYK122" s="26"/>
      <c r="QYL122" s="26"/>
      <c r="QYM122" s="26"/>
      <c r="QYN122" s="26"/>
      <c r="QYO122" s="26"/>
      <c r="QYP122" s="26"/>
      <c r="QYQ122" s="26"/>
      <c r="QYR122" s="26"/>
      <c r="QYS122" s="26"/>
      <c r="QYT122" s="26"/>
      <c r="QYU122" s="26"/>
      <c r="QYV122" s="26"/>
      <c r="QYW122" s="26"/>
      <c r="QYX122" s="26"/>
      <c r="QYY122" s="26"/>
      <c r="QYZ122" s="26"/>
      <c r="QZA122" s="26"/>
      <c r="QZB122" s="26"/>
      <c r="QZC122" s="26"/>
      <c r="QZD122" s="26"/>
      <c r="QZE122" s="26"/>
      <c r="QZF122" s="26"/>
      <c r="QZG122" s="26"/>
      <c r="QZH122" s="26"/>
      <c r="QZI122" s="26"/>
      <c r="QZJ122" s="26"/>
      <c r="QZK122" s="26"/>
      <c r="QZL122" s="26"/>
      <c r="QZM122" s="26"/>
      <c r="QZN122" s="26"/>
      <c r="QZO122" s="26"/>
      <c r="QZP122" s="26"/>
      <c r="QZQ122" s="26"/>
      <c r="QZR122" s="26"/>
      <c r="QZS122" s="26"/>
      <c r="QZT122" s="26"/>
      <c r="QZU122" s="26"/>
      <c r="QZV122" s="26"/>
      <c r="QZW122" s="26"/>
      <c r="QZX122" s="26"/>
      <c r="QZY122" s="26"/>
      <c r="QZZ122" s="26"/>
      <c r="RAA122" s="26"/>
      <c r="RAB122" s="26"/>
      <c r="RAC122" s="26"/>
      <c r="RAD122" s="26"/>
      <c r="RAE122" s="26"/>
      <c r="RAF122" s="26"/>
      <c r="RAG122" s="26"/>
      <c r="RAH122" s="26"/>
      <c r="RAI122" s="26"/>
      <c r="RAJ122" s="26"/>
      <c r="RAK122" s="26"/>
      <c r="RAL122" s="26"/>
      <c r="RAM122" s="26"/>
      <c r="RAN122" s="26"/>
      <c r="RAO122" s="26"/>
      <c r="RAP122" s="26"/>
      <c r="RAQ122" s="26"/>
      <c r="RAR122" s="26"/>
      <c r="RAS122" s="26"/>
      <c r="RAT122" s="26"/>
      <c r="RAU122" s="26"/>
      <c r="RAV122" s="26"/>
      <c r="RAW122" s="26"/>
      <c r="RAX122" s="26"/>
      <c r="RAY122" s="26"/>
      <c r="RAZ122" s="26"/>
      <c r="RBA122" s="26"/>
      <c r="RBB122" s="26"/>
      <c r="RBC122" s="26"/>
      <c r="RBD122" s="26"/>
      <c r="RBE122" s="26"/>
      <c r="RBF122" s="26"/>
      <c r="RBG122" s="26"/>
      <c r="RBH122" s="26"/>
      <c r="RBI122" s="26"/>
      <c r="RBJ122" s="26"/>
      <c r="RBK122" s="26"/>
      <c r="RBL122" s="26"/>
      <c r="RBM122" s="26"/>
      <c r="RBN122" s="26"/>
      <c r="RBO122" s="26"/>
      <c r="RBP122" s="26"/>
      <c r="RBQ122" s="26"/>
      <c r="RBR122" s="26"/>
      <c r="RBS122" s="26"/>
      <c r="RBT122" s="26"/>
      <c r="RBU122" s="26"/>
      <c r="RBV122" s="26"/>
      <c r="RBW122" s="26"/>
      <c r="RBX122" s="26"/>
      <c r="RBY122" s="26"/>
      <c r="RBZ122" s="26"/>
      <c r="RCA122" s="26"/>
      <c r="RCB122" s="26"/>
      <c r="RCC122" s="26"/>
      <c r="RCD122" s="26"/>
      <c r="RCE122" s="26"/>
      <c r="RCF122" s="26"/>
      <c r="RCG122" s="26"/>
      <c r="RCH122" s="26"/>
      <c r="RCI122" s="26"/>
      <c r="RCJ122" s="26"/>
      <c r="RCK122" s="26"/>
      <c r="RCL122" s="26"/>
      <c r="RCM122" s="26"/>
      <c r="RCN122" s="26"/>
      <c r="RCO122" s="26"/>
      <c r="RCP122" s="26"/>
      <c r="RCQ122" s="26"/>
      <c r="RCR122" s="26"/>
      <c r="RCS122" s="26"/>
      <c r="RCT122" s="26"/>
      <c r="RCU122" s="26"/>
      <c r="RCV122" s="26"/>
      <c r="RCW122" s="26"/>
      <c r="RCX122" s="26"/>
      <c r="RCY122" s="26"/>
      <c r="RCZ122" s="26"/>
      <c r="RDA122" s="26"/>
      <c r="RDB122" s="26"/>
      <c r="RDC122" s="26"/>
      <c r="RDD122" s="26"/>
      <c r="RDE122" s="26"/>
      <c r="RDF122" s="26"/>
      <c r="RDG122" s="26"/>
      <c r="RDH122" s="26"/>
      <c r="RDI122" s="26"/>
      <c r="RDJ122" s="26"/>
      <c r="RDK122" s="26"/>
      <c r="RDL122" s="26"/>
      <c r="RDM122" s="26"/>
      <c r="RDN122" s="26"/>
      <c r="RDO122" s="26"/>
      <c r="RDP122" s="26"/>
      <c r="RDQ122" s="26"/>
      <c r="RDR122" s="26"/>
      <c r="RDS122" s="26"/>
      <c r="RDT122" s="26"/>
      <c r="RDU122" s="26"/>
      <c r="RDV122" s="26"/>
      <c r="RDW122" s="26"/>
      <c r="RDX122" s="26"/>
      <c r="RDY122" s="26"/>
      <c r="RDZ122" s="26"/>
      <c r="REA122" s="26"/>
      <c r="REB122" s="26"/>
      <c r="REC122" s="26"/>
      <c r="RED122" s="26"/>
      <c r="REE122" s="26"/>
      <c r="REF122" s="26"/>
      <c r="REG122" s="26"/>
      <c r="REH122" s="26"/>
      <c r="REI122" s="26"/>
      <c r="REJ122" s="26"/>
      <c r="REK122" s="26"/>
      <c r="REL122" s="26"/>
      <c r="REM122" s="26"/>
      <c r="REN122" s="26"/>
      <c r="REO122" s="26"/>
      <c r="REP122" s="26"/>
      <c r="REQ122" s="26"/>
      <c r="RER122" s="26"/>
      <c r="RES122" s="26"/>
      <c r="RET122" s="26"/>
      <c r="REU122" s="26"/>
      <c r="REV122" s="26"/>
      <c r="REW122" s="26"/>
      <c r="REX122" s="26"/>
      <c r="REY122" s="26"/>
      <c r="REZ122" s="26"/>
      <c r="RFA122" s="26"/>
      <c r="RFB122" s="26"/>
      <c r="RFC122" s="26"/>
      <c r="RFD122" s="26"/>
      <c r="RFE122" s="26"/>
      <c r="RFF122" s="26"/>
      <c r="RFG122" s="26"/>
      <c r="RFH122" s="26"/>
      <c r="RFI122" s="26"/>
      <c r="RFJ122" s="26"/>
      <c r="RFK122" s="26"/>
      <c r="RFL122" s="26"/>
      <c r="RFM122" s="26"/>
      <c r="RFN122" s="26"/>
      <c r="RFO122" s="26"/>
      <c r="RFP122" s="26"/>
      <c r="RFQ122" s="26"/>
      <c r="RFR122" s="26"/>
      <c r="RFS122" s="26"/>
      <c r="RFT122" s="26"/>
      <c r="RFU122" s="26"/>
      <c r="RFV122" s="26"/>
      <c r="RFW122" s="26"/>
      <c r="RFX122" s="26"/>
      <c r="RFY122" s="26"/>
      <c r="RFZ122" s="26"/>
      <c r="RGA122" s="26"/>
      <c r="RGB122" s="26"/>
      <c r="RGC122" s="26"/>
      <c r="RGD122" s="26"/>
      <c r="RGE122" s="26"/>
      <c r="RGF122" s="26"/>
      <c r="RGG122" s="26"/>
      <c r="RGH122" s="26"/>
      <c r="RGI122" s="26"/>
      <c r="RGJ122" s="26"/>
      <c r="RGK122" s="26"/>
      <c r="RGL122" s="26"/>
      <c r="RGM122" s="26"/>
      <c r="RGN122" s="26"/>
      <c r="RGO122" s="26"/>
      <c r="RGP122" s="26"/>
      <c r="RGQ122" s="26"/>
      <c r="RGR122" s="26"/>
      <c r="RGS122" s="26"/>
      <c r="RGT122" s="26"/>
      <c r="RGU122" s="26"/>
      <c r="RGV122" s="26"/>
      <c r="RGW122" s="26"/>
      <c r="RGX122" s="26"/>
      <c r="RGY122" s="26"/>
      <c r="RGZ122" s="26"/>
      <c r="RHA122" s="26"/>
      <c r="RHB122" s="26"/>
      <c r="RHC122" s="26"/>
      <c r="RHD122" s="26"/>
      <c r="RHE122" s="26"/>
      <c r="RHF122" s="26"/>
      <c r="RHG122" s="26"/>
      <c r="RHH122" s="26"/>
      <c r="RHI122" s="26"/>
      <c r="RHJ122" s="26"/>
      <c r="RHK122" s="26"/>
      <c r="RHL122" s="26"/>
      <c r="RHM122" s="26"/>
      <c r="RHN122" s="26"/>
      <c r="RHO122" s="26"/>
      <c r="RHP122" s="26"/>
      <c r="RHQ122" s="26"/>
      <c r="RHR122" s="26"/>
      <c r="RHS122" s="26"/>
      <c r="RHT122" s="26"/>
      <c r="RHU122" s="26"/>
      <c r="RHV122" s="26"/>
      <c r="RHW122" s="26"/>
      <c r="RHX122" s="26"/>
      <c r="RHY122" s="26"/>
      <c r="RHZ122" s="26"/>
      <c r="RIA122" s="26"/>
      <c r="RIB122" s="26"/>
      <c r="RIC122" s="26"/>
      <c r="RID122" s="26"/>
      <c r="RIE122" s="26"/>
      <c r="RIF122" s="26"/>
      <c r="RIG122" s="26"/>
      <c r="RIH122" s="26"/>
      <c r="RII122" s="26"/>
      <c r="RIJ122" s="26"/>
      <c r="RIK122" s="26"/>
      <c r="RIL122" s="26"/>
      <c r="RIM122" s="26"/>
      <c r="RIN122" s="26"/>
      <c r="RIO122" s="26"/>
      <c r="RIP122" s="26"/>
      <c r="RIQ122" s="26"/>
      <c r="RIR122" s="26"/>
      <c r="RIS122" s="26"/>
      <c r="RIT122" s="26"/>
      <c r="RIU122" s="26"/>
      <c r="RIV122" s="26"/>
      <c r="RIW122" s="26"/>
      <c r="RIX122" s="26"/>
      <c r="RIY122" s="26"/>
      <c r="RIZ122" s="26"/>
      <c r="RJA122" s="26"/>
      <c r="RJB122" s="26"/>
      <c r="RJC122" s="26"/>
      <c r="RJD122" s="26"/>
      <c r="RJE122" s="26"/>
      <c r="RJF122" s="26"/>
      <c r="RJG122" s="26"/>
      <c r="RJH122" s="26"/>
      <c r="RJI122" s="26"/>
      <c r="RJJ122" s="26"/>
      <c r="RJK122" s="26"/>
      <c r="RJL122" s="26"/>
      <c r="RJM122" s="26"/>
      <c r="RJN122" s="26"/>
      <c r="RJO122" s="26"/>
      <c r="RJP122" s="26"/>
      <c r="RJQ122" s="26"/>
      <c r="RJR122" s="26"/>
      <c r="RJS122" s="26"/>
      <c r="RJT122" s="26"/>
      <c r="RJU122" s="26"/>
      <c r="RJV122" s="26"/>
      <c r="RJW122" s="26"/>
      <c r="RJX122" s="26"/>
      <c r="RJY122" s="26"/>
      <c r="RJZ122" s="26"/>
      <c r="RKA122" s="26"/>
      <c r="RKB122" s="26"/>
      <c r="RKC122" s="26"/>
      <c r="RKD122" s="26"/>
      <c r="RKE122" s="26"/>
      <c r="RKF122" s="26"/>
      <c r="RKG122" s="26"/>
      <c r="RKH122" s="26"/>
      <c r="RKI122" s="26"/>
      <c r="RKJ122" s="26"/>
      <c r="RKK122" s="26"/>
      <c r="RKL122" s="26"/>
      <c r="RKM122" s="26"/>
      <c r="RKN122" s="26"/>
      <c r="RKO122" s="26"/>
      <c r="RKP122" s="26"/>
      <c r="RKQ122" s="26"/>
      <c r="RKR122" s="26"/>
      <c r="RKS122" s="26"/>
      <c r="RKT122" s="26"/>
      <c r="RKU122" s="26"/>
      <c r="RKV122" s="26"/>
      <c r="RKW122" s="26"/>
      <c r="RKX122" s="26"/>
      <c r="RKY122" s="26"/>
      <c r="RKZ122" s="26"/>
      <c r="RLA122" s="26"/>
      <c r="RLB122" s="26"/>
      <c r="RLC122" s="26"/>
      <c r="RLD122" s="26"/>
      <c r="RLE122" s="26"/>
      <c r="RLF122" s="26"/>
      <c r="RLG122" s="26"/>
      <c r="RLH122" s="26"/>
      <c r="RLI122" s="26"/>
      <c r="RLJ122" s="26"/>
      <c r="RLK122" s="26"/>
      <c r="RLL122" s="26"/>
      <c r="RLM122" s="26"/>
      <c r="RLN122" s="26"/>
      <c r="RLO122" s="26"/>
      <c r="RLP122" s="26"/>
      <c r="RLQ122" s="26"/>
      <c r="RLR122" s="26"/>
      <c r="RLS122" s="26"/>
      <c r="RLT122" s="26"/>
      <c r="RLU122" s="26"/>
      <c r="RLV122" s="26"/>
      <c r="RLW122" s="26"/>
      <c r="RLX122" s="26"/>
      <c r="RLY122" s="26"/>
      <c r="RLZ122" s="26"/>
      <c r="RMA122" s="26"/>
      <c r="RMB122" s="26"/>
      <c r="RMC122" s="26"/>
      <c r="RMD122" s="26"/>
      <c r="RME122" s="26"/>
      <c r="RMF122" s="26"/>
      <c r="RMG122" s="26"/>
      <c r="RMH122" s="26"/>
      <c r="RMI122" s="26"/>
      <c r="RMJ122" s="26"/>
      <c r="RMK122" s="26"/>
      <c r="RML122" s="26"/>
      <c r="RMM122" s="26"/>
      <c r="RMN122" s="26"/>
      <c r="RMO122" s="26"/>
      <c r="RMP122" s="26"/>
      <c r="RMQ122" s="26"/>
      <c r="RMR122" s="26"/>
      <c r="RMS122" s="26"/>
      <c r="RMT122" s="26"/>
      <c r="RMU122" s="26"/>
      <c r="RMV122" s="26"/>
      <c r="RMW122" s="26"/>
      <c r="RMX122" s="26"/>
      <c r="RMY122" s="26"/>
      <c r="RMZ122" s="26"/>
      <c r="RNA122" s="26"/>
      <c r="RNB122" s="26"/>
      <c r="RNC122" s="26"/>
      <c r="RND122" s="26"/>
      <c r="RNE122" s="26"/>
      <c r="RNF122" s="26"/>
      <c r="RNG122" s="26"/>
      <c r="RNH122" s="26"/>
      <c r="RNI122" s="26"/>
      <c r="RNJ122" s="26"/>
      <c r="RNK122" s="26"/>
      <c r="RNL122" s="26"/>
      <c r="RNM122" s="26"/>
      <c r="RNN122" s="26"/>
      <c r="RNO122" s="26"/>
      <c r="RNP122" s="26"/>
      <c r="RNQ122" s="26"/>
      <c r="RNR122" s="26"/>
      <c r="RNS122" s="26"/>
      <c r="RNT122" s="26"/>
      <c r="RNU122" s="26"/>
      <c r="RNV122" s="26"/>
      <c r="RNW122" s="26"/>
      <c r="RNX122" s="26"/>
      <c r="RNY122" s="26"/>
      <c r="RNZ122" s="26"/>
      <c r="ROA122" s="26"/>
      <c r="ROB122" s="26"/>
      <c r="ROC122" s="26"/>
      <c r="ROD122" s="26"/>
      <c r="ROE122" s="26"/>
      <c r="ROF122" s="26"/>
      <c r="ROG122" s="26"/>
      <c r="ROH122" s="26"/>
      <c r="ROI122" s="26"/>
      <c r="ROJ122" s="26"/>
      <c r="ROK122" s="26"/>
      <c r="ROL122" s="26"/>
      <c r="ROM122" s="26"/>
      <c r="RON122" s="26"/>
      <c r="ROO122" s="26"/>
      <c r="ROP122" s="26"/>
      <c r="ROQ122" s="26"/>
      <c r="ROR122" s="26"/>
      <c r="ROS122" s="26"/>
      <c r="ROT122" s="26"/>
      <c r="ROU122" s="26"/>
      <c r="ROV122" s="26"/>
      <c r="ROW122" s="26"/>
      <c r="ROX122" s="26"/>
      <c r="ROY122" s="26"/>
      <c r="ROZ122" s="26"/>
      <c r="RPA122" s="26"/>
      <c r="RPB122" s="26"/>
      <c r="RPC122" s="26"/>
      <c r="RPD122" s="26"/>
      <c r="RPE122" s="26"/>
      <c r="RPF122" s="26"/>
      <c r="RPG122" s="26"/>
      <c r="RPH122" s="26"/>
      <c r="RPI122" s="26"/>
      <c r="RPJ122" s="26"/>
      <c r="RPK122" s="26"/>
      <c r="RPL122" s="26"/>
      <c r="RPM122" s="26"/>
      <c r="RPN122" s="26"/>
      <c r="RPO122" s="26"/>
      <c r="RPP122" s="26"/>
      <c r="RPQ122" s="26"/>
      <c r="RPR122" s="26"/>
      <c r="RPS122" s="26"/>
      <c r="RPT122" s="26"/>
      <c r="RPU122" s="26"/>
      <c r="RPV122" s="26"/>
      <c r="RPW122" s="26"/>
      <c r="RPX122" s="26"/>
      <c r="RPY122" s="26"/>
      <c r="RPZ122" s="26"/>
      <c r="RQA122" s="26"/>
      <c r="RQB122" s="26"/>
      <c r="RQC122" s="26"/>
      <c r="RQD122" s="26"/>
      <c r="RQE122" s="26"/>
      <c r="RQF122" s="26"/>
      <c r="RQG122" s="26"/>
      <c r="RQH122" s="26"/>
      <c r="RQI122" s="26"/>
      <c r="RQJ122" s="26"/>
      <c r="RQK122" s="26"/>
      <c r="RQL122" s="26"/>
      <c r="RQM122" s="26"/>
      <c r="RQN122" s="26"/>
      <c r="RQO122" s="26"/>
      <c r="RQP122" s="26"/>
      <c r="RQQ122" s="26"/>
      <c r="RQR122" s="26"/>
      <c r="RQS122" s="26"/>
      <c r="RQT122" s="26"/>
      <c r="RQU122" s="26"/>
      <c r="RQV122" s="26"/>
      <c r="RQW122" s="26"/>
      <c r="RQX122" s="26"/>
      <c r="RQY122" s="26"/>
      <c r="RQZ122" s="26"/>
      <c r="RRA122" s="26"/>
      <c r="RRB122" s="26"/>
      <c r="RRC122" s="26"/>
      <c r="RRD122" s="26"/>
      <c r="RRE122" s="26"/>
      <c r="RRF122" s="26"/>
      <c r="RRG122" s="26"/>
      <c r="RRH122" s="26"/>
      <c r="RRI122" s="26"/>
      <c r="RRJ122" s="26"/>
      <c r="RRK122" s="26"/>
      <c r="RRL122" s="26"/>
      <c r="RRM122" s="26"/>
      <c r="RRN122" s="26"/>
      <c r="RRO122" s="26"/>
      <c r="RRP122" s="26"/>
      <c r="RRQ122" s="26"/>
      <c r="RRR122" s="26"/>
      <c r="RRS122" s="26"/>
      <c r="RRT122" s="26"/>
      <c r="RRU122" s="26"/>
      <c r="RRV122" s="26"/>
      <c r="RRW122" s="26"/>
      <c r="RRX122" s="26"/>
      <c r="RRY122" s="26"/>
      <c r="RRZ122" s="26"/>
      <c r="RSA122" s="26"/>
      <c r="RSB122" s="26"/>
      <c r="RSC122" s="26"/>
      <c r="RSD122" s="26"/>
      <c r="RSE122" s="26"/>
      <c r="RSF122" s="26"/>
      <c r="RSG122" s="26"/>
      <c r="RSH122" s="26"/>
      <c r="RSI122" s="26"/>
      <c r="RSJ122" s="26"/>
      <c r="RSK122" s="26"/>
      <c r="RSL122" s="26"/>
      <c r="RSM122" s="26"/>
      <c r="RSN122" s="26"/>
      <c r="RSO122" s="26"/>
      <c r="RSP122" s="26"/>
      <c r="RSQ122" s="26"/>
      <c r="RSR122" s="26"/>
      <c r="RSS122" s="26"/>
      <c r="RST122" s="26"/>
      <c r="RSU122" s="26"/>
      <c r="RSV122" s="26"/>
      <c r="RSW122" s="26"/>
      <c r="RSX122" s="26"/>
      <c r="RSY122" s="26"/>
      <c r="RSZ122" s="26"/>
      <c r="RTA122" s="26"/>
      <c r="RTB122" s="26"/>
      <c r="RTC122" s="26"/>
      <c r="RTD122" s="26"/>
      <c r="RTE122" s="26"/>
      <c r="RTF122" s="26"/>
      <c r="RTG122" s="26"/>
      <c r="RTH122" s="26"/>
      <c r="RTI122" s="26"/>
      <c r="RTJ122" s="26"/>
      <c r="RTK122" s="26"/>
      <c r="RTL122" s="26"/>
      <c r="RTM122" s="26"/>
      <c r="RTN122" s="26"/>
      <c r="RTO122" s="26"/>
      <c r="RTP122" s="26"/>
      <c r="RTQ122" s="26"/>
      <c r="RTR122" s="26"/>
      <c r="RTS122" s="26"/>
      <c r="RTT122" s="26"/>
      <c r="RTU122" s="26"/>
      <c r="RTV122" s="26"/>
      <c r="RTW122" s="26"/>
      <c r="RTX122" s="26"/>
      <c r="RTY122" s="26"/>
      <c r="RTZ122" s="26"/>
      <c r="RUA122" s="26"/>
      <c r="RUB122" s="26"/>
      <c r="RUC122" s="26"/>
      <c r="RUD122" s="26"/>
      <c r="RUE122" s="26"/>
      <c r="RUF122" s="26"/>
      <c r="RUG122" s="26"/>
      <c r="RUH122" s="26"/>
      <c r="RUI122" s="26"/>
      <c r="RUJ122" s="26"/>
      <c r="RUK122" s="26"/>
      <c r="RUL122" s="26"/>
      <c r="RUM122" s="26"/>
      <c r="RUN122" s="26"/>
      <c r="RUO122" s="26"/>
      <c r="RUP122" s="26"/>
      <c r="RUQ122" s="26"/>
      <c r="RUR122" s="26"/>
      <c r="RUS122" s="26"/>
      <c r="RUT122" s="26"/>
      <c r="RUU122" s="26"/>
      <c r="RUV122" s="26"/>
      <c r="RUW122" s="26"/>
      <c r="RUX122" s="26"/>
      <c r="RUY122" s="26"/>
      <c r="RUZ122" s="26"/>
      <c r="RVA122" s="26"/>
      <c r="RVB122" s="26"/>
      <c r="RVC122" s="26"/>
      <c r="RVD122" s="26"/>
      <c r="RVE122" s="26"/>
      <c r="RVF122" s="26"/>
      <c r="RVG122" s="26"/>
      <c r="RVH122" s="26"/>
      <c r="RVI122" s="26"/>
      <c r="RVJ122" s="26"/>
      <c r="RVK122" s="26"/>
      <c r="RVL122" s="26"/>
      <c r="RVM122" s="26"/>
      <c r="RVN122" s="26"/>
      <c r="RVO122" s="26"/>
      <c r="RVP122" s="26"/>
      <c r="RVQ122" s="26"/>
      <c r="RVR122" s="26"/>
      <c r="RVS122" s="26"/>
      <c r="RVT122" s="26"/>
      <c r="RVU122" s="26"/>
      <c r="RVV122" s="26"/>
      <c r="RVW122" s="26"/>
      <c r="RVX122" s="26"/>
      <c r="RVY122" s="26"/>
      <c r="RVZ122" s="26"/>
      <c r="RWA122" s="26"/>
      <c r="RWB122" s="26"/>
      <c r="RWC122" s="26"/>
      <c r="RWD122" s="26"/>
      <c r="RWE122" s="26"/>
      <c r="RWF122" s="26"/>
      <c r="RWG122" s="26"/>
      <c r="RWH122" s="26"/>
      <c r="RWI122" s="26"/>
      <c r="RWJ122" s="26"/>
      <c r="RWK122" s="26"/>
      <c r="RWL122" s="26"/>
      <c r="RWM122" s="26"/>
      <c r="RWN122" s="26"/>
      <c r="RWO122" s="26"/>
      <c r="RWP122" s="26"/>
      <c r="RWQ122" s="26"/>
      <c r="RWR122" s="26"/>
      <c r="RWS122" s="26"/>
      <c r="RWT122" s="26"/>
      <c r="RWU122" s="26"/>
      <c r="RWV122" s="26"/>
      <c r="RWW122" s="26"/>
      <c r="RWX122" s="26"/>
      <c r="RWY122" s="26"/>
      <c r="RWZ122" s="26"/>
      <c r="RXA122" s="26"/>
      <c r="RXB122" s="26"/>
      <c r="RXC122" s="26"/>
      <c r="RXD122" s="26"/>
      <c r="RXE122" s="26"/>
      <c r="RXF122" s="26"/>
      <c r="RXG122" s="26"/>
      <c r="RXH122" s="26"/>
      <c r="RXI122" s="26"/>
      <c r="RXJ122" s="26"/>
      <c r="RXK122" s="26"/>
      <c r="RXL122" s="26"/>
      <c r="RXM122" s="26"/>
      <c r="RXN122" s="26"/>
      <c r="RXO122" s="26"/>
      <c r="RXP122" s="26"/>
      <c r="RXQ122" s="26"/>
      <c r="RXR122" s="26"/>
      <c r="RXS122" s="26"/>
      <c r="RXT122" s="26"/>
      <c r="RXU122" s="26"/>
      <c r="RXV122" s="26"/>
      <c r="RXW122" s="26"/>
      <c r="RXX122" s="26"/>
      <c r="RXY122" s="26"/>
      <c r="RXZ122" s="26"/>
      <c r="RYA122" s="26"/>
      <c r="RYB122" s="26"/>
      <c r="RYC122" s="26"/>
      <c r="RYD122" s="26"/>
      <c r="RYE122" s="26"/>
      <c r="RYF122" s="26"/>
      <c r="RYG122" s="26"/>
      <c r="RYH122" s="26"/>
      <c r="RYI122" s="26"/>
      <c r="RYJ122" s="26"/>
      <c r="RYK122" s="26"/>
      <c r="RYL122" s="26"/>
      <c r="RYM122" s="26"/>
      <c r="RYN122" s="26"/>
      <c r="RYO122" s="26"/>
      <c r="RYP122" s="26"/>
      <c r="RYQ122" s="26"/>
      <c r="RYR122" s="26"/>
      <c r="RYS122" s="26"/>
      <c r="RYT122" s="26"/>
      <c r="RYU122" s="26"/>
      <c r="RYV122" s="26"/>
      <c r="RYW122" s="26"/>
      <c r="RYX122" s="26"/>
      <c r="RYY122" s="26"/>
      <c r="RYZ122" s="26"/>
      <c r="RZA122" s="26"/>
      <c r="RZB122" s="26"/>
      <c r="RZC122" s="26"/>
      <c r="RZD122" s="26"/>
      <c r="RZE122" s="26"/>
      <c r="RZF122" s="26"/>
      <c r="RZG122" s="26"/>
      <c r="RZH122" s="26"/>
      <c r="RZI122" s="26"/>
      <c r="RZJ122" s="26"/>
      <c r="RZK122" s="26"/>
      <c r="RZL122" s="26"/>
      <c r="RZM122" s="26"/>
      <c r="RZN122" s="26"/>
      <c r="RZO122" s="26"/>
      <c r="RZP122" s="26"/>
      <c r="RZQ122" s="26"/>
      <c r="RZR122" s="26"/>
      <c r="RZS122" s="26"/>
      <c r="RZT122" s="26"/>
      <c r="RZU122" s="26"/>
      <c r="RZV122" s="26"/>
      <c r="RZW122" s="26"/>
      <c r="RZX122" s="26"/>
      <c r="RZY122" s="26"/>
      <c r="RZZ122" s="26"/>
      <c r="SAA122" s="26"/>
      <c r="SAB122" s="26"/>
      <c r="SAC122" s="26"/>
      <c r="SAD122" s="26"/>
      <c r="SAE122" s="26"/>
      <c r="SAF122" s="26"/>
      <c r="SAG122" s="26"/>
      <c r="SAH122" s="26"/>
      <c r="SAI122" s="26"/>
      <c r="SAJ122" s="26"/>
      <c r="SAK122" s="26"/>
      <c r="SAL122" s="26"/>
      <c r="SAM122" s="26"/>
      <c r="SAN122" s="26"/>
      <c r="SAO122" s="26"/>
      <c r="SAP122" s="26"/>
      <c r="SAQ122" s="26"/>
      <c r="SAR122" s="26"/>
      <c r="SAS122" s="26"/>
      <c r="SAT122" s="26"/>
      <c r="SAU122" s="26"/>
      <c r="SAV122" s="26"/>
      <c r="SAW122" s="26"/>
      <c r="SAX122" s="26"/>
      <c r="SAY122" s="26"/>
      <c r="SAZ122" s="26"/>
      <c r="SBA122" s="26"/>
      <c r="SBB122" s="26"/>
      <c r="SBC122" s="26"/>
      <c r="SBD122" s="26"/>
      <c r="SBE122" s="26"/>
      <c r="SBF122" s="26"/>
      <c r="SBG122" s="26"/>
      <c r="SBH122" s="26"/>
      <c r="SBI122" s="26"/>
      <c r="SBJ122" s="26"/>
      <c r="SBK122" s="26"/>
      <c r="SBL122" s="26"/>
      <c r="SBM122" s="26"/>
      <c r="SBN122" s="26"/>
      <c r="SBO122" s="26"/>
      <c r="SBP122" s="26"/>
      <c r="SBQ122" s="26"/>
      <c r="SBR122" s="26"/>
      <c r="SBS122" s="26"/>
      <c r="SBT122" s="26"/>
      <c r="SBU122" s="26"/>
      <c r="SBV122" s="26"/>
      <c r="SBW122" s="26"/>
      <c r="SBX122" s="26"/>
      <c r="SBY122" s="26"/>
      <c r="SBZ122" s="26"/>
      <c r="SCA122" s="26"/>
      <c r="SCB122" s="26"/>
      <c r="SCC122" s="26"/>
      <c r="SCD122" s="26"/>
      <c r="SCE122" s="26"/>
      <c r="SCF122" s="26"/>
      <c r="SCG122" s="26"/>
      <c r="SCH122" s="26"/>
      <c r="SCI122" s="26"/>
      <c r="SCJ122" s="26"/>
      <c r="SCK122" s="26"/>
      <c r="SCL122" s="26"/>
      <c r="SCM122" s="26"/>
      <c r="SCN122" s="26"/>
      <c r="SCO122" s="26"/>
      <c r="SCP122" s="26"/>
      <c r="SCQ122" s="26"/>
      <c r="SCR122" s="26"/>
      <c r="SCS122" s="26"/>
      <c r="SCT122" s="26"/>
      <c r="SCU122" s="26"/>
      <c r="SCV122" s="26"/>
      <c r="SCW122" s="26"/>
      <c r="SCX122" s="26"/>
      <c r="SCY122" s="26"/>
      <c r="SCZ122" s="26"/>
      <c r="SDA122" s="26"/>
      <c r="SDB122" s="26"/>
      <c r="SDC122" s="26"/>
      <c r="SDD122" s="26"/>
      <c r="SDE122" s="26"/>
      <c r="SDF122" s="26"/>
      <c r="SDG122" s="26"/>
      <c r="SDH122" s="26"/>
      <c r="SDI122" s="26"/>
      <c r="SDJ122" s="26"/>
      <c r="SDK122" s="26"/>
      <c r="SDL122" s="26"/>
      <c r="SDM122" s="26"/>
      <c r="SDN122" s="26"/>
      <c r="SDO122" s="26"/>
      <c r="SDP122" s="26"/>
      <c r="SDQ122" s="26"/>
      <c r="SDR122" s="26"/>
      <c r="SDS122" s="26"/>
      <c r="SDT122" s="26"/>
      <c r="SDU122" s="26"/>
      <c r="SDV122" s="26"/>
      <c r="SDW122" s="26"/>
      <c r="SDX122" s="26"/>
      <c r="SDY122" s="26"/>
      <c r="SDZ122" s="26"/>
      <c r="SEA122" s="26"/>
      <c r="SEB122" s="26"/>
      <c r="SEC122" s="26"/>
      <c r="SED122" s="26"/>
      <c r="SEE122" s="26"/>
      <c r="SEF122" s="26"/>
      <c r="SEG122" s="26"/>
      <c r="SEH122" s="26"/>
      <c r="SEI122" s="26"/>
      <c r="SEJ122" s="26"/>
      <c r="SEK122" s="26"/>
      <c r="SEL122" s="26"/>
      <c r="SEM122" s="26"/>
      <c r="SEN122" s="26"/>
      <c r="SEO122" s="26"/>
      <c r="SEP122" s="26"/>
      <c r="SEQ122" s="26"/>
      <c r="SER122" s="26"/>
      <c r="SES122" s="26"/>
      <c r="SET122" s="26"/>
      <c r="SEU122" s="26"/>
      <c r="SEV122" s="26"/>
      <c r="SEW122" s="26"/>
      <c r="SEX122" s="26"/>
      <c r="SEY122" s="26"/>
      <c r="SEZ122" s="26"/>
      <c r="SFA122" s="26"/>
      <c r="SFB122" s="26"/>
      <c r="SFC122" s="26"/>
      <c r="SFD122" s="26"/>
      <c r="SFE122" s="26"/>
      <c r="SFF122" s="26"/>
      <c r="SFG122" s="26"/>
      <c r="SFH122" s="26"/>
      <c r="SFI122" s="26"/>
      <c r="SFJ122" s="26"/>
      <c r="SFK122" s="26"/>
      <c r="SFL122" s="26"/>
      <c r="SFM122" s="26"/>
      <c r="SFN122" s="26"/>
      <c r="SFO122" s="26"/>
      <c r="SFP122" s="26"/>
      <c r="SFQ122" s="26"/>
      <c r="SFR122" s="26"/>
      <c r="SFS122" s="26"/>
      <c r="SFT122" s="26"/>
      <c r="SFU122" s="26"/>
      <c r="SFV122" s="26"/>
      <c r="SFW122" s="26"/>
      <c r="SFX122" s="26"/>
      <c r="SFY122" s="26"/>
      <c r="SFZ122" s="26"/>
      <c r="SGA122" s="26"/>
      <c r="SGB122" s="26"/>
      <c r="SGC122" s="26"/>
      <c r="SGD122" s="26"/>
      <c r="SGE122" s="26"/>
      <c r="SGF122" s="26"/>
      <c r="SGG122" s="26"/>
      <c r="SGH122" s="26"/>
      <c r="SGI122" s="26"/>
      <c r="SGJ122" s="26"/>
      <c r="SGK122" s="26"/>
      <c r="SGL122" s="26"/>
      <c r="SGM122" s="26"/>
      <c r="SGN122" s="26"/>
      <c r="SGO122" s="26"/>
      <c r="SGP122" s="26"/>
      <c r="SGQ122" s="26"/>
      <c r="SGR122" s="26"/>
      <c r="SGS122" s="26"/>
      <c r="SGT122" s="26"/>
      <c r="SGU122" s="26"/>
      <c r="SGV122" s="26"/>
      <c r="SGW122" s="26"/>
      <c r="SGX122" s="26"/>
      <c r="SGY122" s="26"/>
      <c r="SGZ122" s="26"/>
      <c r="SHA122" s="26"/>
      <c r="SHB122" s="26"/>
      <c r="SHC122" s="26"/>
      <c r="SHD122" s="26"/>
      <c r="SHE122" s="26"/>
      <c r="SHF122" s="26"/>
      <c r="SHG122" s="26"/>
      <c r="SHH122" s="26"/>
      <c r="SHI122" s="26"/>
      <c r="SHJ122" s="26"/>
      <c r="SHK122" s="26"/>
      <c r="SHL122" s="26"/>
      <c r="SHM122" s="26"/>
      <c r="SHN122" s="26"/>
      <c r="SHO122" s="26"/>
      <c r="SHP122" s="26"/>
      <c r="SHQ122" s="26"/>
      <c r="SHR122" s="26"/>
      <c r="SHS122" s="26"/>
      <c r="SHT122" s="26"/>
      <c r="SHU122" s="26"/>
      <c r="SHV122" s="26"/>
      <c r="SHW122" s="26"/>
      <c r="SHX122" s="26"/>
      <c r="SHY122" s="26"/>
      <c r="SHZ122" s="26"/>
      <c r="SIA122" s="26"/>
      <c r="SIB122" s="26"/>
      <c r="SIC122" s="26"/>
      <c r="SID122" s="26"/>
      <c r="SIE122" s="26"/>
      <c r="SIF122" s="26"/>
      <c r="SIG122" s="26"/>
      <c r="SIH122" s="26"/>
      <c r="SII122" s="26"/>
      <c r="SIJ122" s="26"/>
      <c r="SIK122" s="26"/>
      <c r="SIL122" s="26"/>
      <c r="SIM122" s="26"/>
      <c r="SIN122" s="26"/>
      <c r="SIO122" s="26"/>
      <c r="SIP122" s="26"/>
      <c r="SIQ122" s="26"/>
      <c r="SIR122" s="26"/>
      <c r="SIS122" s="26"/>
      <c r="SIT122" s="26"/>
      <c r="SIU122" s="26"/>
      <c r="SIV122" s="26"/>
      <c r="SIW122" s="26"/>
      <c r="SIX122" s="26"/>
      <c r="SIY122" s="26"/>
      <c r="SIZ122" s="26"/>
      <c r="SJA122" s="26"/>
      <c r="SJB122" s="26"/>
      <c r="SJC122" s="26"/>
      <c r="SJD122" s="26"/>
      <c r="SJE122" s="26"/>
      <c r="SJF122" s="26"/>
      <c r="SJG122" s="26"/>
      <c r="SJH122" s="26"/>
      <c r="SJI122" s="26"/>
      <c r="SJJ122" s="26"/>
      <c r="SJK122" s="26"/>
      <c r="SJL122" s="26"/>
      <c r="SJM122" s="26"/>
      <c r="SJN122" s="26"/>
      <c r="SJO122" s="26"/>
      <c r="SJP122" s="26"/>
      <c r="SJQ122" s="26"/>
      <c r="SJR122" s="26"/>
      <c r="SJS122" s="26"/>
      <c r="SJT122" s="26"/>
      <c r="SJU122" s="26"/>
      <c r="SJV122" s="26"/>
      <c r="SJW122" s="26"/>
      <c r="SJX122" s="26"/>
      <c r="SJY122" s="26"/>
      <c r="SJZ122" s="26"/>
      <c r="SKA122" s="26"/>
      <c r="SKB122" s="26"/>
      <c r="SKC122" s="26"/>
      <c r="SKD122" s="26"/>
      <c r="SKE122" s="26"/>
      <c r="SKF122" s="26"/>
      <c r="SKG122" s="26"/>
      <c r="SKH122" s="26"/>
      <c r="SKI122" s="26"/>
      <c r="SKJ122" s="26"/>
      <c r="SKK122" s="26"/>
      <c r="SKL122" s="26"/>
      <c r="SKM122" s="26"/>
      <c r="SKN122" s="26"/>
      <c r="SKO122" s="26"/>
      <c r="SKP122" s="26"/>
      <c r="SKQ122" s="26"/>
      <c r="SKR122" s="26"/>
      <c r="SKS122" s="26"/>
      <c r="SKT122" s="26"/>
      <c r="SKU122" s="26"/>
      <c r="SKV122" s="26"/>
      <c r="SKW122" s="26"/>
      <c r="SKX122" s="26"/>
      <c r="SKY122" s="26"/>
      <c r="SKZ122" s="26"/>
      <c r="SLA122" s="26"/>
      <c r="SLB122" s="26"/>
      <c r="SLC122" s="26"/>
      <c r="SLD122" s="26"/>
      <c r="SLE122" s="26"/>
      <c r="SLF122" s="26"/>
      <c r="SLG122" s="26"/>
      <c r="SLH122" s="26"/>
      <c r="SLI122" s="26"/>
      <c r="SLJ122" s="26"/>
      <c r="SLK122" s="26"/>
      <c r="SLL122" s="26"/>
      <c r="SLM122" s="26"/>
      <c r="SLN122" s="26"/>
      <c r="SLO122" s="26"/>
      <c r="SLP122" s="26"/>
      <c r="SLQ122" s="26"/>
      <c r="SLR122" s="26"/>
      <c r="SLS122" s="26"/>
      <c r="SLT122" s="26"/>
      <c r="SLU122" s="26"/>
      <c r="SLV122" s="26"/>
      <c r="SLW122" s="26"/>
      <c r="SLX122" s="26"/>
      <c r="SLY122" s="26"/>
      <c r="SLZ122" s="26"/>
      <c r="SMA122" s="26"/>
      <c r="SMB122" s="26"/>
      <c r="SMC122" s="26"/>
      <c r="SMD122" s="26"/>
      <c r="SME122" s="26"/>
      <c r="SMF122" s="26"/>
      <c r="SMG122" s="26"/>
      <c r="SMH122" s="26"/>
      <c r="SMI122" s="26"/>
      <c r="SMJ122" s="26"/>
      <c r="SMK122" s="26"/>
      <c r="SML122" s="26"/>
      <c r="SMM122" s="26"/>
      <c r="SMN122" s="26"/>
      <c r="SMO122" s="26"/>
      <c r="SMP122" s="26"/>
      <c r="SMQ122" s="26"/>
      <c r="SMR122" s="26"/>
      <c r="SMS122" s="26"/>
      <c r="SMT122" s="26"/>
      <c r="SMU122" s="26"/>
      <c r="SMV122" s="26"/>
      <c r="SMW122" s="26"/>
      <c r="SMX122" s="26"/>
      <c r="SMY122" s="26"/>
      <c r="SMZ122" s="26"/>
      <c r="SNA122" s="26"/>
      <c r="SNB122" s="26"/>
      <c r="SNC122" s="26"/>
      <c r="SND122" s="26"/>
      <c r="SNE122" s="26"/>
      <c r="SNF122" s="26"/>
      <c r="SNG122" s="26"/>
      <c r="SNH122" s="26"/>
      <c r="SNI122" s="26"/>
      <c r="SNJ122" s="26"/>
      <c r="SNK122" s="26"/>
      <c r="SNL122" s="26"/>
      <c r="SNM122" s="26"/>
      <c r="SNN122" s="26"/>
      <c r="SNO122" s="26"/>
      <c r="SNP122" s="26"/>
      <c r="SNQ122" s="26"/>
      <c r="SNR122" s="26"/>
      <c r="SNS122" s="26"/>
      <c r="SNT122" s="26"/>
      <c r="SNU122" s="26"/>
      <c r="SNV122" s="26"/>
      <c r="SNW122" s="26"/>
      <c r="SNX122" s="26"/>
      <c r="SNY122" s="26"/>
      <c r="SNZ122" s="26"/>
      <c r="SOA122" s="26"/>
      <c r="SOB122" s="26"/>
      <c r="SOC122" s="26"/>
      <c r="SOD122" s="26"/>
      <c r="SOE122" s="26"/>
      <c r="SOF122" s="26"/>
      <c r="SOG122" s="26"/>
      <c r="SOH122" s="26"/>
      <c r="SOI122" s="26"/>
      <c r="SOJ122" s="26"/>
      <c r="SOK122" s="26"/>
      <c r="SOL122" s="26"/>
      <c r="SOM122" s="26"/>
      <c r="SON122" s="26"/>
      <c r="SOO122" s="26"/>
      <c r="SOP122" s="26"/>
      <c r="SOQ122" s="26"/>
      <c r="SOR122" s="26"/>
      <c r="SOS122" s="26"/>
      <c r="SOT122" s="26"/>
      <c r="SOU122" s="26"/>
      <c r="SOV122" s="26"/>
      <c r="SOW122" s="26"/>
      <c r="SOX122" s="26"/>
      <c r="SOY122" s="26"/>
      <c r="SOZ122" s="26"/>
      <c r="SPA122" s="26"/>
      <c r="SPB122" s="26"/>
      <c r="SPC122" s="26"/>
      <c r="SPD122" s="26"/>
      <c r="SPE122" s="26"/>
      <c r="SPF122" s="26"/>
      <c r="SPG122" s="26"/>
      <c r="SPH122" s="26"/>
      <c r="SPI122" s="26"/>
      <c r="SPJ122" s="26"/>
      <c r="SPK122" s="26"/>
      <c r="SPL122" s="26"/>
      <c r="SPM122" s="26"/>
      <c r="SPN122" s="26"/>
      <c r="SPO122" s="26"/>
      <c r="SPP122" s="26"/>
      <c r="SPQ122" s="26"/>
      <c r="SPR122" s="26"/>
      <c r="SPS122" s="26"/>
      <c r="SPT122" s="26"/>
      <c r="SPU122" s="26"/>
      <c r="SPV122" s="26"/>
      <c r="SPW122" s="26"/>
      <c r="SPX122" s="26"/>
      <c r="SPY122" s="26"/>
      <c r="SPZ122" s="26"/>
      <c r="SQA122" s="26"/>
      <c r="SQB122" s="26"/>
      <c r="SQC122" s="26"/>
      <c r="SQD122" s="26"/>
      <c r="SQE122" s="26"/>
      <c r="SQF122" s="26"/>
      <c r="SQG122" s="26"/>
      <c r="SQH122" s="26"/>
      <c r="SQI122" s="26"/>
      <c r="SQJ122" s="26"/>
      <c r="SQK122" s="26"/>
      <c r="SQL122" s="26"/>
      <c r="SQM122" s="26"/>
      <c r="SQN122" s="26"/>
      <c r="SQO122" s="26"/>
      <c r="SQP122" s="26"/>
      <c r="SQQ122" s="26"/>
      <c r="SQR122" s="26"/>
      <c r="SQS122" s="26"/>
      <c r="SQT122" s="26"/>
      <c r="SQU122" s="26"/>
      <c r="SQV122" s="26"/>
      <c r="SQW122" s="26"/>
      <c r="SQX122" s="26"/>
      <c r="SQY122" s="26"/>
      <c r="SQZ122" s="26"/>
      <c r="SRA122" s="26"/>
      <c r="SRB122" s="26"/>
      <c r="SRC122" s="26"/>
      <c r="SRD122" s="26"/>
      <c r="SRE122" s="26"/>
      <c r="SRF122" s="26"/>
      <c r="SRG122" s="26"/>
      <c r="SRH122" s="26"/>
      <c r="SRI122" s="26"/>
      <c r="SRJ122" s="26"/>
      <c r="SRK122" s="26"/>
      <c r="SRL122" s="26"/>
      <c r="SRM122" s="26"/>
      <c r="SRN122" s="26"/>
      <c r="SRO122" s="26"/>
      <c r="SRP122" s="26"/>
      <c r="SRQ122" s="26"/>
      <c r="SRR122" s="26"/>
      <c r="SRS122" s="26"/>
      <c r="SRT122" s="26"/>
      <c r="SRU122" s="26"/>
      <c r="SRV122" s="26"/>
      <c r="SRW122" s="26"/>
      <c r="SRX122" s="26"/>
      <c r="SRY122" s="26"/>
      <c r="SRZ122" s="26"/>
      <c r="SSA122" s="26"/>
      <c r="SSB122" s="26"/>
      <c r="SSC122" s="26"/>
      <c r="SSD122" s="26"/>
      <c r="SSE122" s="26"/>
      <c r="SSF122" s="26"/>
      <c r="SSG122" s="26"/>
      <c r="SSH122" s="26"/>
      <c r="SSI122" s="26"/>
      <c r="SSJ122" s="26"/>
      <c r="SSK122" s="26"/>
      <c r="SSL122" s="26"/>
      <c r="SSM122" s="26"/>
      <c r="SSN122" s="26"/>
      <c r="SSO122" s="26"/>
      <c r="SSP122" s="26"/>
      <c r="SSQ122" s="26"/>
      <c r="SSR122" s="26"/>
      <c r="SSS122" s="26"/>
      <c r="SST122" s="26"/>
      <c r="SSU122" s="26"/>
      <c r="SSV122" s="26"/>
      <c r="SSW122" s="26"/>
      <c r="SSX122" s="26"/>
      <c r="SSY122" s="26"/>
      <c r="SSZ122" s="26"/>
      <c r="STA122" s="26"/>
      <c r="STB122" s="26"/>
      <c r="STC122" s="26"/>
      <c r="STD122" s="26"/>
      <c r="STE122" s="26"/>
      <c r="STF122" s="26"/>
      <c r="STG122" s="26"/>
      <c r="STH122" s="26"/>
      <c r="STI122" s="26"/>
      <c r="STJ122" s="26"/>
      <c r="STK122" s="26"/>
      <c r="STL122" s="26"/>
      <c r="STM122" s="26"/>
      <c r="STN122" s="26"/>
      <c r="STO122" s="26"/>
      <c r="STP122" s="26"/>
      <c r="STQ122" s="26"/>
      <c r="STR122" s="26"/>
      <c r="STS122" s="26"/>
      <c r="STT122" s="26"/>
      <c r="STU122" s="26"/>
      <c r="STV122" s="26"/>
      <c r="STW122" s="26"/>
      <c r="STX122" s="26"/>
      <c r="STY122" s="26"/>
      <c r="STZ122" s="26"/>
      <c r="SUA122" s="26"/>
      <c r="SUB122" s="26"/>
      <c r="SUC122" s="26"/>
      <c r="SUD122" s="26"/>
      <c r="SUE122" s="26"/>
      <c r="SUF122" s="26"/>
      <c r="SUG122" s="26"/>
      <c r="SUH122" s="26"/>
      <c r="SUI122" s="26"/>
      <c r="SUJ122" s="26"/>
      <c r="SUK122" s="26"/>
      <c r="SUL122" s="26"/>
      <c r="SUM122" s="26"/>
      <c r="SUN122" s="26"/>
      <c r="SUO122" s="26"/>
      <c r="SUP122" s="26"/>
      <c r="SUQ122" s="26"/>
      <c r="SUR122" s="26"/>
      <c r="SUS122" s="26"/>
      <c r="SUT122" s="26"/>
      <c r="SUU122" s="26"/>
      <c r="SUV122" s="26"/>
      <c r="SUW122" s="26"/>
      <c r="SUX122" s="26"/>
      <c r="SUY122" s="26"/>
      <c r="SUZ122" s="26"/>
      <c r="SVA122" s="26"/>
      <c r="SVB122" s="26"/>
      <c r="SVC122" s="26"/>
      <c r="SVD122" s="26"/>
      <c r="SVE122" s="26"/>
      <c r="SVF122" s="26"/>
      <c r="SVG122" s="26"/>
      <c r="SVH122" s="26"/>
      <c r="SVI122" s="26"/>
      <c r="SVJ122" s="26"/>
      <c r="SVK122" s="26"/>
      <c r="SVL122" s="26"/>
      <c r="SVM122" s="26"/>
      <c r="SVN122" s="26"/>
      <c r="SVO122" s="26"/>
      <c r="SVP122" s="26"/>
      <c r="SVQ122" s="26"/>
      <c r="SVR122" s="26"/>
      <c r="SVS122" s="26"/>
      <c r="SVT122" s="26"/>
      <c r="SVU122" s="26"/>
      <c r="SVV122" s="26"/>
      <c r="SVW122" s="26"/>
      <c r="SVX122" s="26"/>
      <c r="SVY122" s="26"/>
      <c r="SVZ122" s="26"/>
      <c r="SWA122" s="26"/>
      <c r="SWB122" s="26"/>
      <c r="SWC122" s="26"/>
      <c r="SWD122" s="26"/>
      <c r="SWE122" s="26"/>
      <c r="SWF122" s="26"/>
      <c r="SWG122" s="26"/>
      <c r="SWH122" s="26"/>
      <c r="SWI122" s="26"/>
      <c r="SWJ122" s="26"/>
      <c r="SWK122" s="26"/>
      <c r="SWL122" s="26"/>
      <c r="SWM122" s="26"/>
      <c r="SWN122" s="26"/>
      <c r="SWO122" s="26"/>
      <c r="SWP122" s="26"/>
      <c r="SWQ122" s="26"/>
      <c r="SWR122" s="26"/>
      <c r="SWS122" s="26"/>
      <c r="SWT122" s="26"/>
      <c r="SWU122" s="26"/>
      <c r="SWV122" s="26"/>
      <c r="SWW122" s="26"/>
      <c r="SWX122" s="26"/>
      <c r="SWY122" s="26"/>
      <c r="SWZ122" s="26"/>
      <c r="SXA122" s="26"/>
      <c r="SXB122" s="26"/>
      <c r="SXC122" s="26"/>
      <c r="SXD122" s="26"/>
      <c r="SXE122" s="26"/>
      <c r="SXF122" s="26"/>
      <c r="SXG122" s="26"/>
      <c r="SXH122" s="26"/>
      <c r="SXI122" s="26"/>
      <c r="SXJ122" s="26"/>
      <c r="SXK122" s="26"/>
      <c r="SXL122" s="26"/>
      <c r="SXM122" s="26"/>
      <c r="SXN122" s="26"/>
      <c r="SXO122" s="26"/>
      <c r="SXP122" s="26"/>
      <c r="SXQ122" s="26"/>
      <c r="SXR122" s="26"/>
      <c r="SXS122" s="26"/>
      <c r="SXT122" s="26"/>
      <c r="SXU122" s="26"/>
      <c r="SXV122" s="26"/>
      <c r="SXW122" s="26"/>
      <c r="SXX122" s="26"/>
      <c r="SXY122" s="26"/>
      <c r="SXZ122" s="26"/>
      <c r="SYA122" s="26"/>
      <c r="SYB122" s="26"/>
      <c r="SYC122" s="26"/>
      <c r="SYD122" s="26"/>
      <c r="SYE122" s="26"/>
      <c r="SYF122" s="26"/>
      <c r="SYG122" s="26"/>
      <c r="SYH122" s="26"/>
      <c r="SYI122" s="26"/>
      <c r="SYJ122" s="26"/>
      <c r="SYK122" s="26"/>
      <c r="SYL122" s="26"/>
      <c r="SYM122" s="26"/>
      <c r="SYN122" s="26"/>
      <c r="SYO122" s="26"/>
      <c r="SYP122" s="26"/>
      <c r="SYQ122" s="26"/>
      <c r="SYR122" s="26"/>
      <c r="SYS122" s="26"/>
      <c r="SYT122" s="26"/>
      <c r="SYU122" s="26"/>
      <c r="SYV122" s="26"/>
      <c r="SYW122" s="26"/>
      <c r="SYX122" s="26"/>
      <c r="SYY122" s="26"/>
      <c r="SYZ122" s="26"/>
      <c r="SZA122" s="26"/>
      <c r="SZB122" s="26"/>
      <c r="SZC122" s="26"/>
      <c r="SZD122" s="26"/>
      <c r="SZE122" s="26"/>
      <c r="SZF122" s="26"/>
      <c r="SZG122" s="26"/>
      <c r="SZH122" s="26"/>
      <c r="SZI122" s="26"/>
      <c r="SZJ122" s="26"/>
      <c r="SZK122" s="26"/>
      <c r="SZL122" s="26"/>
      <c r="SZM122" s="26"/>
      <c r="SZN122" s="26"/>
      <c r="SZO122" s="26"/>
      <c r="SZP122" s="26"/>
      <c r="SZQ122" s="26"/>
      <c r="SZR122" s="26"/>
      <c r="SZS122" s="26"/>
      <c r="SZT122" s="26"/>
      <c r="SZU122" s="26"/>
      <c r="SZV122" s="26"/>
      <c r="SZW122" s="26"/>
      <c r="SZX122" s="26"/>
      <c r="SZY122" s="26"/>
      <c r="SZZ122" s="26"/>
      <c r="TAA122" s="26"/>
      <c r="TAB122" s="26"/>
      <c r="TAC122" s="26"/>
      <c r="TAD122" s="26"/>
      <c r="TAE122" s="26"/>
      <c r="TAF122" s="26"/>
      <c r="TAG122" s="26"/>
      <c r="TAH122" s="26"/>
      <c r="TAI122" s="26"/>
      <c r="TAJ122" s="26"/>
      <c r="TAK122" s="26"/>
      <c r="TAL122" s="26"/>
      <c r="TAM122" s="26"/>
      <c r="TAN122" s="26"/>
      <c r="TAO122" s="26"/>
      <c r="TAP122" s="26"/>
      <c r="TAQ122" s="26"/>
      <c r="TAR122" s="26"/>
      <c r="TAS122" s="26"/>
      <c r="TAT122" s="26"/>
      <c r="TAU122" s="26"/>
      <c r="TAV122" s="26"/>
      <c r="TAW122" s="26"/>
      <c r="TAX122" s="26"/>
      <c r="TAY122" s="26"/>
      <c r="TAZ122" s="26"/>
      <c r="TBA122" s="26"/>
      <c r="TBB122" s="26"/>
      <c r="TBC122" s="26"/>
      <c r="TBD122" s="26"/>
      <c r="TBE122" s="26"/>
      <c r="TBF122" s="26"/>
      <c r="TBG122" s="26"/>
      <c r="TBH122" s="26"/>
      <c r="TBI122" s="26"/>
      <c r="TBJ122" s="26"/>
      <c r="TBK122" s="26"/>
      <c r="TBL122" s="26"/>
      <c r="TBM122" s="26"/>
      <c r="TBN122" s="26"/>
      <c r="TBO122" s="26"/>
      <c r="TBP122" s="26"/>
      <c r="TBQ122" s="26"/>
      <c r="TBR122" s="26"/>
      <c r="TBS122" s="26"/>
      <c r="TBT122" s="26"/>
      <c r="TBU122" s="26"/>
      <c r="TBV122" s="26"/>
      <c r="TBW122" s="26"/>
      <c r="TBX122" s="26"/>
      <c r="TBY122" s="26"/>
      <c r="TBZ122" s="26"/>
      <c r="TCA122" s="26"/>
      <c r="TCB122" s="26"/>
      <c r="TCC122" s="26"/>
      <c r="TCD122" s="26"/>
      <c r="TCE122" s="26"/>
      <c r="TCF122" s="26"/>
      <c r="TCG122" s="26"/>
      <c r="TCH122" s="26"/>
      <c r="TCI122" s="26"/>
      <c r="TCJ122" s="26"/>
      <c r="TCK122" s="26"/>
      <c r="TCL122" s="26"/>
      <c r="TCM122" s="26"/>
      <c r="TCN122" s="26"/>
      <c r="TCO122" s="26"/>
      <c r="TCP122" s="26"/>
      <c r="TCQ122" s="26"/>
      <c r="TCR122" s="26"/>
      <c r="TCS122" s="26"/>
      <c r="TCT122" s="26"/>
      <c r="TCU122" s="26"/>
      <c r="TCV122" s="26"/>
      <c r="TCW122" s="26"/>
      <c r="TCX122" s="26"/>
      <c r="TCY122" s="26"/>
      <c r="TCZ122" s="26"/>
      <c r="TDA122" s="26"/>
      <c r="TDB122" s="26"/>
      <c r="TDC122" s="26"/>
      <c r="TDD122" s="26"/>
      <c r="TDE122" s="26"/>
      <c r="TDF122" s="26"/>
      <c r="TDG122" s="26"/>
      <c r="TDH122" s="26"/>
      <c r="TDI122" s="26"/>
      <c r="TDJ122" s="26"/>
      <c r="TDK122" s="26"/>
      <c r="TDL122" s="26"/>
      <c r="TDM122" s="26"/>
      <c r="TDN122" s="26"/>
      <c r="TDO122" s="26"/>
      <c r="TDP122" s="26"/>
      <c r="TDQ122" s="26"/>
      <c r="TDR122" s="26"/>
      <c r="TDS122" s="26"/>
      <c r="TDT122" s="26"/>
      <c r="TDU122" s="26"/>
      <c r="TDV122" s="26"/>
      <c r="TDW122" s="26"/>
      <c r="TDX122" s="26"/>
      <c r="TDY122" s="26"/>
      <c r="TDZ122" s="26"/>
      <c r="TEA122" s="26"/>
      <c r="TEB122" s="26"/>
      <c r="TEC122" s="26"/>
      <c r="TED122" s="26"/>
      <c r="TEE122" s="26"/>
      <c r="TEF122" s="26"/>
      <c r="TEG122" s="26"/>
      <c r="TEH122" s="26"/>
      <c r="TEI122" s="26"/>
      <c r="TEJ122" s="26"/>
      <c r="TEK122" s="26"/>
      <c r="TEL122" s="26"/>
      <c r="TEM122" s="26"/>
      <c r="TEN122" s="26"/>
      <c r="TEO122" s="26"/>
      <c r="TEP122" s="26"/>
      <c r="TEQ122" s="26"/>
      <c r="TER122" s="26"/>
      <c r="TES122" s="26"/>
      <c r="TET122" s="26"/>
      <c r="TEU122" s="26"/>
      <c r="TEV122" s="26"/>
      <c r="TEW122" s="26"/>
      <c r="TEX122" s="26"/>
      <c r="TEY122" s="26"/>
      <c r="TEZ122" s="26"/>
      <c r="TFA122" s="26"/>
      <c r="TFB122" s="26"/>
      <c r="TFC122" s="26"/>
      <c r="TFD122" s="26"/>
      <c r="TFE122" s="26"/>
      <c r="TFF122" s="26"/>
      <c r="TFG122" s="26"/>
      <c r="TFH122" s="26"/>
      <c r="TFI122" s="26"/>
      <c r="TFJ122" s="26"/>
      <c r="TFK122" s="26"/>
      <c r="TFL122" s="26"/>
      <c r="TFM122" s="26"/>
      <c r="TFN122" s="26"/>
      <c r="TFO122" s="26"/>
      <c r="TFP122" s="26"/>
      <c r="TFQ122" s="26"/>
      <c r="TFR122" s="26"/>
      <c r="TFS122" s="26"/>
      <c r="TFT122" s="26"/>
      <c r="TFU122" s="26"/>
      <c r="TFV122" s="26"/>
      <c r="TFW122" s="26"/>
      <c r="TFX122" s="26"/>
      <c r="TFY122" s="26"/>
      <c r="TFZ122" s="26"/>
      <c r="TGA122" s="26"/>
      <c r="TGB122" s="26"/>
      <c r="TGC122" s="26"/>
      <c r="TGD122" s="26"/>
      <c r="TGE122" s="26"/>
      <c r="TGF122" s="26"/>
      <c r="TGG122" s="26"/>
      <c r="TGH122" s="26"/>
      <c r="TGI122" s="26"/>
      <c r="TGJ122" s="26"/>
      <c r="TGK122" s="26"/>
      <c r="TGL122" s="26"/>
      <c r="TGM122" s="26"/>
      <c r="TGN122" s="26"/>
      <c r="TGO122" s="26"/>
      <c r="TGP122" s="26"/>
      <c r="TGQ122" s="26"/>
      <c r="TGR122" s="26"/>
      <c r="TGS122" s="26"/>
      <c r="TGT122" s="26"/>
      <c r="TGU122" s="26"/>
      <c r="TGV122" s="26"/>
      <c r="TGW122" s="26"/>
      <c r="TGX122" s="26"/>
      <c r="TGY122" s="26"/>
      <c r="TGZ122" s="26"/>
      <c r="THA122" s="26"/>
      <c r="THB122" s="26"/>
      <c r="THC122" s="26"/>
      <c r="THD122" s="26"/>
      <c r="THE122" s="26"/>
      <c r="THF122" s="26"/>
      <c r="THG122" s="26"/>
      <c r="THH122" s="26"/>
      <c r="THI122" s="26"/>
      <c r="THJ122" s="26"/>
      <c r="THK122" s="26"/>
      <c r="THL122" s="26"/>
      <c r="THM122" s="26"/>
      <c r="THN122" s="26"/>
      <c r="THO122" s="26"/>
      <c r="THP122" s="26"/>
      <c r="THQ122" s="26"/>
      <c r="THR122" s="26"/>
      <c r="THS122" s="26"/>
      <c r="THT122" s="26"/>
      <c r="THU122" s="26"/>
      <c r="THV122" s="26"/>
      <c r="THW122" s="26"/>
      <c r="THX122" s="26"/>
      <c r="THY122" s="26"/>
      <c r="THZ122" s="26"/>
      <c r="TIA122" s="26"/>
      <c r="TIB122" s="26"/>
      <c r="TIC122" s="26"/>
      <c r="TID122" s="26"/>
      <c r="TIE122" s="26"/>
      <c r="TIF122" s="26"/>
      <c r="TIG122" s="26"/>
      <c r="TIH122" s="26"/>
      <c r="TII122" s="26"/>
      <c r="TIJ122" s="26"/>
      <c r="TIK122" s="26"/>
      <c r="TIL122" s="26"/>
      <c r="TIM122" s="26"/>
      <c r="TIN122" s="26"/>
      <c r="TIO122" s="26"/>
      <c r="TIP122" s="26"/>
      <c r="TIQ122" s="26"/>
      <c r="TIR122" s="26"/>
      <c r="TIS122" s="26"/>
      <c r="TIT122" s="26"/>
      <c r="TIU122" s="26"/>
      <c r="TIV122" s="26"/>
      <c r="TIW122" s="26"/>
      <c r="TIX122" s="26"/>
      <c r="TIY122" s="26"/>
      <c r="TIZ122" s="26"/>
      <c r="TJA122" s="26"/>
      <c r="TJB122" s="26"/>
      <c r="TJC122" s="26"/>
      <c r="TJD122" s="26"/>
      <c r="TJE122" s="26"/>
      <c r="TJF122" s="26"/>
      <c r="TJG122" s="26"/>
      <c r="TJH122" s="26"/>
      <c r="TJI122" s="26"/>
      <c r="TJJ122" s="26"/>
      <c r="TJK122" s="26"/>
      <c r="TJL122" s="26"/>
      <c r="TJM122" s="26"/>
      <c r="TJN122" s="26"/>
      <c r="TJO122" s="26"/>
      <c r="TJP122" s="26"/>
      <c r="TJQ122" s="26"/>
      <c r="TJR122" s="26"/>
      <c r="TJS122" s="26"/>
      <c r="TJT122" s="26"/>
      <c r="TJU122" s="26"/>
      <c r="TJV122" s="26"/>
      <c r="TJW122" s="26"/>
      <c r="TJX122" s="26"/>
      <c r="TJY122" s="26"/>
      <c r="TJZ122" s="26"/>
      <c r="TKA122" s="26"/>
      <c r="TKB122" s="26"/>
      <c r="TKC122" s="26"/>
      <c r="TKD122" s="26"/>
      <c r="TKE122" s="26"/>
      <c r="TKF122" s="26"/>
      <c r="TKG122" s="26"/>
      <c r="TKH122" s="26"/>
      <c r="TKI122" s="26"/>
      <c r="TKJ122" s="26"/>
      <c r="TKK122" s="26"/>
      <c r="TKL122" s="26"/>
      <c r="TKM122" s="26"/>
      <c r="TKN122" s="26"/>
      <c r="TKO122" s="26"/>
      <c r="TKP122" s="26"/>
      <c r="TKQ122" s="26"/>
      <c r="TKR122" s="26"/>
      <c r="TKS122" s="26"/>
      <c r="TKT122" s="26"/>
      <c r="TKU122" s="26"/>
      <c r="TKV122" s="26"/>
      <c r="TKW122" s="26"/>
      <c r="TKX122" s="26"/>
      <c r="TKY122" s="26"/>
      <c r="TKZ122" s="26"/>
      <c r="TLA122" s="26"/>
      <c r="TLB122" s="26"/>
      <c r="TLC122" s="26"/>
      <c r="TLD122" s="26"/>
      <c r="TLE122" s="26"/>
      <c r="TLF122" s="26"/>
      <c r="TLG122" s="26"/>
      <c r="TLH122" s="26"/>
      <c r="TLI122" s="26"/>
      <c r="TLJ122" s="26"/>
      <c r="TLK122" s="26"/>
      <c r="TLL122" s="26"/>
      <c r="TLM122" s="26"/>
      <c r="TLN122" s="26"/>
      <c r="TLO122" s="26"/>
      <c r="TLP122" s="26"/>
      <c r="TLQ122" s="26"/>
      <c r="TLR122" s="26"/>
      <c r="TLS122" s="26"/>
      <c r="TLT122" s="26"/>
      <c r="TLU122" s="26"/>
      <c r="TLV122" s="26"/>
      <c r="TLW122" s="26"/>
      <c r="TLX122" s="26"/>
      <c r="TLY122" s="26"/>
      <c r="TLZ122" s="26"/>
      <c r="TMA122" s="26"/>
      <c r="TMB122" s="26"/>
      <c r="TMC122" s="26"/>
      <c r="TMD122" s="26"/>
      <c r="TME122" s="26"/>
      <c r="TMF122" s="26"/>
      <c r="TMG122" s="26"/>
      <c r="TMH122" s="26"/>
      <c r="TMI122" s="26"/>
      <c r="TMJ122" s="26"/>
      <c r="TMK122" s="26"/>
      <c r="TML122" s="26"/>
      <c r="TMM122" s="26"/>
      <c r="TMN122" s="26"/>
      <c r="TMO122" s="26"/>
      <c r="TMP122" s="26"/>
      <c r="TMQ122" s="26"/>
      <c r="TMR122" s="26"/>
      <c r="TMS122" s="26"/>
      <c r="TMT122" s="26"/>
      <c r="TMU122" s="26"/>
      <c r="TMV122" s="26"/>
      <c r="TMW122" s="26"/>
      <c r="TMX122" s="26"/>
      <c r="TMY122" s="26"/>
      <c r="TMZ122" s="26"/>
      <c r="TNA122" s="26"/>
      <c r="TNB122" s="26"/>
      <c r="TNC122" s="26"/>
      <c r="TND122" s="26"/>
      <c r="TNE122" s="26"/>
      <c r="TNF122" s="26"/>
      <c r="TNG122" s="26"/>
      <c r="TNH122" s="26"/>
      <c r="TNI122" s="26"/>
      <c r="TNJ122" s="26"/>
      <c r="TNK122" s="26"/>
      <c r="TNL122" s="26"/>
      <c r="TNM122" s="26"/>
      <c r="TNN122" s="26"/>
      <c r="TNO122" s="26"/>
      <c r="TNP122" s="26"/>
      <c r="TNQ122" s="26"/>
      <c r="TNR122" s="26"/>
      <c r="TNS122" s="26"/>
      <c r="TNT122" s="26"/>
      <c r="TNU122" s="26"/>
      <c r="TNV122" s="26"/>
      <c r="TNW122" s="26"/>
      <c r="TNX122" s="26"/>
      <c r="TNY122" s="26"/>
      <c r="TNZ122" s="26"/>
      <c r="TOA122" s="26"/>
      <c r="TOB122" s="26"/>
      <c r="TOC122" s="26"/>
      <c r="TOD122" s="26"/>
      <c r="TOE122" s="26"/>
      <c r="TOF122" s="26"/>
      <c r="TOG122" s="26"/>
      <c r="TOH122" s="26"/>
      <c r="TOI122" s="26"/>
      <c r="TOJ122" s="26"/>
      <c r="TOK122" s="26"/>
      <c r="TOL122" s="26"/>
      <c r="TOM122" s="26"/>
      <c r="TON122" s="26"/>
      <c r="TOO122" s="26"/>
      <c r="TOP122" s="26"/>
      <c r="TOQ122" s="26"/>
      <c r="TOR122" s="26"/>
      <c r="TOS122" s="26"/>
      <c r="TOT122" s="26"/>
      <c r="TOU122" s="26"/>
      <c r="TOV122" s="26"/>
      <c r="TOW122" s="26"/>
      <c r="TOX122" s="26"/>
      <c r="TOY122" s="26"/>
      <c r="TOZ122" s="26"/>
      <c r="TPA122" s="26"/>
      <c r="TPB122" s="26"/>
      <c r="TPC122" s="26"/>
      <c r="TPD122" s="26"/>
      <c r="TPE122" s="26"/>
      <c r="TPF122" s="26"/>
      <c r="TPG122" s="26"/>
      <c r="TPH122" s="26"/>
      <c r="TPI122" s="26"/>
      <c r="TPJ122" s="26"/>
      <c r="TPK122" s="26"/>
      <c r="TPL122" s="26"/>
      <c r="TPM122" s="26"/>
      <c r="TPN122" s="26"/>
      <c r="TPO122" s="26"/>
      <c r="TPP122" s="26"/>
      <c r="TPQ122" s="26"/>
      <c r="TPR122" s="26"/>
      <c r="TPS122" s="26"/>
      <c r="TPT122" s="26"/>
      <c r="TPU122" s="26"/>
      <c r="TPV122" s="26"/>
      <c r="TPW122" s="26"/>
      <c r="TPX122" s="26"/>
      <c r="TPY122" s="26"/>
      <c r="TPZ122" s="26"/>
      <c r="TQA122" s="26"/>
      <c r="TQB122" s="26"/>
      <c r="TQC122" s="26"/>
      <c r="TQD122" s="26"/>
      <c r="TQE122" s="26"/>
      <c r="TQF122" s="26"/>
      <c r="TQG122" s="26"/>
      <c r="TQH122" s="26"/>
      <c r="TQI122" s="26"/>
      <c r="TQJ122" s="26"/>
      <c r="TQK122" s="26"/>
      <c r="TQL122" s="26"/>
      <c r="TQM122" s="26"/>
      <c r="TQN122" s="26"/>
      <c r="TQO122" s="26"/>
      <c r="TQP122" s="26"/>
      <c r="TQQ122" s="26"/>
      <c r="TQR122" s="26"/>
      <c r="TQS122" s="26"/>
      <c r="TQT122" s="26"/>
      <c r="TQU122" s="26"/>
      <c r="TQV122" s="26"/>
      <c r="TQW122" s="26"/>
      <c r="TQX122" s="26"/>
      <c r="TQY122" s="26"/>
      <c r="TQZ122" s="26"/>
      <c r="TRA122" s="26"/>
      <c r="TRB122" s="26"/>
      <c r="TRC122" s="26"/>
      <c r="TRD122" s="26"/>
      <c r="TRE122" s="26"/>
      <c r="TRF122" s="26"/>
      <c r="TRG122" s="26"/>
      <c r="TRH122" s="26"/>
      <c r="TRI122" s="26"/>
      <c r="TRJ122" s="26"/>
      <c r="TRK122" s="26"/>
      <c r="TRL122" s="26"/>
      <c r="TRM122" s="26"/>
      <c r="TRN122" s="26"/>
      <c r="TRO122" s="26"/>
      <c r="TRP122" s="26"/>
      <c r="TRQ122" s="26"/>
      <c r="TRR122" s="26"/>
      <c r="TRS122" s="26"/>
      <c r="TRT122" s="26"/>
      <c r="TRU122" s="26"/>
      <c r="TRV122" s="26"/>
      <c r="TRW122" s="26"/>
      <c r="TRX122" s="26"/>
      <c r="TRY122" s="26"/>
      <c r="TRZ122" s="26"/>
      <c r="TSA122" s="26"/>
      <c r="TSB122" s="26"/>
      <c r="TSC122" s="26"/>
      <c r="TSD122" s="26"/>
      <c r="TSE122" s="26"/>
      <c r="TSF122" s="26"/>
      <c r="TSG122" s="26"/>
      <c r="TSH122" s="26"/>
      <c r="TSI122" s="26"/>
      <c r="TSJ122" s="26"/>
      <c r="TSK122" s="26"/>
      <c r="TSL122" s="26"/>
      <c r="TSM122" s="26"/>
      <c r="TSN122" s="26"/>
      <c r="TSO122" s="26"/>
      <c r="TSP122" s="26"/>
      <c r="TSQ122" s="26"/>
      <c r="TSR122" s="26"/>
      <c r="TSS122" s="26"/>
      <c r="TST122" s="26"/>
      <c r="TSU122" s="26"/>
      <c r="TSV122" s="26"/>
      <c r="TSW122" s="26"/>
      <c r="TSX122" s="26"/>
      <c r="TSY122" s="26"/>
      <c r="TSZ122" s="26"/>
      <c r="TTA122" s="26"/>
      <c r="TTB122" s="26"/>
      <c r="TTC122" s="26"/>
      <c r="TTD122" s="26"/>
      <c r="TTE122" s="26"/>
      <c r="TTF122" s="26"/>
      <c r="TTG122" s="26"/>
      <c r="TTH122" s="26"/>
      <c r="TTI122" s="26"/>
      <c r="TTJ122" s="26"/>
      <c r="TTK122" s="26"/>
      <c r="TTL122" s="26"/>
      <c r="TTM122" s="26"/>
      <c r="TTN122" s="26"/>
      <c r="TTO122" s="26"/>
      <c r="TTP122" s="26"/>
      <c r="TTQ122" s="26"/>
      <c r="TTR122" s="26"/>
      <c r="TTS122" s="26"/>
      <c r="TTT122" s="26"/>
      <c r="TTU122" s="26"/>
      <c r="TTV122" s="26"/>
      <c r="TTW122" s="26"/>
      <c r="TTX122" s="26"/>
      <c r="TTY122" s="26"/>
      <c r="TTZ122" s="26"/>
      <c r="TUA122" s="26"/>
      <c r="TUB122" s="26"/>
      <c r="TUC122" s="26"/>
      <c r="TUD122" s="26"/>
      <c r="TUE122" s="26"/>
      <c r="TUF122" s="26"/>
      <c r="TUG122" s="26"/>
      <c r="TUH122" s="26"/>
      <c r="TUI122" s="26"/>
      <c r="TUJ122" s="26"/>
      <c r="TUK122" s="26"/>
      <c r="TUL122" s="26"/>
      <c r="TUM122" s="26"/>
      <c r="TUN122" s="26"/>
      <c r="TUO122" s="26"/>
      <c r="TUP122" s="26"/>
      <c r="TUQ122" s="26"/>
      <c r="TUR122" s="26"/>
      <c r="TUS122" s="26"/>
      <c r="TUT122" s="26"/>
      <c r="TUU122" s="26"/>
      <c r="TUV122" s="26"/>
      <c r="TUW122" s="26"/>
      <c r="TUX122" s="26"/>
      <c r="TUY122" s="26"/>
      <c r="TUZ122" s="26"/>
      <c r="TVA122" s="26"/>
      <c r="TVB122" s="26"/>
      <c r="TVC122" s="26"/>
      <c r="TVD122" s="26"/>
      <c r="TVE122" s="26"/>
      <c r="TVF122" s="26"/>
      <c r="TVG122" s="26"/>
      <c r="TVH122" s="26"/>
      <c r="TVI122" s="26"/>
      <c r="TVJ122" s="26"/>
      <c r="TVK122" s="26"/>
      <c r="TVL122" s="26"/>
      <c r="TVM122" s="26"/>
      <c r="TVN122" s="26"/>
      <c r="TVO122" s="26"/>
      <c r="TVP122" s="26"/>
      <c r="TVQ122" s="26"/>
      <c r="TVR122" s="26"/>
      <c r="TVS122" s="26"/>
      <c r="TVT122" s="26"/>
      <c r="TVU122" s="26"/>
      <c r="TVV122" s="26"/>
      <c r="TVW122" s="26"/>
      <c r="TVX122" s="26"/>
      <c r="TVY122" s="26"/>
      <c r="TVZ122" s="26"/>
      <c r="TWA122" s="26"/>
      <c r="TWB122" s="26"/>
      <c r="TWC122" s="26"/>
      <c r="TWD122" s="26"/>
      <c r="TWE122" s="26"/>
      <c r="TWF122" s="26"/>
      <c r="TWG122" s="26"/>
      <c r="TWH122" s="26"/>
      <c r="TWI122" s="26"/>
      <c r="TWJ122" s="26"/>
      <c r="TWK122" s="26"/>
      <c r="TWL122" s="26"/>
      <c r="TWM122" s="26"/>
      <c r="TWN122" s="26"/>
      <c r="TWO122" s="26"/>
      <c r="TWP122" s="26"/>
      <c r="TWQ122" s="26"/>
      <c r="TWR122" s="26"/>
      <c r="TWS122" s="26"/>
      <c r="TWT122" s="26"/>
      <c r="TWU122" s="26"/>
      <c r="TWV122" s="26"/>
      <c r="TWW122" s="26"/>
      <c r="TWX122" s="26"/>
      <c r="TWY122" s="26"/>
      <c r="TWZ122" s="26"/>
      <c r="TXA122" s="26"/>
      <c r="TXB122" s="26"/>
      <c r="TXC122" s="26"/>
      <c r="TXD122" s="26"/>
      <c r="TXE122" s="26"/>
      <c r="TXF122" s="26"/>
      <c r="TXG122" s="26"/>
      <c r="TXH122" s="26"/>
      <c r="TXI122" s="26"/>
      <c r="TXJ122" s="26"/>
      <c r="TXK122" s="26"/>
      <c r="TXL122" s="26"/>
      <c r="TXM122" s="26"/>
      <c r="TXN122" s="26"/>
      <c r="TXO122" s="26"/>
      <c r="TXP122" s="26"/>
      <c r="TXQ122" s="26"/>
      <c r="TXR122" s="26"/>
      <c r="TXS122" s="26"/>
      <c r="TXT122" s="26"/>
      <c r="TXU122" s="26"/>
      <c r="TXV122" s="26"/>
      <c r="TXW122" s="26"/>
      <c r="TXX122" s="26"/>
      <c r="TXY122" s="26"/>
      <c r="TXZ122" s="26"/>
      <c r="TYA122" s="26"/>
      <c r="TYB122" s="26"/>
      <c r="TYC122" s="26"/>
      <c r="TYD122" s="26"/>
      <c r="TYE122" s="26"/>
      <c r="TYF122" s="26"/>
      <c r="TYG122" s="26"/>
      <c r="TYH122" s="26"/>
      <c r="TYI122" s="26"/>
      <c r="TYJ122" s="26"/>
      <c r="TYK122" s="26"/>
      <c r="TYL122" s="26"/>
      <c r="TYM122" s="26"/>
      <c r="TYN122" s="26"/>
      <c r="TYO122" s="26"/>
      <c r="TYP122" s="26"/>
      <c r="TYQ122" s="26"/>
      <c r="TYR122" s="26"/>
      <c r="TYS122" s="26"/>
      <c r="TYT122" s="26"/>
      <c r="TYU122" s="26"/>
      <c r="TYV122" s="26"/>
      <c r="TYW122" s="26"/>
      <c r="TYX122" s="26"/>
      <c r="TYY122" s="26"/>
      <c r="TYZ122" s="26"/>
      <c r="TZA122" s="26"/>
      <c r="TZB122" s="26"/>
      <c r="TZC122" s="26"/>
      <c r="TZD122" s="26"/>
      <c r="TZE122" s="26"/>
      <c r="TZF122" s="26"/>
      <c r="TZG122" s="26"/>
      <c r="TZH122" s="26"/>
      <c r="TZI122" s="26"/>
      <c r="TZJ122" s="26"/>
      <c r="TZK122" s="26"/>
      <c r="TZL122" s="26"/>
      <c r="TZM122" s="26"/>
      <c r="TZN122" s="26"/>
      <c r="TZO122" s="26"/>
      <c r="TZP122" s="26"/>
      <c r="TZQ122" s="26"/>
      <c r="TZR122" s="26"/>
      <c r="TZS122" s="26"/>
      <c r="TZT122" s="26"/>
      <c r="TZU122" s="26"/>
      <c r="TZV122" s="26"/>
      <c r="TZW122" s="26"/>
      <c r="TZX122" s="26"/>
      <c r="TZY122" s="26"/>
      <c r="TZZ122" s="26"/>
      <c r="UAA122" s="26"/>
      <c r="UAB122" s="26"/>
      <c r="UAC122" s="26"/>
      <c r="UAD122" s="26"/>
      <c r="UAE122" s="26"/>
      <c r="UAF122" s="26"/>
      <c r="UAG122" s="26"/>
      <c r="UAH122" s="26"/>
      <c r="UAI122" s="26"/>
      <c r="UAJ122" s="26"/>
      <c r="UAK122" s="26"/>
      <c r="UAL122" s="26"/>
      <c r="UAM122" s="26"/>
      <c r="UAN122" s="26"/>
      <c r="UAO122" s="26"/>
      <c r="UAP122" s="26"/>
      <c r="UAQ122" s="26"/>
      <c r="UAR122" s="26"/>
      <c r="UAS122" s="26"/>
      <c r="UAT122" s="26"/>
      <c r="UAU122" s="26"/>
      <c r="UAV122" s="26"/>
      <c r="UAW122" s="26"/>
      <c r="UAX122" s="26"/>
      <c r="UAY122" s="26"/>
      <c r="UAZ122" s="26"/>
      <c r="UBA122" s="26"/>
      <c r="UBB122" s="26"/>
      <c r="UBC122" s="26"/>
      <c r="UBD122" s="26"/>
      <c r="UBE122" s="26"/>
      <c r="UBF122" s="26"/>
      <c r="UBG122" s="26"/>
      <c r="UBH122" s="26"/>
      <c r="UBI122" s="26"/>
      <c r="UBJ122" s="26"/>
      <c r="UBK122" s="26"/>
      <c r="UBL122" s="26"/>
      <c r="UBM122" s="26"/>
      <c r="UBN122" s="26"/>
      <c r="UBO122" s="26"/>
      <c r="UBP122" s="26"/>
      <c r="UBQ122" s="26"/>
      <c r="UBR122" s="26"/>
      <c r="UBS122" s="26"/>
      <c r="UBT122" s="26"/>
      <c r="UBU122" s="26"/>
      <c r="UBV122" s="26"/>
      <c r="UBW122" s="26"/>
      <c r="UBX122" s="26"/>
      <c r="UBY122" s="26"/>
      <c r="UBZ122" s="26"/>
      <c r="UCA122" s="26"/>
      <c r="UCB122" s="26"/>
      <c r="UCC122" s="26"/>
      <c r="UCD122" s="26"/>
      <c r="UCE122" s="26"/>
      <c r="UCF122" s="26"/>
      <c r="UCG122" s="26"/>
      <c r="UCH122" s="26"/>
      <c r="UCI122" s="26"/>
      <c r="UCJ122" s="26"/>
      <c r="UCK122" s="26"/>
      <c r="UCL122" s="26"/>
      <c r="UCM122" s="26"/>
      <c r="UCN122" s="26"/>
      <c r="UCO122" s="26"/>
      <c r="UCP122" s="26"/>
      <c r="UCQ122" s="26"/>
      <c r="UCR122" s="26"/>
      <c r="UCS122" s="26"/>
      <c r="UCT122" s="26"/>
      <c r="UCU122" s="26"/>
      <c r="UCV122" s="26"/>
      <c r="UCW122" s="26"/>
      <c r="UCX122" s="26"/>
      <c r="UCY122" s="26"/>
      <c r="UCZ122" s="26"/>
      <c r="UDA122" s="26"/>
      <c r="UDB122" s="26"/>
      <c r="UDC122" s="26"/>
      <c r="UDD122" s="26"/>
      <c r="UDE122" s="26"/>
      <c r="UDF122" s="26"/>
      <c r="UDG122" s="26"/>
      <c r="UDH122" s="26"/>
      <c r="UDI122" s="26"/>
      <c r="UDJ122" s="26"/>
      <c r="UDK122" s="26"/>
      <c r="UDL122" s="26"/>
      <c r="UDM122" s="26"/>
      <c r="UDN122" s="26"/>
      <c r="UDO122" s="26"/>
      <c r="UDP122" s="26"/>
      <c r="UDQ122" s="26"/>
      <c r="UDR122" s="26"/>
      <c r="UDS122" s="26"/>
      <c r="UDT122" s="26"/>
      <c r="UDU122" s="26"/>
      <c r="UDV122" s="26"/>
      <c r="UDW122" s="26"/>
      <c r="UDX122" s="26"/>
      <c r="UDY122" s="26"/>
      <c r="UDZ122" s="26"/>
      <c r="UEA122" s="26"/>
      <c r="UEB122" s="26"/>
      <c r="UEC122" s="26"/>
      <c r="UED122" s="26"/>
      <c r="UEE122" s="26"/>
      <c r="UEF122" s="26"/>
      <c r="UEG122" s="26"/>
      <c r="UEH122" s="26"/>
      <c r="UEI122" s="26"/>
      <c r="UEJ122" s="26"/>
      <c r="UEK122" s="26"/>
      <c r="UEL122" s="26"/>
      <c r="UEM122" s="26"/>
      <c r="UEN122" s="26"/>
      <c r="UEO122" s="26"/>
      <c r="UEP122" s="26"/>
      <c r="UEQ122" s="26"/>
      <c r="UER122" s="26"/>
      <c r="UES122" s="26"/>
      <c r="UET122" s="26"/>
      <c r="UEU122" s="26"/>
      <c r="UEV122" s="26"/>
      <c r="UEW122" s="26"/>
      <c r="UEX122" s="26"/>
      <c r="UEY122" s="26"/>
      <c r="UEZ122" s="26"/>
      <c r="UFA122" s="26"/>
      <c r="UFB122" s="26"/>
      <c r="UFC122" s="26"/>
      <c r="UFD122" s="26"/>
      <c r="UFE122" s="26"/>
      <c r="UFF122" s="26"/>
      <c r="UFG122" s="26"/>
      <c r="UFH122" s="26"/>
      <c r="UFI122" s="26"/>
      <c r="UFJ122" s="26"/>
      <c r="UFK122" s="26"/>
      <c r="UFL122" s="26"/>
      <c r="UFM122" s="26"/>
      <c r="UFN122" s="26"/>
      <c r="UFO122" s="26"/>
      <c r="UFP122" s="26"/>
      <c r="UFQ122" s="26"/>
      <c r="UFR122" s="26"/>
      <c r="UFS122" s="26"/>
      <c r="UFT122" s="26"/>
      <c r="UFU122" s="26"/>
      <c r="UFV122" s="26"/>
      <c r="UFW122" s="26"/>
      <c r="UFX122" s="26"/>
      <c r="UFY122" s="26"/>
      <c r="UFZ122" s="26"/>
      <c r="UGA122" s="26"/>
      <c r="UGB122" s="26"/>
      <c r="UGC122" s="26"/>
      <c r="UGD122" s="26"/>
      <c r="UGE122" s="26"/>
      <c r="UGF122" s="26"/>
      <c r="UGG122" s="26"/>
      <c r="UGH122" s="26"/>
      <c r="UGI122" s="26"/>
      <c r="UGJ122" s="26"/>
      <c r="UGK122" s="26"/>
      <c r="UGL122" s="26"/>
      <c r="UGM122" s="26"/>
      <c r="UGN122" s="26"/>
      <c r="UGO122" s="26"/>
      <c r="UGP122" s="26"/>
      <c r="UGQ122" s="26"/>
      <c r="UGR122" s="26"/>
      <c r="UGS122" s="26"/>
      <c r="UGT122" s="26"/>
      <c r="UGU122" s="26"/>
      <c r="UGV122" s="26"/>
      <c r="UGW122" s="26"/>
      <c r="UGX122" s="26"/>
      <c r="UGY122" s="26"/>
      <c r="UGZ122" s="26"/>
      <c r="UHA122" s="26"/>
      <c r="UHB122" s="26"/>
      <c r="UHC122" s="26"/>
      <c r="UHD122" s="26"/>
      <c r="UHE122" s="26"/>
      <c r="UHF122" s="26"/>
      <c r="UHG122" s="26"/>
      <c r="UHH122" s="26"/>
      <c r="UHI122" s="26"/>
      <c r="UHJ122" s="26"/>
      <c r="UHK122" s="26"/>
      <c r="UHL122" s="26"/>
      <c r="UHM122" s="26"/>
      <c r="UHN122" s="26"/>
      <c r="UHO122" s="26"/>
      <c r="UHP122" s="26"/>
      <c r="UHQ122" s="26"/>
      <c r="UHR122" s="26"/>
      <c r="UHS122" s="26"/>
      <c r="UHT122" s="26"/>
      <c r="UHU122" s="26"/>
      <c r="UHV122" s="26"/>
      <c r="UHW122" s="26"/>
      <c r="UHX122" s="26"/>
      <c r="UHY122" s="26"/>
      <c r="UHZ122" s="26"/>
      <c r="UIA122" s="26"/>
      <c r="UIB122" s="26"/>
      <c r="UIC122" s="26"/>
      <c r="UID122" s="26"/>
      <c r="UIE122" s="26"/>
      <c r="UIF122" s="26"/>
      <c r="UIG122" s="26"/>
      <c r="UIH122" s="26"/>
      <c r="UII122" s="26"/>
      <c r="UIJ122" s="26"/>
      <c r="UIK122" s="26"/>
      <c r="UIL122" s="26"/>
      <c r="UIM122" s="26"/>
      <c r="UIN122" s="26"/>
      <c r="UIO122" s="26"/>
      <c r="UIP122" s="26"/>
      <c r="UIQ122" s="26"/>
      <c r="UIR122" s="26"/>
      <c r="UIS122" s="26"/>
      <c r="UIT122" s="26"/>
      <c r="UIU122" s="26"/>
      <c r="UIV122" s="26"/>
      <c r="UIW122" s="26"/>
      <c r="UIX122" s="26"/>
      <c r="UIY122" s="26"/>
      <c r="UIZ122" s="26"/>
      <c r="UJA122" s="26"/>
      <c r="UJB122" s="26"/>
      <c r="UJC122" s="26"/>
      <c r="UJD122" s="26"/>
      <c r="UJE122" s="26"/>
      <c r="UJF122" s="26"/>
      <c r="UJG122" s="26"/>
      <c r="UJH122" s="26"/>
      <c r="UJI122" s="26"/>
      <c r="UJJ122" s="26"/>
      <c r="UJK122" s="26"/>
      <c r="UJL122" s="26"/>
      <c r="UJM122" s="26"/>
      <c r="UJN122" s="26"/>
      <c r="UJO122" s="26"/>
      <c r="UJP122" s="26"/>
      <c r="UJQ122" s="26"/>
      <c r="UJR122" s="26"/>
      <c r="UJS122" s="26"/>
      <c r="UJT122" s="26"/>
      <c r="UJU122" s="26"/>
      <c r="UJV122" s="26"/>
      <c r="UJW122" s="26"/>
      <c r="UJX122" s="26"/>
      <c r="UJY122" s="26"/>
      <c r="UJZ122" s="26"/>
      <c r="UKA122" s="26"/>
      <c r="UKB122" s="26"/>
      <c r="UKC122" s="26"/>
      <c r="UKD122" s="26"/>
      <c r="UKE122" s="26"/>
      <c r="UKF122" s="26"/>
      <c r="UKG122" s="26"/>
      <c r="UKH122" s="26"/>
      <c r="UKI122" s="26"/>
      <c r="UKJ122" s="26"/>
      <c r="UKK122" s="26"/>
      <c r="UKL122" s="26"/>
      <c r="UKM122" s="26"/>
      <c r="UKN122" s="26"/>
      <c r="UKO122" s="26"/>
      <c r="UKP122" s="26"/>
      <c r="UKQ122" s="26"/>
      <c r="UKR122" s="26"/>
      <c r="UKS122" s="26"/>
      <c r="UKT122" s="26"/>
      <c r="UKU122" s="26"/>
      <c r="UKV122" s="26"/>
      <c r="UKW122" s="26"/>
      <c r="UKX122" s="26"/>
      <c r="UKY122" s="26"/>
      <c r="UKZ122" s="26"/>
      <c r="ULA122" s="26"/>
      <c r="ULB122" s="26"/>
      <c r="ULC122" s="26"/>
      <c r="ULD122" s="26"/>
      <c r="ULE122" s="26"/>
      <c r="ULF122" s="26"/>
      <c r="ULG122" s="26"/>
      <c r="ULH122" s="26"/>
      <c r="ULI122" s="26"/>
      <c r="ULJ122" s="26"/>
      <c r="ULK122" s="26"/>
      <c r="ULL122" s="26"/>
      <c r="ULM122" s="26"/>
      <c r="ULN122" s="26"/>
      <c r="ULO122" s="26"/>
      <c r="ULP122" s="26"/>
      <c r="ULQ122" s="26"/>
      <c r="ULR122" s="26"/>
      <c r="ULS122" s="26"/>
      <c r="ULT122" s="26"/>
      <c r="ULU122" s="26"/>
      <c r="ULV122" s="26"/>
      <c r="ULW122" s="26"/>
      <c r="ULX122" s="26"/>
      <c r="ULY122" s="26"/>
      <c r="ULZ122" s="26"/>
      <c r="UMA122" s="26"/>
      <c r="UMB122" s="26"/>
      <c r="UMC122" s="26"/>
      <c r="UMD122" s="26"/>
      <c r="UME122" s="26"/>
      <c r="UMF122" s="26"/>
      <c r="UMG122" s="26"/>
      <c r="UMH122" s="26"/>
      <c r="UMI122" s="26"/>
      <c r="UMJ122" s="26"/>
      <c r="UMK122" s="26"/>
      <c r="UML122" s="26"/>
      <c r="UMM122" s="26"/>
      <c r="UMN122" s="26"/>
      <c r="UMO122" s="26"/>
      <c r="UMP122" s="26"/>
      <c r="UMQ122" s="26"/>
      <c r="UMR122" s="26"/>
      <c r="UMS122" s="26"/>
      <c r="UMT122" s="26"/>
      <c r="UMU122" s="26"/>
      <c r="UMV122" s="26"/>
      <c r="UMW122" s="26"/>
      <c r="UMX122" s="26"/>
      <c r="UMY122" s="26"/>
      <c r="UMZ122" s="26"/>
      <c r="UNA122" s="26"/>
      <c r="UNB122" s="26"/>
      <c r="UNC122" s="26"/>
      <c r="UND122" s="26"/>
      <c r="UNE122" s="26"/>
      <c r="UNF122" s="26"/>
      <c r="UNG122" s="26"/>
      <c r="UNH122" s="26"/>
      <c r="UNI122" s="26"/>
      <c r="UNJ122" s="26"/>
      <c r="UNK122" s="26"/>
      <c r="UNL122" s="26"/>
      <c r="UNM122" s="26"/>
      <c r="UNN122" s="26"/>
      <c r="UNO122" s="26"/>
      <c r="UNP122" s="26"/>
      <c r="UNQ122" s="26"/>
      <c r="UNR122" s="26"/>
      <c r="UNS122" s="26"/>
      <c r="UNT122" s="26"/>
      <c r="UNU122" s="26"/>
      <c r="UNV122" s="26"/>
      <c r="UNW122" s="26"/>
      <c r="UNX122" s="26"/>
      <c r="UNY122" s="26"/>
      <c r="UNZ122" s="26"/>
      <c r="UOA122" s="26"/>
      <c r="UOB122" s="26"/>
      <c r="UOC122" s="26"/>
      <c r="UOD122" s="26"/>
      <c r="UOE122" s="26"/>
      <c r="UOF122" s="26"/>
      <c r="UOG122" s="26"/>
      <c r="UOH122" s="26"/>
      <c r="UOI122" s="26"/>
      <c r="UOJ122" s="26"/>
      <c r="UOK122" s="26"/>
      <c r="UOL122" s="26"/>
      <c r="UOM122" s="26"/>
      <c r="UON122" s="26"/>
      <c r="UOO122" s="26"/>
      <c r="UOP122" s="26"/>
      <c r="UOQ122" s="26"/>
      <c r="UOR122" s="26"/>
      <c r="UOS122" s="26"/>
      <c r="UOT122" s="26"/>
      <c r="UOU122" s="26"/>
      <c r="UOV122" s="26"/>
      <c r="UOW122" s="26"/>
      <c r="UOX122" s="26"/>
      <c r="UOY122" s="26"/>
      <c r="UOZ122" s="26"/>
      <c r="UPA122" s="26"/>
      <c r="UPB122" s="26"/>
      <c r="UPC122" s="26"/>
      <c r="UPD122" s="26"/>
      <c r="UPE122" s="26"/>
      <c r="UPF122" s="26"/>
      <c r="UPG122" s="26"/>
      <c r="UPH122" s="26"/>
      <c r="UPI122" s="26"/>
      <c r="UPJ122" s="26"/>
      <c r="UPK122" s="26"/>
      <c r="UPL122" s="26"/>
      <c r="UPM122" s="26"/>
      <c r="UPN122" s="26"/>
      <c r="UPO122" s="26"/>
      <c r="UPP122" s="26"/>
      <c r="UPQ122" s="26"/>
      <c r="UPR122" s="26"/>
      <c r="UPS122" s="26"/>
      <c r="UPT122" s="26"/>
      <c r="UPU122" s="26"/>
      <c r="UPV122" s="26"/>
      <c r="UPW122" s="26"/>
      <c r="UPX122" s="26"/>
      <c r="UPY122" s="26"/>
      <c r="UPZ122" s="26"/>
      <c r="UQA122" s="26"/>
      <c r="UQB122" s="26"/>
      <c r="UQC122" s="26"/>
      <c r="UQD122" s="26"/>
      <c r="UQE122" s="26"/>
      <c r="UQF122" s="26"/>
      <c r="UQG122" s="26"/>
      <c r="UQH122" s="26"/>
      <c r="UQI122" s="26"/>
      <c r="UQJ122" s="26"/>
      <c r="UQK122" s="26"/>
      <c r="UQL122" s="26"/>
      <c r="UQM122" s="26"/>
      <c r="UQN122" s="26"/>
      <c r="UQO122" s="26"/>
      <c r="UQP122" s="26"/>
      <c r="UQQ122" s="26"/>
      <c r="UQR122" s="26"/>
      <c r="UQS122" s="26"/>
      <c r="UQT122" s="26"/>
      <c r="UQU122" s="26"/>
      <c r="UQV122" s="26"/>
      <c r="UQW122" s="26"/>
      <c r="UQX122" s="26"/>
      <c r="UQY122" s="26"/>
      <c r="UQZ122" s="26"/>
      <c r="URA122" s="26"/>
      <c r="URB122" s="26"/>
      <c r="URC122" s="26"/>
      <c r="URD122" s="26"/>
      <c r="URE122" s="26"/>
      <c r="URF122" s="26"/>
      <c r="URG122" s="26"/>
      <c r="URH122" s="26"/>
      <c r="URI122" s="26"/>
      <c r="URJ122" s="26"/>
      <c r="URK122" s="26"/>
      <c r="URL122" s="26"/>
      <c r="URM122" s="26"/>
      <c r="URN122" s="26"/>
      <c r="URO122" s="26"/>
      <c r="URP122" s="26"/>
      <c r="URQ122" s="26"/>
      <c r="URR122" s="26"/>
      <c r="URS122" s="26"/>
      <c r="URT122" s="26"/>
      <c r="URU122" s="26"/>
      <c r="URV122" s="26"/>
      <c r="URW122" s="26"/>
      <c r="URX122" s="26"/>
      <c r="URY122" s="26"/>
      <c r="URZ122" s="26"/>
      <c r="USA122" s="26"/>
      <c r="USB122" s="26"/>
      <c r="USC122" s="26"/>
      <c r="USD122" s="26"/>
      <c r="USE122" s="26"/>
      <c r="USF122" s="26"/>
      <c r="USG122" s="26"/>
      <c r="USH122" s="26"/>
      <c r="USI122" s="26"/>
      <c r="USJ122" s="26"/>
      <c r="USK122" s="26"/>
      <c r="USL122" s="26"/>
      <c r="USM122" s="26"/>
      <c r="USN122" s="26"/>
      <c r="USO122" s="26"/>
      <c r="USP122" s="26"/>
      <c r="USQ122" s="26"/>
      <c r="USR122" s="26"/>
      <c r="USS122" s="26"/>
      <c r="UST122" s="26"/>
      <c r="USU122" s="26"/>
      <c r="USV122" s="26"/>
      <c r="USW122" s="26"/>
      <c r="USX122" s="26"/>
      <c r="USY122" s="26"/>
      <c r="USZ122" s="26"/>
      <c r="UTA122" s="26"/>
      <c r="UTB122" s="26"/>
      <c r="UTC122" s="26"/>
      <c r="UTD122" s="26"/>
      <c r="UTE122" s="26"/>
      <c r="UTF122" s="26"/>
      <c r="UTG122" s="26"/>
      <c r="UTH122" s="26"/>
      <c r="UTI122" s="26"/>
      <c r="UTJ122" s="26"/>
      <c r="UTK122" s="26"/>
      <c r="UTL122" s="26"/>
      <c r="UTM122" s="26"/>
      <c r="UTN122" s="26"/>
      <c r="UTO122" s="26"/>
      <c r="UTP122" s="26"/>
      <c r="UTQ122" s="26"/>
      <c r="UTR122" s="26"/>
      <c r="UTS122" s="26"/>
      <c r="UTT122" s="26"/>
      <c r="UTU122" s="26"/>
      <c r="UTV122" s="26"/>
      <c r="UTW122" s="26"/>
      <c r="UTX122" s="26"/>
      <c r="UTY122" s="26"/>
      <c r="UTZ122" s="26"/>
      <c r="UUA122" s="26"/>
      <c r="UUB122" s="26"/>
      <c r="UUC122" s="26"/>
      <c r="UUD122" s="26"/>
      <c r="UUE122" s="26"/>
      <c r="UUF122" s="26"/>
      <c r="UUG122" s="26"/>
      <c r="UUH122" s="26"/>
      <c r="UUI122" s="26"/>
      <c r="UUJ122" s="26"/>
      <c r="UUK122" s="26"/>
      <c r="UUL122" s="26"/>
      <c r="UUM122" s="26"/>
      <c r="UUN122" s="26"/>
      <c r="UUO122" s="26"/>
      <c r="UUP122" s="26"/>
      <c r="UUQ122" s="26"/>
      <c r="UUR122" s="26"/>
      <c r="UUS122" s="26"/>
      <c r="UUT122" s="26"/>
      <c r="UUU122" s="26"/>
      <c r="UUV122" s="26"/>
      <c r="UUW122" s="26"/>
      <c r="UUX122" s="26"/>
      <c r="UUY122" s="26"/>
      <c r="UUZ122" s="26"/>
      <c r="UVA122" s="26"/>
      <c r="UVB122" s="26"/>
      <c r="UVC122" s="26"/>
      <c r="UVD122" s="26"/>
      <c r="UVE122" s="26"/>
      <c r="UVF122" s="26"/>
      <c r="UVG122" s="26"/>
      <c r="UVH122" s="26"/>
      <c r="UVI122" s="26"/>
      <c r="UVJ122" s="26"/>
      <c r="UVK122" s="26"/>
      <c r="UVL122" s="26"/>
      <c r="UVM122" s="26"/>
      <c r="UVN122" s="26"/>
      <c r="UVO122" s="26"/>
      <c r="UVP122" s="26"/>
      <c r="UVQ122" s="26"/>
      <c r="UVR122" s="26"/>
      <c r="UVS122" s="26"/>
      <c r="UVT122" s="26"/>
      <c r="UVU122" s="26"/>
      <c r="UVV122" s="26"/>
      <c r="UVW122" s="26"/>
      <c r="UVX122" s="26"/>
      <c r="UVY122" s="26"/>
      <c r="UVZ122" s="26"/>
      <c r="UWA122" s="26"/>
      <c r="UWB122" s="26"/>
      <c r="UWC122" s="26"/>
      <c r="UWD122" s="26"/>
      <c r="UWE122" s="26"/>
      <c r="UWF122" s="26"/>
      <c r="UWG122" s="26"/>
      <c r="UWH122" s="26"/>
      <c r="UWI122" s="26"/>
      <c r="UWJ122" s="26"/>
      <c r="UWK122" s="26"/>
      <c r="UWL122" s="26"/>
      <c r="UWM122" s="26"/>
      <c r="UWN122" s="26"/>
      <c r="UWO122" s="26"/>
      <c r="UWP122" s="26"/>
      <c r="UWQ122" s="26"/>
      <c r="UWR122" s="26"/>
      <c r="UWS122" s="26"/>
      <c r="UWT122" s="26"/>
      <c r="UWU122" s="26"/>
      <c r="UWV122" s="26"/>
      <c r="UWW122" s="26"/>
      <c r="UWX122" s="26"/>
      <c r="UWY122" s="26"/>
      <c r="UWZ122" s="26"/>
      <c r="UXA122" s="26"/>
      <c r="UXB122" s="26"/>
      <c r="UXC122" s="26"/>
      <c r="UXD122" s="26"/>
      <c r="UXE122" s="26"/>
      <c r="UXF122" s="26"/>
      <c r="UXG122" s="26"/>
      <c r="UXH122" s="26"/>
      <c r="UXI122" s="26"/>
      <c r="UXJ122" s="26"/>
      <c r="UXK122" s="26"/>
      <c r="UXL122" s="26"/>
      <c r="UXM122" s="26"/>
      <c r="UXN122" s="26"/>
      <c r="UXO122" s="26"/>
      <c r="UXP122" s="26"/>
      <c r="UXQ122" s="26"/>
      <c r="UXR122" s="26"/>
      <c r="UXS122" s="26"/>
      <c r="UXT122" s="26"/>
      <c r="UXU122" s="26"/>
      <c r="UXV122" s="26"/>
      <c r="UXW122" s="26"/>
      <c r="UXX122" s="26"/>
      <c r="UXY122" s="26"/>
      <c r="UXZ122" s="26"/>
      <c r="UYA122" s="26"/>
      <c r="UYB122" s="26"/>
      <c r="UYC122" s="26"/>
      <c r="UYD122" s="26"/>
      <c r="UYE122" s="26"/>
      <c r="UYF122" s="26"/>
      <c r="UYG122" s="26"/>
      <c r="UYH122" s="26"/>
      <c r="UYI122" s="26"/>
      <c r="UYJ122" s="26"/>
      <c r="UYK122" s="26"/>
      <c r="UYL122" s="26"/>
      <c r="UYM122" s="26"/>
      <c r="UYN122" s="26"/>
      <c r="UYO122" s="26"/>
      <c r="UYP122" s="26"/>
      <c r="UYQ122" s="26"/>
      <c r="UYR122" s="26"/>
      <c r="UYS122" s="26"/>
      <c r="UYT122" s="26"/>
      <c r="UYU122" s="26"/>
      <c r="UYV122" s="26"/>
      <c r="UYW122" s="26"/>
      <c r="UYX122" s="26"/>
      <c r="UYY122" s="26"/>
      <c r="UYZ122" s="26"/>
      <c r="UZA122" s="26"/>
      <c r="UZB122" s="26"/>
      <c r="UZC122" s="26"/>
      <c r="UZD122" s="26"/>
      <c r="UZE122" s="26"/>
      <c r="UZF122" s="26"/>
      <c r="UZG122" s="26"/>
      <c r="UZH122" s="26"/>
      <c r="UZI122" s="26"/>
      <c r="UZJ122" s="26"/>
      <c r="UZK122" s="26"/>
      <c r="UZL122" s="26"/>
      <c r="UZM122" s="26"/>
      <c r="UZN122" s="26"/>
      <c r="UZO122" s="26"/>
      <c r="UZP122" s="26"/>
      <c r="UZQ122" s="26"/>
      <c r="UZR122" s="26"/>
      <c r="UZS122" s="26"/>
      <c r="UZT122" s="26"/>
      <c r="UZU122" s="26"/>
      <c r="UZV122" s="26"/>
      <c r="UZW122" s="26"/>
      <c r="UZX122" s="26"/>
      <c r="UZY122" s="26"/>
      <c r="UZZ122" s="26"/>
      <c r="VAA122" s="26"/>
      <c r="VAB122" s="26"/>
      <c r="VAC122" s="26"/>
      <c r="VAD122" s="26"/>
      <c r="VAE122" s="26"/>
      <c r="VAF122" s="26"/>
      <c r="VAG122" s="26"/>
      <c r="VAH122" s="26"/>
      <c r="VAI122" s="26"/>
      <c r="VAJ122" s="26"/>
      <c r="VAK122" s="26"/>
      <c r="VAL122" s="26"/>
      <c r="VAM122" s="26"/>
      <c r="VAN122" s="26"/>
      <c r="VAO122" s="26"/>
      <c r="VAP122" s="26"/>
      <c r="VAQ122" s="26"/>
      <c r="VAR122" s="26"/>
      <c r="VAS122" s="26"/>
      <c r="VAT122" s="26"/>
      <c r="VAU122" s="26"/>
      <c r="VAV122" s="26"/>
      <c r="VAW122" s="26"/>
      <c r="VAX122" s="26"/>
      <c r="VAY122" s="26"/>
      <c r="VAZ122" s="26"/>
      <c r="VBA122" s="26"/>
      <c r="VBB122" s="26"/>
      <c r="VBC122" s="26"/>
      <c r="VBD122" s="26"/>
      <c r="VBE122" s="26"/>
      <c r="VBF122" s="26"/>
      <c r="VBG122" s="26"/>
      <c r="VBH122" s="26"/>
      <c r="VBI122" s="26"/>
      <c r="VBJ122" s="26"/>
      <c r="VBK122" s="26"/>
      <c r="VBL122" s="26"/>
      <c r="VBM122" s="26"/>
      <c r="VBN122" s="26"/>
      <c r="VBO122" s="26"/>
      <c r="VBP122" s="26"/>
      <c r="VBQ122" s="26"/>
      <c r="VBR122" s="26"/>
      <c r="VBS122" s="26"/>
      <c r="VBT122" s="26"/>
      <c r="VBU122" s="26"/>
      <c r="VBV122" s="26"/>
      <c r="VBW122" s="26"/>
      <c r="VBX122" s="26"/>
      <c r="VBY122" s="26"/>
      <c r="VBZ122" s="26"/>
      <c r="VCA122" s="26"/>
      <c r="VCB122" s="26"/>
      <c r="VCC122" s="26"/>
      <c r="VCD122" s="26"/>
      <c r="VCE122" s="26"/>
      <c r="VCF122" s="26"/>
      <c r="VCG122" s="26"/>
      <c r="VCH122" s="26"/>
      <c r="VCI122" s="26"/>
      <c r="VCJ122" s="26"/>
      <c r="VCK122" s="26"/>
      <c r="VCL122" s="26"/>
      <c r="VCM122" s="26"/>
      <c r="VCN122" s="26"/>
      <c r="VCO122" s="26"/>
      <c r="VCP122" s="26"/>
      <c r="VCQ122" s="26"/>
      <c r="VCR122" s="26"/>
      <c r="VCS122" s="26"/>
      <c r="VCT122" s="26"/>
      <c r="VCU122" s="26"/>
      <c r="VCV122" s="26"/>
      <c r="VCW122" s="26"/>
      <c r="VCX122" s="26"/>
      <c r="VCY122" s="26"/>
      <c r="VCZ122" s="26"/>
      <c r="VDA122" s="26"/>
      <c r="VDB122" s="26"/>
      <c r="VDC122" s="26"/>
      <c r="VDD122" s="26"/>
      <c r="VDE122" s="26"/>
      <c r="VDF122" s="26"/>
      <c r="VDG122" s="26"/>
      <c r="VDH122" s="26"/>
      <c r="VDI122" s="26"/>
      <c r="VDJ122" s="26"/>
      <c r="VDK122" s="26"/>
      <c r="VDL122" s="26"/>
      <c r="VDM122" s="26"/>
      <c r="VDN122" s="26"/>
      <c r="VDO122" s="26"/>
      <c r="VDP122" s="26"/>
      <c r="VDQ122" s="26"/>
      <c r="VDR122" s="26"/>
      <c r="VDS122" s="26"/>
      <c r="VDT122" s="26"/>
      <c r="VDU122" s="26"/>
      <c r="VDV122" s="26"/>
      <c r="VDW122" s="26"/>
      <c r="VDX122" s="26"/>
      <c r="VDY122" s="26"/>
      <c r="VDZ122" s="26"/>
      <c r="VEA122" s="26"/>
      <c r="VEB122" s="26"/>
      <c r="VEC122" s="26"/>
      <c r="VED122" s="26"/>
      <c r="VEE122" s="26"/>
      <c r="VEF122" s="26"/>
      <c r="VEG122" s="26"/>
      <c r="VEH122" s="26"/>
      <c r="VEI122" s="26"/>
      <c r="VEJ122" s="26"/>
      <c r="VEK122" s="26"/>
      <c r="VEL122" s="26"/>
      <c r="VEM122" s="26"/>
      <c r="VEN122" s="26"/>
      <c r="VEO122" s="26"/>
      <c r="VEP122" s="26"/>
      <c r="VEQ122" s="26"/>
      <c r="VER122" s="26"/>
      <c r="VES122" s="26"/>
      <c r="VET122" s="26"/>
      <c r="VEU122" s="26"/>
      <c r="VEV122" s="26"/>
      <c r="VEW122" s="26"/>
      <c r="VEX122" s="26"/>
      <c r="VEY122" s="26"/>
      <c r="VEZ122" s="26"/>
      <c r="VFA122" s="26"/>
      <c r="VFB122" s="26"/>
      <c r="VFC122" s="26"/>
      <c r="VFD122" s="26"/>
      <c r="VFE122" s="26"/>
      <c r="VFF122" s="26"/>
      <c r="VFG122" s="26"/>
      <c r="VFH122" s="26"/>
      <c r="VFI122" s="26"/>
      <c r="VFJ122" s="26"/>
      <c r="VFK122" s="26"/>
      <c r="VFL122" s="26"/>
      <c r="VFM122" s="26"/>
      <c r="VFN122" s="26"/>
      <c r="VFO122" s="26"/>
      <c r="VFP122" s="26"/>
      <c r="VFQ122" s="26"/>
      <c r="VFR122" s="26"/>
      <c r="VFS122" s="26"/>
      <c r="VFT122" s="26"/>
      <c r="VFU122" s="26"/>
      <c r="VFV122" s="26"/>
      <c r="VFW122" s="26"/>
      <c r="VFX122" s="26"/>
      <c r="VFY122" s="26"/>
      <c r="VFZ122" s="26"/>
      <c r="VGA122" s="26"/>
      <c r="VGB122" s="26"/>
      <c r="VGC122" s="26"/>
      <c r="VGD122" s="26"/>
      <c r="VGE122" s="26"/>
      <c r="VGF122" s="26"/>
      <c r="VGG122" s="26"/>
      <c r="VGH122" s="26"/>
      <c r="VGI122" s="26"/>
      <c r="VGJ122" s="26"/>
      <c r="VGK122" s="26"/>
      <c r="VGL122" s="26"/>
      <c r="VGM122" s="26"/>
      <c r="VGN122" s="26"/>
      <c r="VGO122" s="26"/>
      <c r="VGP122" s="26"/>
      <c r="VGQ122" s="26"/>
      <c r="VGR122" s="26"/>
      <c r="VGS122" s="26"/>
      <c r="VGT122" s="26"/>
      <c r="VGU122" s="26"/>
      <c r="VGV122" s="26"/>
      <c r="VGW122" s="26"/>
      <c r="VGX122" s="26"/>
      <c r="VGY122" s="26"/>
      <c r="VGZ122" s="26"/>
      <c r="VHA122" s="26"/>
      <c r="VHB122" s="26"/>
      <c r="VHC122" s="26"/>
      <c r="VHD122" s="26"/>
      <c r="VHE122" s="26"/>
      <c r="VHF122" s="26"/>
      <c r="VHG122" s="26"/>
      <c r="VHH122" s="26"/>
      <c r="VHI122" s="26"/>
      <c r="VHJ122" s="26"/>
      <c r="VHK122" s="26"/>
      <c r="VHL122" s="26"/>
      <c r="VHM122" s="26"/>
      <c r="VHN122" s="26"/>
      <c r="VHO122" s="26"/>
      <c r="VHP122" s="26"/>
      <c r="VHQ122" s="26"/>
      <c r="VHR122" s="26"/>
      <c r="VHS122" s="26"/>
      <c r="VHT122" s="26"/>
      <c r="VHU122" s="26"/>
      <c r="VHV122" s="26"/>
      <c r="VHW122" s="26"/>
      <c r="VHX122" s="26"/>
      <c r="VHY122" s="26"/>
      <c r="VHZ122" s="26"/>
      <c r="VIA122" s="26"/>
      <c r="VIB122" s="26"/>
      <c r="VIC122" s="26"/>
      <c r="VID122" s="26"/>
      <c r="VIE122" s="26"/>
      <c r="VIF122" s="26"/>
      <c r="VIG122" s="26"/>
      <c r="VIH122" s="26"/>
      <c r="VII122" s="26"/>
      <c r="VIJ122" s="26"/>
      <c r="VIK122" s="26"/>
      <c r="VIL122" s="26"/>
      <c r="VIM122" s="26"/>
      <c r="VIN122" s="26"/>
      <c r="VIO122" s="26"/>
      <c r="VIP122" s="26"/>
      <c r="VIQ122" s="26"/>
      <c r="VIR122" s="26"/>
      <c r="VIS122" s="26"/>
      <c r="VIT122" s="26"/>
      <c r="VIU122" s="26"/>
      <c r="VIV122" s="26"/>
      <c r="VIW122" s="26"/>
      <c r="VIX122" s="26"/>
      <c r="VIY122" s="26"/>
      <c r="VIZ122" s="26"/>
      <c r="VJA122" s="26"/>
      <c r="VJB122" s="26"/>
      <c r="VJC122" s="26"/>
      <c r="VJD122" s="26"/>
      <c r="VJE122" s="26"/>
      <c r="VJF122" s="26"/>
      <c r="VJG122" s="26"/>
      <c r="VJH122" s="26"/>
      <c r="VJI122" s="26"/>
      <c r="VJJ122" s="26"/>
      <c r="VJK122" s="26"/>
      <c r="VJL122" s="26"/>
      <c r="VJM122" s="26"/>
      <c r="VJN122" s="26"/>
      <c r="VJO122" s="26"/>
      <c r="VJP122" s="26"/>
      <c r="VJQ122" s="26"/>
      <c r="VJR122" s="26"/>
      <c r="VJS122" s="26"/>
      <c r="VJT122" s="26"/>
      <c r="VJU122" s="26"/>
      <c r="VJV122" s="26"/>
      <c r="VJW122" s="26"/>
      <c r="VJX122" s="26"/>
      <c r="VJY122" s="26"/>
      <c r="VJZ122" s="26"/>
      <c r="VKA122" s="26"/>
      <c r="VKB122" s="26"/>
      <c r="VKC122" s="26"/>
      <c r="VKD122" s="26"/>
      <c r="VKE122" s="26"/>
      <c r="VKF122" s="26"/>
      <c r="VKG122" s="26"/>
      <c r="VKH122" s="26"/>
      <c r="VKI122" s="26"/>
      <c r="VKJ122" s="26"/>
      <c r="VKK122" s="26"/>
      <c r="VKL122" s="26"/>
      <c r="VKM122" s="26"/>
      <c r="VKN122" s="26"/>
      <c r="VKO122" s="26"/>
      <c r="VKP122" s="26"/>
      <c r="VKQ122" s="26"/>
      <c r="VKR122" s="26"/>
      <c r="VKS122" s="26"/>
      <c r="VKT122" s="26"/>
      <c r="VKU122" s="26"/>
      <c r="VKV122" s="26"/>
      <c r="VKW122" s="26"/>
      <c r="VKX122" s="26"/>
      <c r="VKY122" s="26"/>
      <c r="VKZ122" s="26"/>
      <c r="VLA122" s="26"/>
      <c r="VLB122" s="26"/>
      <c r="VLC122" s="26"/>
      <c r="VLD122" s="26"/>
      <c r="VLE122" s="26"/>
      <c r="VLF122" s="26"/>
      <c r="VLG122" s="26"/>
      <c r="VLH122" s="26"/>
      <c r="VLI122" s="26"/>
      <c r="VLJ122" s="26"/>
      <c r="VLK122" s="26"/>
      <c r="VLL122" s="26"/>
      <c r="VLM122" s="26"/>
      <c r="VLN122" s="26"/>
      <c r="VLO122" s="26"/>
      <c r="VLP122" s="26"/>
      <c r="VLQ122" s="26"/>
      <c r="VLR122" s="26"/>
      <c r="VLS122" s="26"/>
      <c r="VLT122" s="26"/>
      <c r="VLU122" s="26"/>
      <c r="VLV122" s="26"/>
      <c r="VLW122" s="26"/>
      <c r="VLX122" s="26"/>
      <c r="VLY122" s="26"/>
      <c r="VLZ122" s="26"/>
      <c r="VMA122" s="26"/>
      <c r="VMB122" s="26"/>
      <c r="VMC122" s="26"/>
      <c r="VMD122" s="26"/>
      <c r="VME122" s="26"/>
      <c r="VMF122" s="26"/>
      <c r="VMG122" s="26"/>
      <c r="VMH122" s="26"/>
      <c r="VMI122" s="26"/>
      <c r="VMJ122" s="26"/>
      <c r="VMK122" s="26"/>
      <c r="VML122" s="26"/>
      <c r="VMM122" s="26"/>
      <c r="VMN122" s="26"/>
      <c r="VMO122" s="26"/>
      <c r="VMP122" s="26"/>
      <c r="VMQ122" s="26"/>
      <c r="VMR122" s="26"/>
      <c r="VMS122" s="26"/>
      <c r="VMT122" s="26"/>
      <c r="VMU122" s="26"/>
      <c r="VMV122" s="26"/>
      <c r="VMW122" s="26"/>
      <c r="VMX122" s="26"/>
      <c r="VMY122" s="26"/>
      <c r="VMZ122" s="26"/>
      <c r="VNA122" s="26"/>
      <c r="VNB122" s="26"/>
      <c r="VNC122" s="26"/>
      <c r="VND122" s="26"/>
      <c r="VNE122" s="26"/>
      <c r="VNF122" s="26"/>
      <c r="VNG122" s="26"/>
      <c r="VNH122" s="26"/>
      <c r="VNI122" s="26"/>
      <c r="VNJ122" s="26"/>
      <c r="VNK122" s="26"/>
      <c r="VNL122" s="26"/>
      <c r="VNM122" s="26"/>
      <c r="VNN122" s="26"/>
      <c r="VNO122" s="26"/>
      <c r="VNP122" s="26"/>
      <c r="VNQ122" s="26"/>
      <c r="VNR122" s="26"/>
      <c r="VNS122" s="26"/>
      <c r="VNT122" s="26"/>
      <c r="VNU122" s="26"/>
      <c r="VNV122" s="26"/>
      <c r="VNW122" s="26"/>
      <c r="VNX122" s="26"/>
      <c r="VNY122" s="26"/>
      <c r="VNZ122" s="26"/>
      <c r="VOA122" s="26"/>
      <c r="VOB122" s="26"/>
      <c r="VOC122" s="26"/>
      <c r="VOD122" s="26"/>
      <c r="VOE122" s="26"/>
      <c r="VOF122" s="26"/>
      <c r="VOG122" s="26"/>
      <c r="VOH122" s="26"/>
      <c r="VOI122" s="26"/>
      <c r="VOJ122" s="26"/>
      <c r="VOK122" s="26"/>
      <c r="VOL122" s="26"/>
      <c r="VOM122" s="26"/>
      <c r="VON122" s="26"/>
      <c r="VOO122" s="26"/>
      <c r="VOP122" s="26"/>
      <c r="VOQ122" s="26"/>
      <c r="VOR122" s="26"/>
      <c r="VOS122" s="26"/>
      <c r="VOT122" s="26"/>
      <c r="VOU122" s="26"/>
      <c r="VOV122" s="26"/>
      <c r="VOW122" s="26"/>
      <c r="VOX122" s="26"/>
      <c r="VOY122" s="26"/>
      <c r="VOZ122" s="26"/>
      <c r="VPA122" s="26"/>
      <c r="VPB122" s="26"/>
      <c r="VPC122" s="26"/>
      <c r="VPD122" s="26"/>
      <c r="VPE122" s="26"/>
      <c r="VPF122" s="26"/>
      <c r="VPG122" s="26"/>
      <c r="VPH122" s="26"/>
      <c r="VPI122" s="26"/>
      <c r="VPJ122" s="26"/>
      <c r="VPK122" s="26"/>
      <c r="VPL122" s="26"/>
      <c r="VPM122" s="26"/>
      <c r="VPN122" s="26"/>
      <c r="VPO122" s="26"/>
      <c r="VPP122" s="26"/>
      <c r="VPQ122" s="26"/>
      <c r="VPR122" s="26"/>
      <c r="VPS122" s="26"/>
      <c r="VPT122" s="26"/>
      <c r="VPU122" s="26"/>
      <c r="VPV122" s="26"/>
      <c r="VPW122" s="26"/>
      <c r="VPX122" s="26"/>
      <c r="VPY122" s="26"/>
      <c r="VPZ122" s="26"/>
      <c r="VQA122" s="26"/>
      <c r="VQB122" s="26"/>
      <c r="VQC122" s="26"/>
      <c r="VQD122" s="26"/>
      <c r="VQE122" s="26"/>
      <c r="VQF122" s="26"/>
      <c r="VQG122" s="26"/>
      <c r="VQH122" s="26"/>
      <c r="VQI122" s="26"/>
      <c r="VQJ122" s="26"/>
      <c r="VQK122" s="26"/>
      <c r="VQL122" s="26"/>
      <c r="VQM122" s="26"/>
      <c r="VQN122" s="26"/>
      <c r="VQO122" s="26"/>
      <c r="VQP122" s="26"/>
      <c r="VQQ122" s="26"/>
      <c r="VQR122" s="26"/>
      <c r="VQS122" s="26"/>
      <c r="VQT122" s="26"/>
      <c r="VQU122" s="26"/>
      <c r="VQV122" s="26"/>
      <c r="VQW122" s="26"/>
      <c r="VQX122" s="26"/>
      <c r="VQY122" s="26"/>
      <c r="VQZ122" s="26"/>
      <c r="VRA122" s="26"/>
      <c r="VRB122" s="26"/>
      <c r="VRC122" s="26"/>
      <c r="VRD122" s="26"/>
      <c r="VRE122" s="26"/>
      <c r="VRF122" s="26"/>
      <c r="VRG122" s="26"/>
      <c r="VRH122" s="26"/>
      <c r="VRI122" s="26"/>
      <c r="VRJ122" s="26"/>
      <c r="VRK122" s="26"/>
      <c r="VRL122" s="26"/>
      <c r="VRM122" s="26"/>
      <c r="VRN122" s="26"/>
      <c r="VRO122" s="26"/>
      <c r="VRP122" s="26"/>
      <c r="VRQ122" s="26"/>
      <c r="VRR122" s="26"/>
      <c r="VRS122" s="26"/>
      <c r="VRT122" s="26"/>
      <c r="VRU122" s="26"/>
      <c r="VRV122" s="26"/>
      <c r="VRW122" s="26"/>
      <c r="VRX122" s="26"/>
      <c r="VRY122" s="26"/>
      <c r="VRZ122" s="26"/>
      <c r="VSA122" s="26"/>
      <c r="VSB122" s="26"/>
      <c r="VSC122" s="26"/>
      <c r="VSD122" s="26"/>
      <c r="VSE122" s="26"/>
      <c r="VSF122" s="26"/>
      <c r="VSG122" s="26"/>
      <c r="VSH122" s="26"/>
      <c r="VSI122" s="26"/>
      <c r="VSJ122" s="26"/>
      <c r="VSK122" s="26"/>
      <c r="VSL122" s="26"/>
      <c r="VSM122" s="26"/>
      <c r="VSN122" s="26"/>
      <c r="VSO122" s="26"/>
      <c r="VSP122" s="26"/>
      <c r="VSQ122" s="26"/>
      <c r="VSR122" s="26"/>
      <c r="VSS122" s="26"/>
      <c r="VST122" s="26"/>
      <c r="VSU122" s="26"/>
      <c r="VSV122" s="26"/>
      <c r="VSW122" s="26"/>
      <c r="VSX122" s="26"/>
      <c r="VSY122" s="26"/>
      <c r="VSZ122" s="26"/>
      <c r="VTA122" s="26"/>
      <c r="VTB122" s="26"/>
      <c r="VTC122" s="26"/>
      <c r="VTD122" s="26"/>
      <c r="VTE122" s="26"/>
      <c r="VTF122" s="26"/>
      <c r="VTG122" s="26"/>
      <c r="VTH122" s="26"/>
      <c r="VTI122" s="26"/>
      <c r="VTJ122" s="26"/>
      <c r="VTK122" s="26"/>
      <c r="VTL122" s="26"/>
      <c r="VTM122" s="26"/>
      <c r="VTN122" s="26"/>
      <c r="VTO122" s="26"/>
      <c r="VTP122" s="26"/>
      <c r="VTQ122" s="26"/>
      <c r="VTR122" s="26"/>
      <c r="VTS122" s="26"/>
      <c r="VTT122" s="26"/>
      <c r="VTU122" s="26"/>
      <c r="VTV122" s="26"/>
      <c r="VTW122" s="26"/>
      <c r="VTX122" s="26"/>
      <c r="VTY122" s="26"/>
      <c r="VTZ122" s="26"/>
      <c r="VUA122" s="26"/>
      <c r="VUB122" s="26"/>
      <c r="VUC122" s="26"/>
      <c r="VUD122" s="26"/>
      <c r="VUE122" s="26"/>
      <c r="VUF122" s="26"/>
      <c r="VUG122" s="26"/>
      <c r="VUH122" s="26"/>
      <c r="VUI122" s="26"/>
      <c r="VUJ122" s="26"/>
      <c r="VUK122" s="26"/>
      <c r="VUL122" s="26"/>
      <c r="VUM122" s="26"/>
      <c r="VUN122" s="26"/>
      <c r="VUO122" s="26"/>
      <c r="VUP122" s="26"/>
      <c r="VUQ122" s="26"/>
      <c r="VUR122" s="26"/>
      <c r="VUS122" s="26"/>
      <c r="VUT122" s="26"/>
      <c r="VUU122" s="26"/>
      <c r="VUV122" s="26"/>
      <c r="VUW122" s="26"/>
      <c r="VUX122" s="26"/>
      <c r="VUY122" s="26"/>
      <c r="VUZ122" s="26"/>
      <c r="VVA122" s="26"/>
      <c r="VVB122" s="26"/>
      <c r="VVC122" s="26"/>
      <c r="VVD122" s="26"/>
      <c r="VVE122" s="26"/>
      <c r="VVF122" s="26"/>
      <c r="VVG122" s="26"/>
      <c r="VVH122" s="26"/>
      <c r="VVI122" s="26"/>
      <c r="VVJ122" s="26"/>
      <c r="VVK122" s="26"/>
      <c r="VVL122" s="26"/>
      <c r="VVM122" s="26"/>
      <c r="VVN122" s="26"/>
      <c r="VVO122" s="26"/>
      <c r="VVP122" s="26"/>
      <c r="VVQ122" s="26"/>
      <c r="VVR122" s="26"/>
      <c r="VVS122" s="26"/>
      <c r="VVT122" s="26"/>
      <c r="VVU122" s="26"/>
      <c r="VVV122" s="26"/>
      <c r="VVW122" s="26"/>
      <c r="VVX122" s="26"/>
      <c r="VVY122" s="26"/>
      <c r="VVZ122" s="26"/>
      <c r="VWA122" s="26"/>
      <c r="VWB122" s="26"/>
      <c r="VWC122" s="26"/>
      <c r="VWD122" s="26"/>
      <c r="VWE122" s="26"/>
      <c r="VWF122" s="26"/>
      <c r="VWG122" s="26"/>
      <c r="VWH122" s="26"/>
      <c r="VWI122" s="26"/>
      <c r="VWJ122" s="26"/>
      <c r="VWK122" s="26"/>
      <c r="VWL122" s="26"/>
      <c r="VWM122" s="26"/>
      <c r="VWN122" s="26"/>
      <c r="VWO122" s="26"/>
      <c r="VWP122" s="26"/>
      <c r="VWQ122" s="26"/>
      <c r="VWR122" s="26"/>
      <c r="VWS122" s="26"/>
      <c r="VWT122" s="26"/>
      <c r="VWU122" s="26"/>
      <c r="VWV122" s="26"/>
      <c r="VWW122" s="26"/>
      <c r="VWX122" s="26"/>
      <c r="VWY122" s="26"/>
      <c r="VWZ122" s="26"/>
      <c r="VXA122" s="26"/>
      <c r="VXB122" s="26"/>
      <c r="VXC122" s="26"/>
      <c r="VXD122" s="26"/>
      <c r="VXE122" s="26"/>
      <c r="VXF122" s="26"/>
      <c r="VXG122" s="26"/>
      <c r="VXH122" s="26"/>
      <c r="VXI122" s="26"/>
      <c r="VXJ122" s="26"/>
      <c r="VXK122" s="26"/>
      <c r="VXL122" s="26"/>
      <c r="VXM122" s="26"/>
      <c r="VXN122" s="26"/>
      <c r="VXO122" s="26"/>
      <c r="VXP122" s="26"/>
      <c r="VXQ122" s="26"/>
      <c r="VXR122" s="26"/>
      <c r="VXS122" s="26"/>
      <c r="VXT122" s="26"/>
      <c r="VXU122" s="26"/>
      <c r="VXV122" s="26"/>
      <c r="VXW122" s="26"/>
      <c r="VXX122" s="26"/>
      <c r="VXY122" s="26"/>
      <c r="VXZ122" s="26"/>
      <c r="VYA122" s="26"/>
      <c r="VYB122" s="26"/>
      <c r="VYC122" s="26"/>
      <c r="VYD122" s="26"/>
      <c r="VYE122" s="26"/>
      <c r="VYF122" s="26"/>
      <c r="VYG122" s="26"/>
      <c r="VYH122" s="26"/>
      <c r="VYI122" s="26"/>
      <c r="VYJ122" s="26"/>
      <c r="VYK122" s="26"/>
      <c r="VYL122" s="26"/>
      <c r="VYM122" s="26"/>
      <c r="VYN122" s="26"/>
      <c r="VYO122" s="26"/>
      <c r="VYP122" s="26"/>
      <c r="VYQ122" s="26"/>
      <c r="VYR122" s="26"/>
      <c r="VYS122" s="26"/>
      <c r="VYT122" s="26"/>
      <c r="VYU122" s="26"/>
      <c r="VYV122" s="26"/>
      <c r="VYW122" s="26"/>
      <c r="VYX122" s="26"/>
      <c r="VYY122" s="26"/>
      <c r="VYZ122" s="26"/>
      <c r="VZA122" s="26"/>
      <c r="VZB122" s="26"/>
      <c r="VZC122" s="26"/>
      <c r="VZD122" s="26"/>
      <c r="VZE122" s="26"/>
      <c r="VZF122" s="26"/>
      <c r="VZG122" s="26"/>
      <c r="VZH122" s="26"/>
      <c r="VZI122" s="26"/>
      <c r="VZJ122" s="26"/>
      <c r="VZK122" s="26"/>
      <c r="VZL122" s="26"/>
      <c r="VZM122" s="26"/>
      <c r="VZN122" s="26"/>
      <c r="VZO122" s="26"/>
      <c r="VZP122" s="26"/>
      <c r="VZQ122" s="26"/>
      <c r="VZR122" s="26"/>
      <c r="VZS122" s="26"/>
      <c r="VZT122" s="26"/>
      <c r="VZU122" s="26"/>
      <c r="VZV122" s="26"/>
      <c r="VZW122" s="26"/>
      <c r="VZX122" s="26"/>
      <c r="VZY122" s="26"/>
      <c r="VZZ122" s="26"/>
      <c r="WAA122" s="26"/>
      <c r="WAB122" s="26"/>
      <c r="WAC122" s="26"/>
      <c r="WAD122" s="26"/>
      <c r="WAE122" s="26"/>
      <c r="WAF122" s="26"/>
      <c r="WAG122" s="26"/>
      <c r="WAH122" s="26"/>
      <c r="WAI122" s="26"/>
      <c r="WAJ122" s="26"/>
      <c r="WAK122" s="26"/>
      <c r="WAL122" s="26"/>
      <c r="WAM122" s="26"/>
      <c r="WAN122" s="26"/>
      <c r="WAO122" s="26"/>
      <c r="WAP122" s="26"/>
      <c r="WAQ122" s="26"/>
      <c r="WAR122" s="26"/>
      <c r="WAS122" s="26"/>
      <c r="WAT122" s="26"/>
      <c r="WAU122" s="26"/>
      <c r="WAV122" s="26"/>
      <c r="WAW122" s="26"/>
      <c r="WAX122" s="26"/>
      <c r="WAY122" s="26"/>
      <c r="WAZ122" s="26"/>
      <c r="WBA122" s="26"/>
      <c r="WBB122" s="26"/>
      <c r="WBC122" s="26"/>
      <c r="WBD122" s="26"/>
      <c r="WBE122" s="26"/>
      <c r="WBF122" s="26"/>
      <c r="WBG122" s="26"/>
      <c r="WBH122" s="26"/>
      <c r="WBI122" s="26"/>
      <c r="WBJ122" s="26"/>
      <c r="WBK122" s="26"/>
      <c r="WBL122" s="26"/>
      <c r="WBM122" s="26"/>
      <c r="WBN122" s="26"/>
      <c r="WBO122" s="26"/>
      <c r="WBP122" s="26"/>
      <c r="WBQ122" s="26"/>
      <c r="WBR122" s="26"/>
      <c r="WBS122" s="26"/>
      <c r="WBT122" s="26"/>
      <c r="WBU122" s="26"/>
      <c r="WBV122" s="26"/>
      <c r="WBW122" s="26"/>
      <c r="WBX122" s="26"/>
      <c r="WBY122" s="26"/>
      <c r="WBZ122" s="26"/>
      <c r="WCA122" s="26"/>
      <c r="WCB122" s="26"/>
      <c r="WCC122" s="26"/>
      <c r="WCD122" s="26"/>
      <c r="WCE122" s="26"/>
      <c r="WCF122" s="26"/>
      <c r="WCG122" s="26"/>
      <c r="WCH122" s="26"/>
      <c r="WCI122" s="26"/>
      <c r="WCJ122" s="26"/>
      <c r="WCK122" s="26"/>
      <c r="WCL122" s="26"/>
      <c r="WCM122" s="26"/>
      <c r="WCN122" s="26"/>
      <c r="WCO122" s="26"/>
      <c r="WCP122" s="26"/>
      <c r="WCQ122" s="26"/>
      <c r="WCR122" s="26"/>
      <c r="WCS122" s="26"/>
      <c r="WCT122" s="26"/>
      <c r="WCU122" s="26"/>
      <c r="WCV122" s="26"/>
      <c r="WCW122" s="26"/>
      <c r="WCX122" s="26"/>
      <c r="WCY122" s="26"/>
      <c r="WCZ122" s="26"/>
      <c r="WDA122" s="26"/>
      <c r="WDB122" s="26"/>
      <c r="WDC122" s="26"/>
      <c r="WDD122" s="26"/>
      <c r="WDE122" s="26"/>
      <c r="WDF122" s="26"/>
      <c r="WDG122" s="26"/>
      <c r="WDH122" s="26"/>
      <c r="WDI122" s="26"/>
      <c r="WDJ122" s="26"/>
      <c r="WDK122" s="26"/>
      <c r="WDL122" s="26"/>
      <c r="WDM122" s="26"/>
      <c r="WDN122" s="26"/>
      <c r="WDO122" s="26"/>
      <c r="WDP122" s="26"/>
      <c r="WDQ122" s="26"/>
      <c r="WDR122" s="26"/>
      <c r="WDS122" s="26"/>
      <c r="WDT122" s="26"/>
      <c r="WDU122" s="26"/>
      <c r="WDV122" s="26"/>
      <c r="WDW122" s="26"/>
      <c r="WDX122" s="26"/>
      <c r="WDY122" s="26"/>
      <c r="WDZ122" s="26"/>
      <c r="WEA122" s="26"/>
      <c r="WEB122" s="26"/>
      <c r="WEC122" s="26"/>
      <c r="WED122" s="26"/>
      <c r="WEE122" s="26"/>
      <c r="WEF122" s="26"/>
      <c r="WEG122" s="26"/>
      <c r="WEH122" s="26"/>
      <c r="WEI122" s="26"/>
      <c r="WEJ122" s="26"/>
      <c r="WEK122" s="26"/>
      <c r="WEL122" s="26"/>
      <c r="WEM122" s="26"/>
      <c r="WEN122" s="26"/>
      <c r="WEO122" s="26"/>
      <c r="WEP122" s="26"/>
      <c r="WEQ122" s="26"/>
      <c r="WER122" s="26"/>
      <c r="WES122" s="26"/>
      <c r="WET122" s="26"/>
      <c r="WEU122" s="26"/>
      <c r="WEV122" s="26"/>
      <c r="WEW122" s="26"/>
      <c r="WEX122" s="26"/>
      <c r="WEY122" s="26"/>
      <c r="WEZ122" s="26"/>
      <c r="WFA122" s="26"/>
      <c r="WFB122" s="26"/>
      <c r="WFC122" s="26"/>
      <c r="WFD122" s="26"/>
      <c r="WFE122" s="26"/>
      <c r="WFF122" s="26"/>
      <c r="WFG122" s="26"/>
      <c r="WFH122" s="26"/>
      <c r="WFI122" s="26"/>
      <c r="WFJ122" s="26"/>
      <c r="WFK122" s="26"/>
      <c r="WFL122" s="26"/>
      <c r="WFM122" s="26"/>
      <c r="WFN122" s="26"/>
      <c r="WFO122" s="26"/>
      <c r="WFP122" s="26"/>
      <c r="WFQ122" s="26"/>
      <c r="WFR122" s="26"/>
      <c r="WFS122" s="26"/>
      <c r="WFT122" s="26"/>
      <c r="WFU122" s="26"/>
      <c r="WFV122" s="26"/>
      <c r="WFW122" s="26"/>
      <c r="WFX122" s="26"/>
      <c r="WFY122" s="26"/>
      <c r="WFZ122" s="26"/>
      <c r="WGA122" s="26"/>
      <c r="WGB122" s="26"/>
      <c r="WGC122" s="26"/>
      <c r="WGD122" s="26"/>
      <c r="WGE122" s="26"/>
      <c r="WGF122" s="26"/>
      <c r="WGG122" s="26"/>
      <c r="WGH122" s="26"/>
      <c r="WGI122" s="26"/>
      <c r="WGJ122" s="26"/>
      <c r="WGK122" s="26"/>
      <c r="WGL122" s="26"/>
      <c r="WGM122" s="26"/>
      <c r="WGN122" s="26"/>
      <c r="WGO122" s="26"/>
      <c r="WGP122" s="26"/>
      <c r="WGQ122" s="26"/>
      <c r="WGR122" s="26"/>
      <c r="WGS122" s="26"/>
      <c r="WGT122" s="26"/>
      <c r="WGU122" s="26"/>
      <c r="WGV122" s="26"/>
      <c r="WGW122" s="26"/>
      <c r="WGX122" s="26"/>
      <c r="WGY122" s="26"/>
      <c r="WGZ122" s="26"/>
      <c r="WHA122" s="26"/>
      <c r="WHB122" s="26"/>
      <c r="WHC122" s="26"/>
      <c r="WHD122" s="26"/>
      <c r="WHE122" s="26"/>
      <c r="WHF122" s="26"/>
      <c r="WHG122" s="26"/>
      <c r="WHH122" s="26"/>
      <c r="WHI122" s="26"/>
      <c r="WHJ122" s="26"/>
      <c r="WHK122" s="26"/>
      <c r="WHL122" s="26"/>
      <c r="WHM122" s="26"/>
      <c r="WHN122" s="26"/>
      <c r="WHO122" s="26"/>
      <c r="WHP122" s="26"/>
      <c r="WHQ122" s="26"/>
      <c r="WHR122" s="26"/>
      <c r="WHS122" s="26"/>
      <c r="WHT122" s="26"/>
      <c r="WHU122" s="26"/>
      <c r="WHV122" s="26"/>
      <c r="WHW122" s="26"/>
      <c r="WHX122" s="26"/>
      <c r="WHY122" s="26"/>
      <c r="WHZ122" s="26"/>
      <c r="WIA122" s="26"/>
      <c r="WIB122" s="26"/>
      <c r="WIC122" s="26"/>
      <c r="WID122" s="26"/>
      <c r="WIE122" s="26"/>
      <c r="WIF122" s="26"/>
      <c r="WIG122" s="26"/>
      <c r="WIH122" s="26"/>
      <c r="WII122" s="26"/>
      <c r="WIJ122" s="26"/>
      <c r="WIK122" s="26"/>
      <c r="WIL122" s="26"/>
      <c r="WIM122" s="26"/>
      <c r="WIN122" s="26"/>
      <c r="WIO122" s="26"/>
      <c r="WIP122" s="26"/>
      <c r="WIQ122" s="26"/>
      <c r="WIR122" s="26"/>
      <c r="WIS122" s="26"/>
      <c r="WIT122" s="26"/>
      <c r="WIU122" s="26"/>
      <c r="WIV122" s="26"/>
      <c r="WIW122" s="26"/>
      <c r="WIX122" s="26"/>
      <c r="WIY122" s="26"/>
      <c r="WIZ122" s="26"/>
      <c r="WJA122" s="26"/>
      <c r="WJB122" s="26"/>
      <c r="WJC122" s="26"/>
      <c r="WJD122" s="26"/>
      <c r="WJE122" s="26"/>
      <c r="WJF122" s="26"/>
      <c r="WJG122" s="26"/>
      <c r="WJH122" s="26"/>
      <c r="WJI122" s="26"/>
      <c r="WJJ122" s="26"/>
      <c r="WJK122" s="26"/>
      <c r="WJL122" s="26"/>
      <c r="WJM122" s="26"/>
      <c r="WJN122" s="26"/>
      <c r="WJO122" s="26"/>
      <c r="WJP122" s="26"/>
      <c r="WJQ122" s="26"/>
      <c r="WJR122" s="26"/>
      <c r="WJS122" s="26"/>
      <c r="WJT122" s="26"/>
      <c r="WJU122" s="26"/>
      <c r="WJV122" s="26"/>
      <c r="WJW122" s="26"/>
      <c r="WJX122" s="26"/>
      <c r="WJY122" s="26"/>
      <c r="WJZ122" s="26"/>
      <c r="WKA122" s="26"/>
      <c r="WKB122" s="26"/>
      <c r="WKC122" s="26"/>
      <c r="WKD122" s="26"/>
      <c r="WKE122" s="26"/>
      <c r="WKF122" s="26"/>
      <c r="WKG122" s="26"/>
      <c r="WKH122" s="26"/>
      <c r="WKI122" s="26"/>
      <c r="WKJ122" s="26"/>
      <c r="WKK122" s="26"/>
      <c r="WKL122" s="26"/>
      <c r="WKM122" s="26"/>
      <c r="WKN122" s="26"/>
      <c r="WKO122" s="26"/>
      <c r="WKP122" s="26"/>
      <c r="WKQ122" s="26"/>
      <c r="WKR122" s="26"/>
      <c r="WKS122" s="26"/>
      <c r="WKT122" s="26"/>
      <c r="WKU122" s="26"/>
      <c r="WKV122" s="26"/>
      <c r="WKW122" s="26"/>
      <c r="WKX122" s="26"/>
      <c r="WKY122" s="26"/>
      <c r="WKZ122" s="26"/>
      <c r="WLA122" s="26"/>
      <c r="WLB122" s="26"/>
      <c r="WLC122" s="26"/>
      <c r="WLD122" s="26"/>
      <c r="WLE122" s="26"/>
      <c r="WLF122" s="26"/>
      <c r="WLG122" s="26"/>
      <c r="WLH122" s="26"/>
      <c r="WLI122" s="26"/>
      <c r="WLJ122" s="26"/>
      <c r="WLK122" s="26"/>
      <c r="WLL122" s="26"/>
      <c r="WLM122" s="26"/>
      <c r="WLN122" s="26"/>
      <c r="WLO122" s="26"/>
      <c r="WLP122" s="26"/>
      <c r="WLQ122" s="26"/>
      <c r="WLR122" s="26"/>
      <c r="WLS122" s="26"/>
      <c r="WLT122" s="26"/>
      <c r="WLU122" s="26"/>
      <c r="WLV122" s="26"/>
      <c r="WLW122" s="26"/>
      <c r="WLX122" s="26"/>
      <c r="WLY122" s="26"/>
      <c r="WLZ122" s="26"/>
      <c r="WMA122" s="26"/>
      <c r="WMB122" s="26"/>
      <c r="WMC122" s="26"/>
      <c r="WMD122" s="26"/>
      <c r="WME122" s="26"/>
      <c r="WMF122" s="26"/>
      <c r="WMG122" s="26"/>
      <c r="WMH122" s="26"/>
      <c r="WMI122" s="26"/>
      <c r="WMJ122" s="26"/>
      <c r="WMK122" s="26"/>
      <c r="WML122" s="26"/>
      <c r="WMM122" s="26"/>
      <c r="WMN122" s="26"/>
      <c r="WMO122" s="26"/>
      <c r="WMP122" s="26"/>
      <c r="WMQ122" s="26"/>
      <c r="WMR122" s="26"/>
      <c r="WMS122" s="26"/>
      <c r="WMT122" s="26"/>
      <c r="WMU122" s="26"/>
      <c r="WMV122" s="26"/>
      <c r="WMW122" s="26"/>
      <c r="WMX122" s="26"/>
      <c r="WMY122" s="26"/>
      <c r="WMZ122" s="26"/>
      <c r="WNA122" s="26"/>
      <c r="WNB122" s="26"/>
      <c r="WNC122" s="26"/>
      <c r="WND122" s="26"/>
      <c r="WNE122" s="26"/>
      <c r="WNF122" s="26"/>
      <c r="WNG122" s="26"/>
      <c r="WNH122" s="26"/>
      <c r="WNI122" s="26"/>
      <c r="WNJ122" s="26"/>
      <c r="WNK122" s="26"/>
      <c r="WNL122" s="26"/>
      <c r="WNM122" s="26"/>
      <c r="WNN122" s="26"/>
      <c r="WNO122" s="26"/>
      <c r="WNP122" s="26"/>
      <c r="WNQ122" s="26"/>
      <c r="WNR122" s="26"/>
      <c r="WNS122" s="26"/>
      <c r="WNT122" s="26"/>
      <c r="WNU122" s="26"/>
      <c r="WNV122" s="26"/>
      <c r="WNW122" s="26"/>
      <c r="WNX122" s="26"/>
      <c r="WNY122" s="26"/>
      <c r="WNZ122" s="26"/>
      <c r="WOA122" s="26"/>
      <c r="WOB122" s="26"/>
      <c r="WOC122" s="26"/>
      <c r="WOD122" s="26"/>
      <c r="WOE122" s="26"/>
      <c r="WOF122" s="26"/>
      <c r="WOG122" s="26"/>
      <c r="WOH122" s="26"/>
      <c r="WOI122" s="26"/>
      <c r="WOJ122" s="26"/>
      <c r="WOK122" s="26"/>
      <c r="WOL122" s="26"/>
      <c r="WOM122" s="26"/>
      <c r="WON122" s="26"/>
      <c r="WOO122" s="26"/>
      <c r="WOP122" s="26"/>
      <c r="WOQ122" s="26"/>
      <c r="WOR122" s="26"/>
      <c r="WOS122" s="26"/>
      <c r="WOT122" s="26"/>
      <c r="WOU122" s="26"/>
      <c r="WOV122" s="26"/>
      <c r="WOW122" s="26"/>
      <c r="WOX122" s="26"/>
      <c r="WOY122" s="26"/>
      <c r="WOZ122" s="26"/>
      <c r="WPA122" s="26"/>
      <c r="WPB122" s="26"/>
      <c r="WPC122" s="26"/>
      <c r="WPD122" s="26"/>
      <c r="WPE122" s="26"/>
      <c r="WPF122" s="26"/>
      <c r="WPG122" s="26"/>
      <c r="WPH122" s="26"/>
      <c r="WPI122" s="26"/>
      <c r="WPJ122" s="26"/>
      <c r="WPK122" s="26"/>
      <c r="WPL122" s="26"/>
      <c r="WPM122" s="26"/>
      <c r="WPN122" s="26"/>
      <c r="WPO122" s="26"/>
      <c r="WPP122" s="26"/>
      <c r="WPQ122" s="26"/>
      <c r="WPR122" s="26"/>
      <c r="WPS122" s="26"/>
      <c r="WPT122" s="26"/>
      <c r="WPU122" s="26"/>
      <c r="WPV122" s="26"/>
      <c r="WPW122" s="26"/>
      <c r="WPX122" s="26"/>
      <c r="WPY122" s="26"/>
      <c r="WPZ122" s="26"/>
      <c r="WQA122" s="26"/>
      <c r="WQB122" s="26"/>
      <c r="WQC122" s="26"/>
      <c r="WQD122" s="26"/>
      <c r="WQE122" s="26"/>
      <c r="WQF122" s="26"/>
      <c r="WQG122" s="26"/>
      <c r="WQH122" s="26"/>
      <c r="WQI122" s="26"/>
      <c r="WQJ122" s="26"/>
      <c r="WQK122" s="26"/>
      <c r="WQL122" s="26"/>
      <c r="WQM122" s="26"/>
      <c r="WQN122" s="26"/>
      <c r="WQO122" s="26"/>
      <c r="WQP122" s="26"/>
      <c r="WQQ122" s="26"/>
      <c r="WQR122" s="26"/>
      <c r="WQS122" s="26"/>
      <c r="WQT122" s="26"/>
      <c r="WQU122" s="26"/>
      <c r="WQV122" s="26"/>
      <c r="WQW122" s="26"/>
      <c r="WQX122" s="26"/>
      <c r="WQY122" s="26"/>
      <c r="WQZ122" s="26"/>
      <c r="WRA122" s="26"/>
      <c r="WRB122" s="26"/>
      <c r="WRC122" s="26"/>
      <c r="WRD122" s="26"/>
      <c r="WRE122" s="26"/>
      <c r="WRF122" s="26"/>
      <c r="WRG122" s="26"/>
      <c r="WRH122" s="26"/>
      <c r="WRI122" s="26"/>
      <c r="WRJ122" s="26"/>
      <c r="WRK122" s="26"/>
      <c r="WRL122" s="26"/>
      <c r="WRM122" s="26"/>
      <c r="WRN122" s="26"/>
      <c r="WRO122" s="26"/>
      <c r="WRP122" s="26"/>
      <c r="WRQ122" s="26"/>
      <c r="WRR122" s="26"/>
      <c r="WRS122" s="26"/>
      <c r="WRT122" s="26"/>
      <c r="WRU122" s="26"/>
      <c r="WRV122" s="26"/>
      <c r="WRW122" s="26"/>
      <c r="WRX122" s="26"/>
      <c r="WRY122" s="26"/>
      <c r="WRZ122" s="26"/>
      <c r="WSA122" s="26"/>
      <c r="WSB122" s="26"/>
      <c r="WSC122" s="26"/>
      <c r="WSD122" s="26"/>
      <c r="WSE122" s="26"/>
      <c r="WSF122" s="26"/>
      <c r="WSG122" s="26"/>
      <c r="WSH122" s="26"/>
      <c r="WSI122" s="26"/>
      <c r="WSJ122" s="26"/>
      <c r="WSK122" s="26"/>
      <c r="WSL122" s="26"/>
      <c r="WSM122" s="26"/>
      <c r="WSN122" s="26"/>
      <c r="WSO122" s="26"/>
      <c r="WSP122" s="26"/>
      <c r="WSQ122" s="26"/>
      <c r="WSR122" s="26"/>
      <c r="WSS122" s="26"/>
      <c r="WST122" s="26"/>
      <c r="WSU122" s="26"/>
      <c r="WSV122" s="26"/>
      <c r="WSW122" s="26"/>
      <c r="WSX122" s="26"/>
      <c r="WSY122" s="26"/>
      <c r="WSZ122" s="26"/>
      <c r="WTA122" s="26"/>
      <c r="WTB122" s="26"/>
      <c r="WTC122" s="26"/>
      <c r="WTD122" s="26"/>
      <c r="WTE122" s="26"/>
      <c r="WTF122" s="26"/>
      <c r="WTG122" s="26"/>
      <c r="WTH122" s="26"/>
      <c r="WTI122" s="26"/>
      <c r="WTJ122" s="26"/>
      <c r="WTK122" s="26"/>
      <c r="WTL122" s="26"/>
      <c r="WTM122" s="26"/>
      <c r="WTN122" s="26"/>
      <c r="WTO122" s="26"/>
      <c r="WTP122" s="26"/>
      <c r="WTQ122" s="26"/>
      <c r="WTR122" s="26"/>
      <c r="WTS122" s="26"/>
      <c r="WTT122" s="26"/>
      <c r="WTU122" s="26"/>
      <c r="WTV122" s="26"/>
      <c r="WTW122" s="26"/>
      <c r="WTX122" s="26"/>
      <c r="WTY122" s="26"/>
      <c r="WTZ122" s="26"/>
      <c r="WUA122" s="26"/>
      <c r="WUB122" s="26"/>
      <c r="WUC122" s="26"/>
      <c r="WUD122" s="26"/>
      <c r="WUE122" s="26"/>
      <c r="WUF122" s="26"/>
      <c r="WUG122" s="26"/>
      <c r="WUH122" s="26"/>
      <c r="WUI122" s="26"/>
      <c r="WUJ122" s="26"/>
      <c r="WUK122" s="26"/>
      <c r="WUL122" s="26"/>
      <c r="WUM122" s="26"/>
      <c r="WUN122" s="26"/>
      <c r="WUO122" s="26"/>
      <c r="WUP122" s="26"/>
      <c r="WUQ122" s="26"/>
      <c r="WUR122" s="26"/>
      <c r="WUS122" s="26"/>
      <c r="WUT122" s="26"/>
      <c r="WUU122" s="26"/>
      <c r="WUV122" s="26"/>
      <c r="WUW122" s="26"/>
      <c r="WUX122" s="26"/>
      <c r="WUY122" s="26"/>
      <c r="WUZ122" s="26"/>
      <c r="WVA122" s="26"/>
      <c r="WVB122" s="26"/>
      <c r="WVC122" s="26"/>
      <c r="WVD122" s="26"/>
      <c r="WVE122" s="26"/>
      <c r="WVF122" s="26"/>
      <c r="WVG122" s="26"/>
      <c r="WVH122" s="26"/>
      <c r="WVI122" s="26"/>
      <c r="WVJ122" s="26"/>
      <c r="WVK122" s="26"/>
      <c r="WVL122" s="26"/>
      <c r="WVM122" s="26"/>
      <c r="WVN122" s="26"/>
      <c r="WVO122" s="26"/>
      <c r="WVP122" s="26"/>
      <c r="WVQ122" s="26"/>
      <c r="WVR122" s="26"/>
      <c r="WVS122" s="26"/>
      <c r="WVT122" s="26"/>
      <c r="WVU122" s="26"/>
      <c r="WVV122" s="26"/>
      <c r="WVW122" s="26"/>
      <c r="WVX122" s="26"/>
      <c r="WVY122" s="26"/>
      <c r="WVZ122" s="26"/>
      <c r="WWA122" s="26"/>
      <c r="WWB122" s="26"/>
      <c r="WWC122" s="26"/>
      <c r="WWD122" s="26"/>
      <c r="WWE122" s="26"/>
      <c r="WWF122" s="26"/>
      <c r="WWG122" s="26"/>
      <c r="WWH122" s="26"/>
      <c r="WWI122" s="26"/>
      <c r="WWJ122" s="26"/>
      <c r="WWK122" s="26"/>
      <c r="WWL122" s="26"/>
      <c r="WWM122" s="26"/>
      <c r="WWN122" s="26"/>
      <c r="WWO122" s="26"/>
      <c r="WWP122" s="26"/>
      <c r="WWQ122" s="26"/>
      <c r="WWR122" s="26"/>
      <c r="WWS122" s="26"/>
      <c r="WWT122" s="26"/>
      <c r="WWU122" s="26"/>
      <c r="WWV122" s="26"/>
      <c r="WWW122" s="26"/>
      <c r="WWX122" s="26"/>
      <c r="WWY122" s="26"/>
      <c r="WWZ122" s="26"/>
      <c r="WXA122" s="26"/>
      <c r="WXB122" s="26"/>
      <c r="WXC122" s="26"/>
      <c r="WXD122" s="26"/>
      <c r="WXE122" s="26"/>
      <c r="WXF122" s="26"/>
      <c r="WXG122" s="26"/>
      <c r="WXH122" s="26"/>
      <c r="WXI122" s="26"/>
      <c r="WXJ122" s="26"/>
      <c r="WXK122" s="26"/>
      <c r="WXL122" s="26"/>
      <c r="WXM122" s="26"/>
      <c r="WXN122" s="26"/>
      <c r="WXO122" s="26"/>
      <c r="WXP122" s="26"/>
      <c r="WXQ122" s="26"/>
      <c r="WXR122" s="26"/>
      <c r="WXS122" s="26"/>
      <c r="WXT122" s="26"/>
      <c r="WXU122" s="26"/>
      <c r="WXV122" s="26"/>
      <c r="WXW122" s="26"/>
      <c r="WXX122" s="26"/>
      <c r="WXY122" s="26"/>
      <c r="WXZ122" s="26"/>
      <c r="WYA122" s="26"/>
      <c r="WYB122" s="26"/>
      <c r="WYC122" s="26"/>
      <c r="WYD122" s="26"/>
      <c r="WYE122" s="26"/>
      <c r="WYF122" s="26"/>
      <c r="WYG122" s="26"/>
      <c r="WYH122" s="26"/>
      <c r="WYI122" s="26"/>
      <c r="WYJ122" s="26"/>
      <c r="WYK122" s="26"/>
      <c r="WYL122" s="26"/>
      <c r="WYM122" s="26"/>
      <c r="WYN122" s="26"/>
      <c r="WYO122" s="26"/>
      <c r="WYP122" s="26"/>
      <c r="WYQ122" s="26"/>
      <c r="WYR122" s="26"/>
      <c r="WYS122" s="26"/>
      <c r="WYT122" s="26"/>
      <c r="WYU122" s="26"/>
      <c r="WYV122" s="26"/>
      <c r="WYW122" s="26"/>
      <c r="WYX122" s="26"/>
      <c r="WYY122" s="26"/>
      <c r="WYZ122" s="26"/>
      <c r="WZA122" s="26"/>
      <c r="WZB122" s="26"/>
      <c r="WZC122" s="26"/>
      <c r="WZD122" s="26"/>
      <c r="WZE122" s="26"/>
      <c r="WZF122" s="26"/>
      <c r="WZG122" s="26"/>
      <c r="WZH122" s="26"/>
      <c r="WZI122" s="26"/>
      <c r="WZJ122" s="26"/>
      <c r="WZK122" s="26"/>
      <c r="WZL122" s="26"/>
      <c r="WZM122" s="26"/>
      <c r="WZN122" s="26"/>
      <c r="WZO122" s="26"/>
      <c r="WZP122" s="26"/>
      <c r="WZQ122" s="26"/>
      <c r="WZR122" s="26"/>
      <c r="WZS122" s="26"/>
      <c r="WZT122" s="26"/>
      <c r="WZU122" s="26"/>
      <c r="WZV122" s="26"/>
      <c r="WZW122" s="26"/>
      <c r="WZX122" s="26"/>
      <c r="WZY122" s="26"/>
      <c r="WZZ122" s="26"/>
      <c r="XAA122" s="26"/>
      <c r="XAB122" s="26"/>
      <c r="XAC122" s="26"/>
      <c r="XAD122" s="26"/>
      <c r="XAE122" s="26"/>
      <c r="XAF122" s="26"/>
      <c r="XAG122" s="26"/>
      <c r="XAH122" s="26"/>
      <c r="XAI122" s="26"/>
      <c r="XAJ122" s="26"/>
      <c r="XAK122" s="26"/>
      <c r="XAL122" s="26"/>
      <c r="XAM122" s="26"/>
      <c r="XAN122" s="26"/>
      <c r="XAO122" s="26"/>
      <c r="XAP122" s="26"/>
      <c r="XAQ122" s="26"/>
      <c r="XAR122" s="26"/>
      <c r="XAS122" s="26"/>
      <c r="XAT122" s="26"/>
      <c r="XAU122" s="26"/>
      <c r="XAV122" s="26"/>
      <c r="XAW122" s="26"/>
      <c r="XAX122" s="26"/>
      <c r="XAY122" s="26"/>
      <c r="XAZ122" s="26"/>
      <c r="XBA122" s="26"/>
      <c r="XBB122" s="26"/>
      <c r="XBC122" s="26"/>
      <c r="XBD122" s="26"/>
      <c r="XBE122" s="26"/>
      <c r="XBF122" s="26"/>
      <c r="XBG122" s="26"/>
      <c r="XBH122" s="26"/>
      <c r="XBI122" s="26"/>
      <c r="XBJ122" s="26"/>
      <c r="XBK122" s="26"/>
      <c r="XBL122" s="26"/>
      <c r="XBM122" s="26"/>
      <c r="XBN122" s="26"/>
      <c r="XBO122" s="26"/>
      <c r="XBP122" s="26"/>
      <c r="XBQ122" s="26"/>
      <c r="XBR122" s="26"/>
      <c r="XBS122" s="26"/>
      <c r="XBT122" s="26"/>
      <c r="XBU122" s="26"/>
      <c r="XBV122" s="26"/>
      <c r="XBW122" s="26"/>
      <c r="XBX122" s="26"/>
      <c r="XBY122" s="26"/>
      <c r="XBZ122" s="26"/>
      <c r="XCA122" s="26"/>
      <c r="XCB122" s="26"/>
      <c r="XCC122" s="26"/>
      <c r="XCD122" s="26"/>
      <c r="XCE122" s="26"/>
      <c r="XCF122" s="26"/>
      <c r="XCG122" s="26"/>
      <c r="XCH122" s="26"/>
      <c r="XCI122" s="26"/>
      <c r="XCJ122" s="26"/>
      <c r="XCK122" s="26"/>
      <c r="XCL122" s="26"/>
      <c r="XCM122" s="26"/>
      <c r="XCN122" s="26"/>
      <c r="XCO122" s="26"/>
      <c r="XCP122" s="26"/>
      <c r="XCQ122" s="26"/>
      <c r="XCR122" s="26"/>
      <c r="XCS122" s="26"/>
      <c r="XCT122" s="26"/>
      <c r="XCU122" s="26"/>
      <c r="XCV122" s="26"/>
      <c r="XCW122" s="26"/>
      <c r="XCX122" s="26"/>
      <c r="XCY122" s="26"/>
      <c r="XCZ122" s="26"/>
      <c r="XDA122" s="26"/>
      <c r="XDB122" s="26"/>
      <c r="XDC122" s="26"/>
      <c r="XDD122" s="26"/>
      <c r="XDE122" s="26"/>
      <c r="XDF122" s="26"/>
      <c r="XDG122" s="26"/>
      <c r="XDH122" s="26"/>
      <c r="XDI122" s="26"/>
      <c r="XDJ122" s="26"/>
      <c r="XDK122" s="26"/>
      <c r="XDL122" s="26"/>
      <c r="XDM122" s="26"/>
      <c r="XDN122" s="26"/>
      <c r="XDO122" s="26"/>
      <c r="XDP122" s="26"/>
      <c r="XDQ122" s="26"/>
      <c r="XDR122" s="26"/>
      <c r="XDS122" s="26"/>
      <c r="XDT122" s="26"/>
      <c r="XDU122" s="26"/>
      <c r="XDV122" s="26"/>
      <c r="XDW122" s="26"/>
      <c r="XDX122" s="26"/>
      <c r="XDY122" s="26"/>
      <c r="XDZ122" s="26"/>
      <c r="XEA122" s="26"/>
      <c r="XEB122" s="26"/>
      <c r="XEC122" s="26"/>
      <c r="XED122" s="26"/>
      <c r="XEE122" s="26"/>
      <c r="XEF122" s="26"/>
      <c r="XEG122" s="26"/>
      <c r="XEH122" s="26"/>
      <c r="XEI122" s="26"/>
      <c r="XEJ122" s="26"/>
      <c r="XEK122" s="26"/>
      <c r="XEL122" s="26"/>
      <c r="XEM122" s="26"/>
      <c r="XEN122" s="26"/>
      <c r="XEO122" s="26"/>
      <c r="XEP122" s="26"/>
      <c r="XEQ122" s="26"/>
    </row>
    <row r="123" spans="1:16371" s="30" customFormat="1" ht="32.4" x14ac:dyDescent="0.2">
      <c r="A123" s="8" t="s">
        <v>341</v>
      </c>
      <c r="B123" s="8" t="s">
        <v>351</v>
      </c>
      <c r="C123" s="8" t="s">
        <v>352</v>
      </c>
      <c r="D123" s="8" t="s">
        <v>353</v>
      </c>
      <c r="E123" s="8"/>
      <c r="F123" s="26"/>
      <c r="G123" s="26"/>
      <c r="H123" s="26"/>
      <c r="I123" s="26"/>
      <c r="J123" s="26"/>
      <c r="K123" s="26"/>
      <c r="L123" s="26"/>
      <c r="M123" s="26"/>
      <c r="N123" s="26"/>
      <c r="O123" s="26"/>
      <c r="P123" s="26"/>
      <c r="Q123" s="26"/>
      <c r="R123" s="26"/>
      <c r="S123" s="26"/>
      <c r="T123" s="26"/>
      <c r="U123" s="26"/>
      <c r="V123" s="26"/>
      <c r="W123" s="26"/>
      <c r="X123" s="26"/>
      <c r="Y123" s="26"/>
      <c r="Z123" s="26"/>
      <c r="AA123" s="26"/>
      <c r="AB123" s="26"/>
      <c r="AC123" s="26"/>
      <c r="AD123" s="26"/>
      <c r="AE123" s="26"/>
      <c r="AF123" s="26"/>
      <c r="AG123" s="26"/>
      <c r="AH123" s="26"/>
      <c r="AI123" s="26"/>
      <c r="AJ123" s="26"/>
      <c r="AK123" s="26"/>
      <c r="AL123" s="26"/>
      <c r="AM123" s="26"/>
      <c r="AN123" s="26"/>
      <c r="AO123" s="26"/>
      <c r="AP123" s="26"/>
      <c r="AQ123" s="26"/>
      <c r="AR123" s="26"/>
      <c r="AS123" s="26"/>
      <c r="AT123" s="26"/>
      <c r="AU123" s="26"/>
      <c r="AV123" s="26"/>
      <c r="AW123" s="26"/>
      <c r="AX123" s="26"/>
      <c r="AY123" s="26"/>
      <c r="AZ123" s="26"/>
      <c r="BA123" s="26"/>
      <c r="BB123" s="26"/>
      <c r="BC123" s="26"/>
      <c r="BD123" s="26"/>
      <c r="BE123" s="26"/>
      <c r="BF123" s="26"/>
      <c r="BG123" s="26"/>
      <c r="BH123" s="26"/>
      <c r="BI123" s="26"/>
      <c r="BJ123" s="26"/>
      <c r="BK123" s="26"/>
      <c r="BL123" s="26"/>
      <c r="BM123" s="26"/>
      <c r="BN123" s="26"/>
      <c r="BO123" s="26"/>
      <c r="BP123" s="26"/>
      <c r="BQ123" s="26"/>
      <c r="BR123" s="26"/>
      <c r="BS123" s="26"/>
      <c r="BT123" s="26"/>
      <c r="BU123" s="26"/>
      <c r="BV123" s="26"/>
      <c r="BW123" s="26"/>
      <c r="BX123" s="26"/>
      <c r="BY123" s="26"/>
      <c r="BZ123" s="26"/>
      <c r="CA123" s="26"/>
      <c r="CB123" s="26"/>
      <c r="CC123" s="26"/>
      <c r="CD123" s="26"/>
      <c r="CE123" s="26"/>
      <c r="CF123" s="26"/>
      <c r="CG123" s="26"/>
      <c r="CH123" s="26"/>
      <c r="CI123" s="26"/>
      <c r="CJ123" s="26"/>
      <c r="CK123" s="26"/>
      <c r="CL123" s="26"/>
      <c r="CM123" s="26"/>
      <c r="CN123" s="26"/>
      <c r="CO123" s="26"/>
      <c r="CP123" s="26"/>
      <c r="CQ123" s="26"/>
      <c r="CR123" s="26"/>
      <c r="CS123" s="26"/>
      <c r="CT123" s="26"/>
      <c r="CU123" s="26"/>
      <c r="CV123" s="26"/>
      <c r="CW123" s="26"/>
      <c r="CX123" s="26"/>
      <c r="CY123" s="26"/>
      <c r="CZ123" s="26"/>
      <c r="DA123" s="26"/>
      <c r="DB123" s="26"/>
      <c r="DC123" s="26"/>
      <c r="DD123" s="26"/>
      <c r="DE123" s="26"/>
      <c r="DF123" s="26"/>
      <c r="DG123" s="26"/>
      <c r="DH123" s="26"/>
      <c r="DI123" s="26"/>
      <c r="DJ123" s="26"/>
      <c r="DK123" s="26"/>
      <c r="DL123" s="26"/>
      <c r="DM123" s="26"/>
      <c r="DN123" s="26"/>
      <c r="DO123" s="26"/>
      <c r="DP123" s="26"/>
      <c r="DQ123" s="26"/>
      <c r="DR123" s="26"/>
      <c r="DS123" s="26"/>
      <c r="DT123" s="26"/>
      <c r="DU123" s="26"/>
      <c r="DV123" s="26"/>
      <c r="DW123" s="26"/>
      <c r="DX123" s="26"/>
      <c r="DY123" s="26"/>
      <c r="DZ123" s="26"/>
      <c r="EA123" s="26"/>
      <c r="EB123" s="26"/>
      <c r="EC123" s="26"/>
      <c r="ED123" s="26"/>
      <c r="EE123" s="26"/>
      <c r="EF123" s="26"/>
      <c r="EG123" s="26"/>
      <c r="EH123" s="26"/>
      <c r="EI123" s="26"/>
      <c r="EJ123" s="26"/>
      <c r="EK123" s="26"/>
      <c r="EL123" s="26"/>
      <c r="EM123" s="26"/>
      <c r="EN123" s="26"/>
      <c r="EO123" s="26"/>
      <c r="EP123" s="26"/>
      <c r="EQ123" s="26"/>
      <c r="ER123" s="26"/>
      <c r="ES123" s="26"/>
      <c r="ET123" s="26"/>
      <c r="EU123" s="26"/>
      <c r="EV123" s="26"/>
      <c r="EW123" s="26"/>
      <c r="EX123" s="26"/>
      <c r="EY123" s="26"/>
      <c r="EZ123" s="26"/>
      <c r="FA123" s="26"/>
      <c r="FB123" s="26"/>
      <c r="FC123" s="26"/>
      <c r="FD123" s="26"/>
      <c r="FE123" s="26"/>
      <c r="FF123" s="26"/>
      <c r="FG123" s="26"/>
      <c r="FH123" s="26"/>
      <c r="FI123" s="26"/>
      <c r="FJ123" s="26"/>
      <c r="FK123" s="26"/>
      <c r="FL123" s="26"/>
      <c r="FM123" s="26"/>
      <c r="FN123" s="26"/>
      <c r="FO123" s="26"/>
      <c r="FP123" s="26"/>
      <c r="FQ123" s="26"/>
      <c r="FR123" s="26"/>
      <c r="FS123" s="26"/>
      <c r="FT123" s="26"/>
      <c r="FU123" s="26"/>
      <c r="FV123" s="26"/>
      <c r="FW123" s="26"/>
      <c r="FX123" s="26"/>
      <c r="FY123" s="26"/>
      <c r="FZ123" s="26"/>
      <c r="GA123" s="26"/>
      <c r="GB123" s="26"/>
      <c r="GC123" s="26"/>
      <c r="GD123" s="26"/>
      <c r="GE123" s="26"/>
      <c r="GF123" s="26"/>
      <c r="GG123" s="26"/>
      <c r="GH123" s="26"/>
      <c r="GI123" s="26"/>
      <c r="GJ123" s="26"/>
      <c r="GK123" s="26"/>
      <c r="GL123" s="26"/>
      <c r="GM123" s="26"/>
      <c r="GN123" s="26"/>
      <c r="GO123" s="26"/>
      <c r="GP123" s="26"/>
      <c r="GQ123" s="26"/>
      <c r="GR123" s="26"/>
      <c r="GS123" s="26"/>
      <c r="GT123" s="26"/>
      <c r="GU123" s="26"/>
      <c r="GV123" s="26"/>
      <c r="GW123" s="26"/>
      <c r="GX123" s="26"/>
      <c r="GY123" s="26"/>
      <c r="GZ123" s="26"/>
      <c r="HA123" s="26"/>
      <c r="HB123" s="26"/>
      <c r="HC123" s="26"/>
      <c r="HD123" s="26"/>
      <c r="HE123" s="26"/>
      <c r="HF123" s="26"/>
      <c r="HG123" s="26"/>
      <c r="HH123" s="26"/>
      <c r="HI123" s="26"/>
      <c r="HJ123" s="26"/>
      <c r="HK123" s="26"/>
      <c r="HL123" s="26"/>
      <c r="HM123" s="26"/>
      <c r="HN123" s="26"/>
      <c r="HO123" s="26"/>
      <c r="HP123" s="26"/>
      <c r="HQ123" s="26"/>
      <c r="HR123" s="26"/>
      <c r="HS123" s="26"/>
      <c r="HT123" s="26"/>
      <c r="HU123" s="26"/>
      <c r="HV123" s="26"/>
      <c r="HW123" s="26"/>
      <c r="HX123" s="26"/>
      <c r="HY123" s="26"/>
      <c r="HZ123" s="26"/>
      <c r="IA123" s="26"/>
      <c r="IB123" s="26"/>
      <c r="IC123" s="26"/>
      <c r="ID123" s="26"/>
      <c r="IE123" s="26"/>
      <c r="IF123" s="26"/>
      <c r="IG123" s="26"/>
      <c r="IH123" s="26"/>
      <c r="II123" s="26"/>
      <c r="IJ123" s="26"/>
      <c r="IK123" s="26"/>
      <c r="IL123" s="26"/>
      <c r="IM123" s="26"/>
      <c r="IN123" s="26"/>
      <c r="IO123" s="26"/>
      <c r="IP123" s="26"/>
      <c r="IQ123" s="26"/>
      <c r="IR123" s="26"/>
      <c r="IS123" s="26"/>
      <c r="IT123" s="26"/>
      <c r="IU123" s="26"/>
      <c r="IV123" s="26"/>
      <c r="IW123" s="26"/>
      <c r="IX123" s="26"/>
      <c r="IY123" s="26"/>
      <c r="IZ123" s="26"/>
      <c r="JA123" s="26"/>
      <c r="JB123" s="26"/>
      <c r="JC123" s="26"/>
      <c r="JD123" s="26"/>
      <c r="JE123" s="26"/>
      <c r="JF123" s="26"/>
      <c r="JG123" s="26"/>
      <c r="JH123" s="26"/>
      <c r="JI123" s="26"/>
      <c r="JJ123" s="26"/>
      <c r="JK123" s="26"/>
      <c r="JL123" s="26"/>
      <c r="JM123" s="26"/>
      <c r="JN123" s="26"/>
      <c r="JO123" s="26"/>
      <c r="JP123" s="26"/>
      <c r="JQ123" s="26"/>
      <c r="JR123" s="26"/>
      <c r="JS123" s="26"/>
      <c r="JT123" s="26"/>
      <c r="JU123" s="26"/>
      <c r="JV123" s="26"/>
      <c r="JW123" s="26"/>
      <c r="JX123" s="26"/>
      <c r="JY123" s="26"/>
      <c r="JZ123" s="26"/>
      <c r="KA123" s="26"/>
      <c r="KB123" s="26"/>
      <c r="KC123" s="26"/>
      <c r="KD123" s="26"/>
      <c r="KE123" s="26"/>
      <c r="KF123" s="26"/>
      <c r="KG123" s="26"/>
      <c r="KH123" s="26"/>
      <c r="KI123" s="26"/>
      <c r="KJ123" s="26"/>
      <c r="KK123" s="26"/>
      <c r="KL123" s="26"/>
      <c r="KM123" s="26"/>
      <c r="KN123" s="26"/>
      <c r="KO123" s="26"/>
      <c r="KP123" s="26"/>
      <c r="KQ123" s="26"/>
      <c r="KR123" s="26"/>
      <c r="KS123" s="26"/>
      <c r="KT123" s="26"/>
      <c r="KU123" s="26"/>
      <c r="KV123" s="26"/>
      <c r="KW123" s="26"/>
      <c r="KX123" s="26"/>
      <c r="KY123" s="26"/>
      <c r="KZ123" s="26"/>
      <c r="LA123" s="26"/>
      <c r="LB123" s="26"/>
      <c r="LC123" s="26"/>
      <c r="LD123" s="26"/>
      <c r="LE123" s="26"/>
      <c r="LF123" s="26"/>
      <c r="LG123" s="26"/>
      <c r="LH123" s="26"/>
      <c r="LI123" s="26"/>
      <c r="LJ123" s="26"/>
      <c r="LK123" s="26"/>
      <c r="LL123" s="26"/>
      <c r="LM123" s="26"/>
      <c r="LN123" s="26"/>
      <c r="LO123" s="26"/>
      <c r="LP123" s="26"/>
      <c r="LQ123" s="26"/>
      <c r="LR123" s="26"/>
      <c r="LS123" s="26"/>
      <c r="LT123" s="26"/>
      <c r="LU123" s="26"/>
      <c r="LV123" s="26"/>
      <c r="LW123" s="26"/>
      <c r="LX123" s="26"/>
      <c r="LY123" s="26"/>
      <c r="LZ123" s="26"/>
      <c r="MA123" s="26"/>
      <c r="MB123" s="26"/>
      <c r="MC123" s="26"/>
      <c r="MD123" s="26"/>
      <c r="ME123" s="26"/>
      <c r="MF123" s="26"/>
      <c r="MG123" s="26"/>
      <c r="MH123" s="26"/>
      <c r="MI123" s="26"/>
      <c r="MJ123" s="26"/>
      <c r="MK123" s="26"/>
      <c r="ML123" s="26"/>
      <c r="MM123" s="26"/>
      <c r="MN123" s="26"/>
      <c r="MO123" s="26"/>
      <c r="MP123" s="26"/>
      <c r="MQ123" s="26"/>
      <c r="MR123" s="26"/>
      <c r="MS123" s="26"/>
      <c r="MT123" s="26"/>
      <c r="MU123" s="26"/>
      <c r="MV123" s="26"/>
      <c r="MW123" s="26"/>
      <c r="MX123" s="26"/>
      <c r="MY123" s="26"/>
      <c r="MZ123" s="26"/>
      <c r="NA123" s="26"/>
      <c r="NB123" s="26"/>
      <c r="NC123" s="26"/>
      <c r="ND123" s="26"/>
      <c r="NE123" s="26"/>
      <c r="NF123" s="26"/>
      <c r="NG123" s="26"/>
      <c r="NH123" s="26"/>
      <c r="NI123" s="26"/>
      <c r="NJ123" s="26"/>
      <c r="NK123" s="26"/>
      <c r="NL123" s="26"/>
      <c r="NM123" s="26"/>
      <c r="NN123" s="26"/>
      <c r="NO123" s="26"/>
      <c r="NP123" s="26"/>
      <c r="NQ123" s="26"/>
      <c r="NR123" s="26"/>
      <c r="NS123" s="26"/>
      <c r="NT123" s="26"/>
      <c r="NU123" s="26"/>
      <c r="NV123" s="26"/>
      <c r="NW123" s="26"/>
      <c r="NX123" s="26"/>
      <c r="NY123" s="26"/>
      <c r="NZ123" s="26"/>
      <c r="OA123" s="26"/>
      <c r="OB123" s="26"/>
      <c r="OC123" s="26"/>
      <c r="OD123" s="26"/>
      <c r="OE123" s="26"/>
      <c r="OF123" s="26"/>
      <c r="OG123" s="26"/>
      <c r="OH123" s="26"/>
      <c r="OI123" s="26"/>
      <c r="OJ123" s="26"/>
      <c r="OK123" s="26"/>
      <c r="OL123" s="26"/>
      <c r="OM123" s="26"/>
      <c r="ON123" s="26"/>
      <c r="OO123" s="26"/>
      <c r="OP123" s="26"/>
      <c r="OQ123" s="26"/>
      <c r="OR123" s="26"/>
      <c r="OS123" s="26"/>
      <c r="OT123" s="26"/>
      <c r="OU123" s="26"/>
      <c r="OV123" s="26"/>
      <c r="OW123" s="26"/>
      <c r="OX123" s="26"/>
      <c r="OY123" s="26"/>
      <c r="OZ123" s="26"/>
      <c r="PA123" s="26"/>
      <c r="PB123" s="26"/>
      <c r="PC123" s="26"/>
      <c r="PD123" s="26"/>
      <c r="PE123" s="26"/>
      <c r="PF123" s="26"/>
      <c r="PG123" s="26"/>
      <c r="PH123" s="26"/>
      <c r="PI123" s="26"/>
      <c r="PJ123" s="26"/>
      <c r="PK123" s="26"/>
      <c r="PL123" s="26"/>
      <c r="PM123" s="26"/>
      <c r="PN123" s="26"/>
      <c r="PO123" s="26"/>
      <c r="PP123" s="26"/>
      <c r="PQ123" s="26"/>
      <c r="PR123" s="26"/>
      <c r="PS123" s="26"/>
      <c r="PT123" s="26"/>
      <c r="PU123" s="26"/>
      <c r="PV123" s="26"/>
      <c r="PW123" s="26"/>
      <c r="PX123" s="26"/>
      <c r="PY123" s="26"/>
      <c r="PZ123" s="26"/>
      <c r="QA123" s="26"/>
      <c r="QB123" s="26"/>
      <c r="QC123" s="26"/>
      <c r="QD123" s="26"/>
      <c r="QE123" s="26"/>
      <c r="QF123" s="26"/>
      <c r="QG123" s="26"/>
      <c r="QH123" s="26"/>
      <c r="QI123" s="26"/>
      <c r="QJ123" s="26"/>
      <c r="QK123" s="26"/>
      <c r="QL123" s="26"/>
      <c r="QM123" s="26"/>
      <c r="QN123" s="26"/>
      <c r="QO123" s="26"/>
      <c r="QP123" s="26"/>
      <c r="QQ123" s="26"/>
      <c r="QR123" s="26"/>
      <c r="QS123" s="26"/>
      <c r="QT123" s="26"/>
      <c r="QU123" s="26"/>
      <c r="QV123" s="26"/>
      <c r="QW123" s="26"/>
      <c r="QX123" s="26"/>
      <c r="QY123" s="26"/>
      <c r="QZ123" s="26"/>
      <c r="RA123" s="26"/>
      <c r="RB123" s="26"/>
      <c r="RC123" s="26"/>
      <c r="RD123" s="26"/>
      <c r="RE123" s="26"/>
      <c r="RF123" s="26"/>
      <c r="RG123" s="26"/>
      <c r="RH123" s="26"/>
      <c r="RI123" s="26"/>
      <c r="RJ123" s="26"/>
      <c r="RK123" s="26"/>
      <c r="RL123" s="26"/>
      <c r="RM123" s="26"/>
      <c r="RN123" s="26"/>
      <c r="RO123" s="26"/>
      <c r="RP123" s="26"/>
      <c r="RQ123" s="26"/>
      <c r="RR123" s="26"/>
      <c r="RS123" s="26"/>
      <c r="RT123" s="26"/>
      <c r="RU123" s="26"/>
      <c r="RV123" s="26"/>
      <c r="RW123" s="26"/>
      <c r="RX123" s="26"/>
      <c r="RY123" s="26"/>
      <c r="RZ123" s="26"/>
      <c r="SA123" s="26"/>
      <c r="SB123" s="26"/>
      <c r="SC123" s="26"/>
      <c r="SD123" s="26"/>
      <c r="SE123" s="26"/>
      <c r="SF123" s="26"/>
      <c r="SG123" s="26"/>
      <c r="SH123" s="26"/>
      <c r="SI123" s="26"/>
      <c r="SJ123" s="26"/>
      <c r="SK123" s="26"/>
      <c r="SL123" s="26"/>
      <c r="SM123" s="26"/>
      <c r="SN123" s="26"/>
      <c r="SO123" s="26"/>
      <c r="SP123" s="26"/>
      <c r="SQ123" s="26"/>
      <c r="SR123" s="26"/>
      <c r="SS123" s="26"/>
      <c r="ST123" s="26"/>
      <c r="SU123" s="26"/>
      <c r="SV123" s="26"/>
      <c r="SW123" s="26"/>
      <c r="SX123" s="26"/>
      <c r="SY123" s="26"/>
      <c r="SZ123" s="26"/>
      <c r="TA123" s="26"/>
      <c r="TB123" s="26"/>
      <c r="TC123" s="26"/>
      <c r="TD123" s="26"/>
      <c r="TE123" s="26"/>
      <c r="TF123" s="26"/>
      <c r="TG123" s="26"/>
      <c r="TH123" s="26"/>
      <c r="TI123" s="26"/>
      <c r="TJ123" s="26"/>
      <c r="TK123" s="26"/>
      <c r="TL123" s="26"/>
      <c r="TM123" s="26"/>
      <c r="TN123" s="26"/>
      <c r="TO123" s="26"/>
      <c r="TP123" s="26"/>
      <c r="TQ123" s="26"/>
      <c r="TR123" s="26"/>
      <c r="TS123" s="26"/>
      <c r="TT123" s="26"/>
      <c r="TU123" s="26"/>
      <c r="TV123" s="26"/>
      <c r="TW123" s="26"/>
      <c r="TX123" s="26"/>
      <c r="TY123" s="26"/>
      <c r="TZ123" s="26"/>
      <c r="UA123" s="26"/>
      <c r="UB123" s="26"/>
      <c r="UC123" s="26"/>
      <c r="UD123" s="26"/>
      <c r="UE123" s="26"/>
      <c r="UF123" s="26"/>
      <c r="UG123" s="26"/>
      <c r="UH123" s="26"/>
      <c r="UI123" s="26"/>
      <c r="UJ123" s="26"/>
      <c r="UK123" s="26"/>
      <c r="UL123" s="26"/>
      <c r="UM123" s="26"/>
      <c r="UN123" s="26"/>
      <c r="UO123" s="26"/>
      <c r="UP123" s="26"/>
      <c r="UQ123" s="26"/>
      <c r="UR123" s="26"/>
      <c r="US123" s="26"/>
      <c r="UT123" s="26"/>
      <c r="UU123" s="26"/>
      <c r="UV123" s="26"/>
      <c r="UW123" s="26"/>
      <c r="UX123" s="26"/>
      <c r="UY123" s="26"/>
      <c r="UZ123" s="26"/>
      <c r="VA123" s="26"/>
      <c r="VB123" s="26"/>
      <c r="VC123" s="26"/>
      <c r="VD123" s="26"/>
      <c r="VE123" s="26"/>
      <c r="VF123" s="26"/>
      <c r="VG123" s="26"/>
      <c r="VH123" s="26"/>
      <c r="VI123" s="26"/>
      <c r="VJ123" s="26"/>
      <c r="VK123" s="26"/>
      <c r="VL123" s="26"/>
      <c r="VM123" s="26"/>
      <c r="VN123" s="26"/>
      <c r="VO123" s="26"/>
      <c r="VP123" s="26"/>
      <c r="VQ123" s="26"/>
      <c r="VR123" s="26"/>
      <c r="VS123" s="26"/>
      <c r="VT123" s="26"/>
      <c r="VU123" s="26"/>
      <c r="VV123" s="26"/>
      <c r="VW123" s="26"/>
      <c r="VX123" s="26"/>
      <c r="VY123" s="26"/>
      <c r="VZ123" s="26"/>
      <c r="WA123" s="26"/>
      <c r="WB123" s="26"/>
      <c r="WC123" s="26"/>
      <c r="WD123" s="26"/>
      <c r="WE123" s="26"/>
      <c r="WF123" s="26"/>
      <c r="WG123" s="26"/>
      <c r="WH123" s="26"/>
      <c r="WI123" s="26"/>
      <c r="WJ123" s="26"/>
      <c r="WK123" s="26"/>
      <c r="WL123" s="26"/>
      <c r="WM123" s="26"/>
      <c r="WN123" s="26"/>
      <c r="WO123" s="26"/>
      <c r="WP123" s="26"/>
      <c r="WQ123" s="26"/>
      <c r="WR123" s="26"/>
      <c r="WS123" s="26"/>
      <c r="WT123" s="26"/>
      <c r="WU123" s="26"/>
      <c r="WV123" s="26"/>
      <c r="WW123" s="26"/>
      <c r="WX123" s="26"/>
      <c r="WY123" s="26"/>
      <c r="WZ123" s="26"/>
      <c r="XA123" s="26"/>
      <c r="XB123" s="26"/>
      <c r="XC123" s="26"/>
      <c r="XD123" s="26"/>
      <c r="XE123" s="26"/>
      <c r="XF123" s="26"/>
      <c r="XG123" s="26"/>
      <c r="XH123" s="26"/>
      <c r="XI123" s="26"/>
      <c r="XJ123" s="26"/>
      <c r="XK123" s="26"/>
      <c r="XL123" s="26"/>
      <c r="XM123" s="26"/>
      <c r="XN123" s="26"/>
      <c r="XO123" s="26"/>
      <c r="XP123" s="26"/>
      <c r="XQ123" s="26"/>
      <c r="XR123" s="26"/>
      <c r="XS123" s="26"/>
      <c r="XT123" s="26"/>
      <c r="XU123" s="26"/>
      <c r="XV123" s="26"/>
      <c r="XW123" s="26"/>
      <c r="XX123" s="26"/>
      <c r="XY123" s="26"/>
      <c r="XZ123" s="26"/>
      <c r="YA123" s="26"/>
      <c r="YB123" s="26"/>
      <c r="YC123" s="26"/>
      <c r="YD123" s="26"/>
      <c r="YE123" s="26"/>
      <c r="YF123" s="26"/>
      <c r="YG123" s="26"/>
      <c r="YH123" s="26"/>
      <c r="YI123" s="26"/>
      <c r="YJ123" s="26"/>
      <c r="YK123" s="26"/>
      <c r="YL123" s="26"/>
      <c r="YM123" s="26"/>
      <c r="YN123" s="26"/>
      <c r="YO123" s="26"/>
      <c r="YP123" s="26"/>
      <c r="YQ123" s="26"/>
      <c r="YR123" s="26"/>
      <c r="YS123" s="26"/>
      <c r="YT123" s="26"/>
      <c r="YU123" s="26"/>
      <c r="YV123" s="26"/>
      <c r="YW123" s="26"/>
      <c r="YX123" s="26"/>
      <c r="YY123" s="26"/>
      <c r="YZ123" s="26"/>
      <c r="ZA123" s="26"/>
      <c r="ZB123" s="26"/>
      <c r="ZC123" s="26"/>
      <c r="ZD123" s="26"/>
      <c r="ZE123" s="26"/>
      <c r="ZF123" s="26"/>
      <c r="ZG123" s="26"/>
      <c r="ZH123" s="26"/>
      <c r="ZI123" s="26"/>
      <c r="ZJ123" s="26"/>
      <c r="ZK123" s="26"/>
      <c r="ZL123" s="26"/>
      <c r="ZM123" s="26"/>
      <c r="ZN123" s="26"/>
      <c r="ZO123" s="26"/>
      <c r="ZP123" s="26"/>
      <c r="ZQ123" s="26"/>
      <c r="ZR123" s="26"/>
      <c r="ZS123" s="26"/>
      <c r="ZT123" s="26"/>
      <c r="ZU123" s="26"/>
      <c r="ZV123" s="26"/>
      <c r="ZW123" s="26"/>
      <c r="ZX123" s="26"/>
      <c r="ZY123" s="26"/>
      <c r="ZZ123" s="26"/>
      <c r="AAA123" s="26"/>
      <c r="AAB123" s="26"/>
      <c r="AAC123" s="26"/>
      <c r="AAD123" s="26"/>
      <c r="AAE123" s="26"/>
      <c r="AAF123" s="26"/>
      <c r="AAG123" s="26"/>
      <c r="AAH123" s="26"/>
      <c r="AAI123" s="26"/>
      <c r="AAJ123" s="26"/>
      <c r="AAK123" s="26"/>
      <c r="AAL123" s="26"/>
      <c r="AAM123" s="26"/>
      <c r="AAN123" s="26"/>
      <c r="AAO123" s="26"/>
      <c r="AAP123" s="26"/>
      <c r="AAQ123" s="26"/>
      <c r="AAR123" s="26"/>
      <c r="AAS123" s="26"/>
      <c r="AAT123" s="26"/>
      <c r="AAU123" s="26"/>
      <c r="AAV123" s="26"/>
      <c r="AAW123" s="26"/>
      <c r="AAX123" s="26"/>
      <c r="AAY123" s="26"/>
      <c r="AAZ123" s="26"/>
      <c r="ABA123" s="26"/>
      <c r="ABB123" s="26"/>
      <c r="ABC123" s="26"/>
      <c r="ABD123" s="26"/>
      <c r="ABE123" s="26"/>
      <c r="ABF123" s="26"/>
      <c r="ABG123" s="26"/>
      <c r="ABH123" s="26"/>
      <c r="ABI123" s="26"/>
      <c r="ABJ123" s="26"/>
      <c r="ABK123" s="26"/>
      <c r="ABL123" s="26"/>
      <c r="ABM123" s="26"/>
      <c r="ABN123" s="26"/>
      <c r="ABO123" s="26"/>
      <c r="ABP123" s="26"/>
      <c r="ABQ123" s="26"/>
      <c r="ABR123" s="26"/>
      <c r="ABS123" s="26"/>
      <c r="ABT123" s="26"/>
      <c r="ABU123" s="26"/>
      <c r="ABV123" s="26"/>
      <c r="ABW123" s="26"/>
      <c r="ABX123" s="26"/>
      <c r="ABY123" s="26"/>
      <c r="ABZ123" s="26"/>
      <c r="ACA123" s="26"/>
      <c r="ACB123" s="26"/>
      <c r="ACC123" s="26"/>
      <c r="ACD123" s="26"/>
      <c r="ACE123" s="26"/>
      <c r="ACF123" s="26"/>
      <c r="ACG123" s="26"/>
      <c r="ACH123" s="26"/>
      <c r="ACI123" s="26"/>
      <c r="ACJ123" s="26"/>
      <c r="ACK123" s="26"/>
      <c r="ACL123" s="26"/>
      <c r="ACM123" s="26"/>
      <c r="ACN123" s="26"/>
      <c r="ACO123" s="26"/>
      <c r="ACP123" s="26"/>
      <c r="ACQ123" s="26"/>
      <c r="ACR123" s="26"/>
      <c r="ACS123" s="26"/>
      <c r="ACT123" s="26"/>
      <c r="ACU123" s="26"/>
      <c r="ACV123" s="26"/>
      <c r="ACW123" s="26"/>
      <c r="ACX123" s="26"/>
      <c r="ACY123" s="26"/>
      <c r="ACZ123" s="26"/>
      <c r="ADA123" s="26"/>
      <c r="ADB123" s="26"/>
      <c r="ADC123" s="26"/>
      <c r="ADD123" s="26"/>
      <c r="ADE123" s="26"/>
      <c r="ADF123" s="26"/>
      <c r="ADG123" s="26"/>
      <c r="ADH123" s="26"/>
      <c r="ADI123" s="26"/>
      <c r="ADJ123" s="26"/>
      <c r="ADK123" s="26"/>
      <c r="ADL123" s="26"/>
      <c r="ADM123" s="26"/>
      <c r="ADN123" s="26"/>
      <c r="ADO123" s="26"/>
      <c r="ADP123" s="26"/>
      <c r="ADQ123" s="26"/>
      <c r="ADR123" s="26"/>
      <c r="ADS123" s="26"/>
      <c r="ADT123" s="26"/>
      <c r="ADU123" s="26"/>
      <c r="ADV123" s="26"/>
      <c r="ADW123" s="26"/>
      <c r="ADX123" s="26"/>
      <c r="ADY123" s="26"/>
      <c r="ADZ123" s="26"/>
      <c r="AEA123" s="26"/>
      <c r="AEB123" s="26"/>
      <c r="AEC123" s="26"/>
      <c r="AED123" s="26"/>
      <c r="AEE123" s="26"/>
      <c r="AEF123" s="26"/>
      <c r="AEG123" s="26"/>
      <c r="AEH123" s="26"/>
      <c r="AEI123" s="26"/>
      <c r="AEJ123" s="26"/>
      <c r="AEK123" s="26"/>
      <c r="AEL123" s="26"/>
      <c r="AEM123" s="26"/>
      <c r="AEN123" s="26"/>
      <c r="AEO123" s="26"/>
      <c r="AEP123" s="26"/>
      <c r="AEQ123" s="26"/>
      <c r="AER123" s="26"/>
      <c r="AES123" s="26"/>
      <c r="AET123" s="26"/>
      <c r="AEU123" s="26"/>
      <c r="AEV123" s="26"/>
      <c r="AEW123" s="26"/>
      <c r="AEX123" s="26"/>
      <c r="AEY123" s="26"/>
      <c r="AEZ123" s="26"/>
      <c r="AFA123" s="26"/>
      <c r="AFB123" s="26"/>
      <c r="AFC123" s="26"/>
      <c r="AFD123" s="26"/>
      <c r="AFE123" s="26"/>
      <c r="AFF123" s="26"/>
      <c r="AFG123" s="26"/>
      <c r="AFH123" s="26"/>
      <c r="AFI123" s="26"/>
      <c r="AFJ123" s="26"/>
      <c r="AFK123" s="26"/>
      <c r="AFL123" s="26"/>
      <c r="AFM123" s="26"/>
      <c r="AFN123" s="26"/>
      <c r="AFO123" s="26"/>
      <c r="AFP123" s="26"/>
      <c r="AFQ123" s="26"/>
      <c r="AFR123" s="26"/>
      <c r="AFS123" s="26"/>
      <c r="AFT123" s="26"/>
      <c r="AFU123" s="26"/>
      <c r="AFV123" s="26"/>
      <c r="AFW123" s="26"/>
      <c r="AFX123" s="26"/>
      <c r="AFY123" s="26"/>
      <c r="AFZ123" s="26"/>
      <c r="AGA123" s="26"/>
      <c r="AGB123" s="26"/>
      <c r="AGC123" s="26"/>
      <c r="AGD123" s="26"/>
      <c r="AGE123" s="26"/>
      <c r="AGF123" s="26"/>
      <c r="AGG123" s="26"/>
      <c r="AGH123" s="26"/>
      <c r="AGI123" s="26"/>
      <c r="AGJ123" s="26"/>
      <c r="AGK123" s="26"/>
      <c r="AGL123" s="26"/>
      <c r="AGM123" s="26"/>
      <c r="AGN123" s="26"/>
      <c r="AGO123" s="26"/>
      <c r="AGP123" s="26"/>
      <c r="AGQ123" s="26"/>
      <c r="AGR123" s="26"/>
      <c r="AGS123" s="26"/>
      <c r="AGT123" s="26"/>
      <c r="AGU123" s="26"/>
      <c r="AGV123" s="26"/>
      <c r="AGW123" s="26"/>
      <c r="AGX123" s="26"/>
      <c r="AGY123" s="26"/>
      <c r="AGZ123" s="26"/>
      <c r="AHA123" s="26"/>
      <c r="AHB123" s="26"/>
      <c r="AHC123" s="26"/>
      <c r="AHD123" s="26"/>
      <c r="AHE123" s="26"/>
      <c r="AHF123" s="26"/>
      <c r="AHG123" s="26"/>
      <c r="AHH123" s="26"/>
      <c r="AHI123" s="26"/>
      <c r="AHJ123" s="26"/>
      <c r="AHK123" s="26"/>
      <c r="AHL123" s="26"/>
      <c r="AHM123" s="26"/>
      <c r="AHN123" s="26"/>
      <c r="AHO123" s="26"/>
      <c r="AHP123" s="26"/>
      <c r="AHQ123" s="26"/>
      <c r="AHR123" s="26"/>
      <c r="AHS123" s="26"/>
      <c r="AHT123" s="26"/>
      <c r="AHU123" s="26"/>
      <c r="AHV123" s="26"/>
      <c r="AHW123" s="26"/>
      <c r="AHX123" s="26"/>
      <c r="AHY123" s="26"/>
      <c r="AHZ123" s="26"/>
      <c r="AIA123" s="26"/>
      <c r="AIB123" s="26"/>
      <c r="AIC123" s="26"/>
      <c r="AID123" s="26"/>
      <c r="AIE123" s="26"/>
      <c r="AIF123" s="26"/>
      <c r="AIG123" s="26"/>
      <c r="AIH123" s="26"/>
      <c r="AII123" s="26"/>
      <c r="AIJ123" s="26"/>
      <c r="AIK123" s="26"/>
      <c r="AIL123" s="26"/>
      <c r="AIM123" s="26"/>
      <c r="AIN123" s="26"/>
      <c r="AIO123" s="26"/>
      <c r="AIP123" s="26"/>
      <c r="AIQ123" s="26"/>
      <c r="AIR123" s="26"/>
      <c r="AIS123" s="26"/>
      <c r="AIT123" s="26"/>
      <c r="AIU123" s="26"/>
      <c r="AIV123" s="26"/>
      <c r="AIW123" s="26"/>
      <c r="AIX123" s="26"/>
      <c r="AIY123" s="26"/>
      <c r="AIZ123" s="26"/>
      <c r="AJA123" s="26"/>
      <c r="AJB123" s="26"/>
      <c r="AJC123" s="26"/>
      <c r="AJD123" s="26"/>
      <c r="AJE123" s="26"/>
      <c r="AJF123" s="26"/>
      <c r="AJG123" s="26"/>
      <c r="AJH123" s="26"/>
      <c r="AJI123" s="26"/>
      <c r="AJJ123" s="26"/>
      <c r="AJK123" s="26"/>
      <c r="AJL123" s="26"/>
      <c r="AJM123" s="26"/>
      <c r="AJN123" s="26"/>
      <c r="AJO123" s="26"/>
      <c r="AJP123" s="26"/>
      <c r="AJQ123" s="26"/>
      <c r="AJR123" s="26"/>
      <c r="AJS123" s="26"/>
      <c r="AJT123" s="26"/>
      <c r="AJU123" s="26"/>
      <c r="AJV123" s="26"/>
      <c r="AJW123" s="26"/>
      <c r="AJX123" s="26"/>
      <c r="AJY123" s="26"/>
      <c r="AJZ123" s="26"/>
      <c r="AKA123" s="26"/>
      <c r="AKB123" s="26"/>
      <c r="AKC123" s="26"/>
      <c r="AKD123" s="26"/>
      <c r="AKE123" s="26"/>
      <c r="AKF123" s="26"/>
      <c r="AKG123" s="26"/>
      <c r="AKH123" s="26"/>
      <c r="AKI123" s="26"/>
      <c r="AKJ123" s="26"/>
      <c r="AKK123" s="26"/>
      <c r="AKL123" s="26"/>
      <c r="AKM123" s="26"/>
      <c r="AKN123" s="26"/>
      <c r="AKO123" s="26"/>
      <c r="AKP123" s="26"/>
      <c r="AKQ123" s="26"/>
      <c r="AKR123" s="26"/>
      <c r="AKS123" s="26"/>
      <c r="AKT123" s="26"/>
      <c r="AKU123" s="26"/>
      <c r="AKV123" s="26"/>
      <c r="AKW123" s="26"/>
      <c r="AKX123" s="26"/>
      <c r="AKY123" s="26"/>
      <c r="AKZ123" s="26"/>
      <c r="ALA123" s="26"/>
      <c r="ALB123" s="26"/>
      <c r="ALC123" s="26"/>
      <c r="ALD123" s="26"/>
      <c r="ALE123" s="26"/>
      <c r="ALF123" s="26"/>
      <c r="ALG123" s="26"/>
      <c r="ALH123" s="26"/>
      <c r="ALI123" s="26"/>
      <c r="ALJ123" s="26"/>
      <c r="ALK123" s="26"/>
      <c r="ALL123" s="26"/>
      <c r="ALM123" s="26"/>
      <c r="ALN123" s="26"/>
      <c r="ALO123" s="26"/>
      <c r="ALP123" s="26"/>
      <c r="ALQ123" s="26"/>
      <c r="ALR123" s="26"/>
      <c r="ALS123" s="26"/>
      <c r="ALT123" s="26"/>
      <c r="ALU123" s="26"/>
      <c r="ALV123" s="26"/>
      <c r="ALW123" s="26"/>
      <c r="ALX123" s="26"/>
      <c r="ALY123" s="26"/>
      <c r="ALZ123" s="26"/>
      <c r="AMA123" s="26"/>
      <c r="AMB123" s="26"/>
      <c r="AMC123" s="26"/>
      <c r="AMD123" s="26"/>
      <c r="AME123" s="26"/>
      <c r="AMF123" s="26"/>
      <c r="AMG123" s="26"/>
      <c r="AMH123" s="26"/>
      <c r="AMI123" s="26"/>
      <c r="AMJ123" s="26"/>
      <c r="AMK123" s="26"/>
      <c r="AML123" s="26"/>
      <c r="AMM123" s="26"/>
      <c r="AMN123" s="26"/>
      <c r="AMO123" s="26"/>
      <c r="AMP123" s="26"/>
      <c r="AMQ123" s="26"/>
      <c r="AMR123" s="26"/>
      <c r="AMS123" s="26"/>
      <c r="AMT123" s="26"/>
      <c r="AMU123" s="26"/>
      <c r="AMV123" s="26"/>
      <c r="AMW123" s="26"/>
      <c r="AMX123" s="26"/>
      <c r="AMY123" s="26"/>
      <c r="AMZ123" s="26"/>
      <c r="ANA123" s="26"/>
      <c r="ANB123" s="26"/>
      <c r="ANC123" s="26"/>
      <c r="AND123" s="26"/>
      <c r="ANE123" s="26"/>
      <c r="ANF123" s="26"/>
      <c r="ANG123" s="26"/>
      <c r="ANH123" s="26"/>
      <c r="ANI123" s="26"/>
      <c r="ANJ123" s="26"/>
      <c r="ANK123" s="26"/>
      <c r="ANL123" s="26"/>
      <c r="ANM123" s="26"/>
      <c r="ANN123" s="26"/>
      <c r="ANO123" s="26"/>
      <c r="ANP123" s="26"/>
      <c r="ANQ123" s="26"/>
      <c r="ANR123" s="26"/>
      <c r="ANS123" s="26"/>
      <c r="ANT123" s="26"/>
      <c r="ANU123" s="26"/>
      <c r="ANV123" s="26"/>
      <c r="ANW123" s="26"/>
      <c r="ANX123" s="26"/>
      <c r="ANY123" s="26"/>
      <c r="ANZ123" s="26"/>
      <c r="AOA123" s="26"/>
      <c r="AOB123" s="26"/>
      <c r="AOC123" s="26"/>
      <c r="AOD123" s="26"/>
      <c r="AOE123" s="26"/>
      <c r="AOF123" s="26"/>
      <c r="AOG123" s="26"/>
      <c r="AOH123" s="26"/>
      <c r="AOI123" s="26"/>
      <c r="AOJ123" s="26"/>
      <c r="AOK123" s="26"/>
      <c r="AOL123" s="26"/>
      <c r="AOM123" s="26"/>
      <c r="AON123" s="26"/>
      <c r="AOO123" s="26"/>
      <c r="AOP123" s="26"/>
      <c r="AOQ123" s="26"/>
      <c r="AOR123" s="26"/>
      <c r="AOS123" s="26"/>
      <c r="AOT123" s="26"/>
      <c r="AOU123" s="26"/>
      <c r="AOV123" s="26"/>
      <c r="AOW123" s="26"/>
      <c r="AOX123" s="26"/>
      <c r="AOY123" s="26"/>
      <c r="AOZ123" s="26"/>
      <c r="APA123" s="26"/>
      <c r="APB123" s="26"/>
      <c r="APC123" s="26"/>
      <c r="APD123" s="26"/>
      <c r="APE123" s="26"/>
      <c r="APF123" s="26"/>
      <c r="APG123" s="26"/>
      <c r="APH123" s="26"/>
      <c r="API123" s="26"/>
      <c r="APJ123" s="26"/>
      <c r="APK123" s="26"/>
      <c r="APL123" s="26"/>
      <c r="APM123" s="26"/>
      <c r="APN123" s="26"/>
      <c r="APO123" s="26"/>
      <c r="APP123" s="26"/>
      <c r="APQ123" s="26"/>
      <c r="APR123" s="26"/>
      <c r="APS123" s="26"/>
      <c r="APT123" s="26"/>
      <c r="APU123" s="26"/>
      <c r="APV123" s="26"/>
      <c r="APW123" s="26"/>
      <c r="APX123" s="26"/>
      <c r="APY123" s="26"/>
      <c r="APZ123" s="26"/>
      <c r="AQA123" s="26"/>
      <c r="AQB123" s="26"/>
      <c r="AQC123" s="26"/>
      <c r="AQD123" s="26"/>
      <c r="AQE123" s="26"/>
      <c r="AQF123" s="26"/>
      <c r="AQG123" s="26"/>
      <c r="AQH123" s="26"/>
      <c r="AQI123" s="26"/>
      <c r="AQJ123" s="26"/>
      <c r="AQK123" s="26"/>
      <c r="AQL123" s="26"/>
      <c r="AQM123" s="26"/>
      <c r="AQN123" s="26"/>
      <c r="AQO123" s="26"/>
      <c r="AQP123" s="26"/>
      <c r="AQQ123" s="26"/>
      <c r="AQR123" s="26"/>
      <c r="AQS123" s="26"/>
      <c r="AQT123" s="26"/>
      <c r="AQU123" s="26"/>
      <c r="AQV123" s="26"/>
      <c r="AQW123" s="26"/>
      <c r="AQX123" s="26"/>
      <c r="AQY123" s="26"/>
      <c r="AQZ123" s="26"/>
      <c r="ARA123" s="26"/>
      <c r="ARB123" s="26"/>
      <c r="ARC123" s="26"/>
      <c r="ARD123" s="26"/>
      <c r="ARE123" s="26"/>
      <c r="ARF123" s="26"/>
      <c r="ARG123" s="26"/>
      <c r="ARH123" s="26"/>
      <c r="ARI123" s="26"/>
      <c r="ARJ123" s="26"/>
      <c r="ARK123" s="26"/>
      <c r="ARL123" s="26"/>
      <c r="ARM123" s="26"/>
      <c r="ARN123" s="26"/>
      <c r="ARO123" s="26"/>
      <c r="ARP123" s="26"/>
      <c r="ARQ123" s="26"/>
      <c r="ARR123" s="26"/>
      <c r="ARS123" s="26"/>
      <c r="ART123" s="26"/>
      <c r="ARU123" s="26"/>
      <c r="ARV123" s="26"/>
      <c r="ARW123" s="26"/>
      <c r="ARX123" s="26"/>
      <c r="ARY123" s="26"/>
      <c r="ARZ123" s="26"/>
      <c r="ASA123" s="26"/>
      <c r="ASB123" s="26"/>
      <c r="ASC123" s="26"/>
      <c r="ASD123" s="26"/>
      <c r="ASE123" s="26"/>
      <c r="ASF123" s="26"/>
      <c r="ASG123" s="26"/>
      <c r="ASH123" s="26"/>
      <c r="ASI123" s="26"/>
      <c r="ASJ123" s="26"/>
      <c r="ASK123" s="26"/>
      <c r="ASL123" s="26"/>
      <c r="ASM123" s="26"/>
      <c r="ASN123" s="26"/>
      <c r="ASO123" s="26"/>
      <c r="ASP123" s="26"/>
      <c r="ASQ123" s="26"/>
      <c r="ASR123" s="26"/>
      <c r="ASS123" s="26"/>
      <c r="AST123" s="26"/>
      <c r="ASU123" s="26"/>
      <c r="ASV123" s="26"/>
      <c r="ASW123" s="26"/>
      <c r="ASX123" s="26"/>
      <c r="ASY123" s="26"/>
      <c r="ASZ123" s="26"/>
      <c r="ATA123" s="26"/>
      <c r="ATB123" s="26"/>
      <c r="ATC123" s="26"/>
      <c r="ATD123" s="26"/>
      <c r="ATE123" s="26"/>
      <c r="ATF123" s="26"/>
      <c r="ATG123" s="26"/>
      <c r="ATH123" s="26"/>
      <c r="ATI123" s="26"/>
      <c r="ATJ123" s="26"/>
      <c r="ATK123" s="26"/>
      <c r="ATL123" s="26"/>
      <c r="ATM123" s="26"/>
      <c r="ATN123" s="26"/>
      <c r="ATO123" s="26"/>
      <c r="ATP123" s="26"/>
      <c r="ATQ123" s="26"/>
      <c r="ATR123" s="26"/>
      <c r="ATS123" s="26"/>
      <c r="ATT123" s="26"/>
      <c r="ATU123" s="26"/>
      <c r="ATV123" s="26"/>
      <c r="ATW123" s="26"/>
      <c r="ATX123" s="26"/>
      <c r="ATY123" s="26"/>
      <c r="ATZ123" s="26"/>
      <c r="AUA123" s="26"/>
      <c r="AUB123" s="26"/>
      <c r="AUC123" s="26"/>
      <c r="AUD123" s="26"/>
      <c r="AUE123" s="26"/>
      <c r="AUF123" s="26"/>
      <c r="AUG123" s="26"/>
      <c r="AUH123" s="26"/>
      <c r="AUI123" s="26"/>
      <c r="AUJ123" s="26"/>
      <c r="AUK123" s="26"/>
      <c r="AUL123" s="26"/>
      <c r="AUM123" s="26"/>
      <c r="AUN123" s="26"/>
      <c r="AUO123" s="26"/>
      <c r="AUP123" s="26"/>
      <c r="AUQ123" s="26"/>
      <c r="AUR123" s="26"/>
      <c r="AUS123" s="26"/>
      <c r="AUT123" s="26"/>
      <c r="AUU123" s="26"/>
      <c r="AUV123" s="26"/>
      <c r="AUW123" s="26"/>
      <c r="AUX123" s="26"/>
      <c r="AUY123" s="26"/>
      <c r="AUZ123" s="26"/>
      <c r="AVA123" s="26"/>
      <c r="AVB123" s="26"/>
      <c r="AVC123" s="26"/>
      <c r="AVD123" s="26"/>
      <c r="AVE123" s="26"/>
      <c r="AVF123" s="26"/>
      <c r="AVG123" s="26"/>
      <c r="AVH123" s="26"/>
      <c r="AVI123" s="26"/>
      <c r="AVJ123" s="26"/>
      <c r="AVK123" s="26"/>
      <c r="AVL123" s="26"/>
      <c r="AVM123" s="26"/>
      <c r="AVN123" s="26"/>
      <c r="AVO123" s="26"/>
      <c r="AVP123" s="26"/>
      <c r="AVQ123" s="26"/>
      <c r="AVR123" s="26"/>
      <c r="AVS123" s="26"/>
      <c r="AVT123" s="26"/>
      <c r="AVU123" s="26"/>
      <c r="AVV123" s="26"/>
      <c r="AVW123" s="26"/>
      <c r="AVX123" s="26"/>
      <c r="AVY123" s="26"/>
      <c r="AVZ123" s="26"/>
      <c r="AWA123" s="26"/>
      <c r="AWB123" s="26"/>
      <c r="AWC123" s="26"/>
      <c r="AWD123" s="26"/>
      <c r="AWE123" s="26"/>
      <c r="AWF123" s="26"/>
      <c r="AWG123" s="26"/>
      <c r="AWH123" s="26"/>
      <c r="AWI123" s="26"/>
      <c r="AWJ123" s="26"/>
      <c r="AWK123" s="26"/>
      <c r="AWL123" s="26"/>
      <c r="AWM123" s="26"/>
      <c r="AWN123" s="26"/>
      <c r="AWO123" s="26"/>
      <c r="AWP123" s="26"/>
      <c r="AWQ123" s="26"/>
      <c r="AWR123" s="26"/>
      <c r="AWS123" s="26"/>
      <c r="AWT123" s="26"/>
      <c r="AWU123" s="26"/>
      <c r="AWV123" s="26"/>
      <c r="AWW123" s="26"/>
      <c r="AWX123" s="26"/>
      <c r="AWY123" s="26"/>
      <c r="AWZ123" s="26"/>
      <c r="AXA123" s="26"/>
      <c r="AXB123" s="26"/>
      <c r="AXC123" s="26"/>
      <c r="AXD123" s="26"/>
      <c r="AXE123" s="26"/>
      <c r="AXF123" s="26"/>
      <c r="AXG123" s="26"/>
      <c r="AXH123" s="26"/>
      <c r="AXI123" s="26"/>
      <c r="AXJ123" s="26"/>
      <c r="AXK123" s="26"/>
      <c r="AXL123" s="26"/>
      <c r="AXM123" s="26"/>
      <c r="AXN123" s="26"/>
      <c r="AXO123" s="26"/>
      <c r="AXP123" s="26"/>
      <c r="AXQ123" s="26"/>
      <c r="AXR123" s="26"/>
      <c r="AXS123" s="26"/>
      <c r="AXT123" s="26"/>
      <c r="AXU123" s="26"/>
      <c r="AXV123" s="26"/>
      <c r="AXW123" s="26"/>
      <c r="AXX123" s="26"/>
      <c r="AXY123" s="26"/>
      <c r="AXZ123" s="26"/>
      <c r="AYA123" s="26"/>
      <c r="AYB123" s="26"/>
      <c r="AYC123" s="26"/>
      <c r="AYD123" s="26"/>
      <c r="AYE123" s="26"/>
      <c r="AYF123" s="26"/>
      <c r="AYG123" s="26"/>
      <c r="AYH123" s="26"/>
      <c r="AYI123" s="26"/>
      <c r="AYJ123" s="26"/>
      <c r="AYK123" s="26"/>
      <c r="AYL123" s="26"/>
      <c r="AYM123" s="26"/>
      <c r="AYN123" s="26"/>
      <c r="AYO123" s="26"/>
      <c r="AYP123" s="26"/>
      <c r="AYQ123" s="26"/>
      <c r="AYR123" s="26"/>
      <c r="AYS123" s="26"/>
      <c r="AYT123" s="26"/>
      <c r="AYU123" s="26"/>
      <c r="AYV123" s="26"/>
      <c r="AYW123" s="26"/>
      <c r="AYX123" s="26"/>
      <c r="AYY123" s="26"/>
      <c r="AYZ123" s="26"/>
      <c r="AZA123" s="26"/>
      <c r="AZB123" s="26"/>
      <c r="AZC123" s="26"/>
      <c r="AZD123" s="26"/>
      <c r="AZE123" s="26"/>
      <c r="AZF123" s="26"/>
      <c r="AZG123" s="26"/>
      <c r="AZH123" s="26"/>
      <c r="AZI123" s="26"/>
      <c r="AZJ123" s="26"/>
      <c r="AZK123" s="26"/>
      <c r="AZL123" s="26"/>
      <c r="AZM123" s="26"/>
      <c r="AZN123" s="26"/>
      <c r="AZO123" s="26"/>
      <c r="AZP123" s="26"/>
      <c r="AZQ123" s="26"/>
      <c r="AZR123" s="26"/>
      <c r="AZS123" s="26"/>
      <c r="AZT123" s="26"/>
      <c r="AZU123" s="26"/>
      <c r="AZV123" s="26"/>
      <c r="AZW123" s="26"/>
      <c r="AZX123" s="26"/>
      <c r="AZY123" s="26"/>
      <c r="AZZ123" s="26"/>
      <c r="BAA123" s="26"/>
      <c r="BAB123" s="26"/>
      <c r="BAC123" s="26"/>
      <c r="BAD123" s="26"/>
      <c r="BAE123" s="26"/>
      <c r="BAF123" s="26"/>
      <c r="BAG123" s="26"/>
      <c r="BAH123" s="26"/>
      <c r="BAI123" s="26"/>
      <c r="BAJ123" s="26"/>
      <c r="BAK123" s="26"/>
      <c r="BAL123" s="26"/>
      <c r="BAM123" s="26"/>
      <c r="BAN123" s="26"/>
      <c r="BAO123" s="26"/>
      <c r="BAP123" s="26"/>
      <c r="BAQ123" s="26"/>
      <c r="BAR123" s="26"/>
      <c r="BAS123" s="26"/>
      <c r="BAT123" s="26"/>
      <c r="BAU123" s="26"/>
      <c r="BAV123" s="26"/>
      <c r="BAW123" s="26"/>
      <c r="BAX123" s="26"/>
      <c r="BAY123" s="26"/>
      <c r="BAZ123" s="26"/>
      <c r="BBA123" s="26"/>
      <c r="BBB123" s="26"/>
      <c r="BBC123" s="26"/>
      <c r="BBD123" s="26"/>
      <c r="BBE123" s="26"/>
      <c r="BBF123" s="26"/>
      <c r="BBG123" s="26"/>
      <c r="BBH123" s="26"/>
      <c r="BBI123" s="26"/>
      <c r="BBJ123" s="26"/>
      <c r="BBK123" s="26"/>
      <c r="BBL123" s="26"/>
      <c r="BBM123" s="26"/>
      <c r="BBN123" s="26"/>
      <c r="BBO123" s="26"/>
      <c r="BBP123" s="26"/>
      <c r="BBQ123" s="26"/>
      <c r="BBR123" s="26"/>
      <c r="BBS123" s="26"/>
      <c r="BBT123" s="26"/>
      <c r="BBU123" s="26"/>
      <c r="BBV123" s="26"/>
      <c r="BBW123" s="26"/>
      <c r="BBX123" s="26"/>
      <c r="BBY123" s="26"/>
      <c r="BBZ123" s="26"/>
      <c r="BCA123" s="26"/>
      <c r="BCB123" s="26"/>
      <c r="BCC123" s="26"/>
      <c r="BCD123" s="26"/>
      <c r="BCE123" s="26"/>
      <c r="BCF123" s="26"/>
      <c r="BCG123" s="26"/>
      <c r="BCH123" s="26"/>
      <c r="BCI123" s="26"/>
      <c r="BCJ123" s="26"/>
      <c r="BCK123" s="26"/>
      <c r="BCL123" s="26"/>
      <c r="BCM123" s="26"/>
      <c r="BCN123" s="26"/>
      <c r="BCO123" s="26"/>
      <c r="BCP123" s="26"/>
      <c r="BCQ123" s="26"/>
      <c r="BCR123" s="26"/>
      <c r="BCS123" s="26"/>
      <c r="BCT123" s="26"/>
      <c r="BCU123" s="26"/>
      <c r="BCV123" s="26"/>
      <c r="BCW123" s="26"/>
      <c r="BCX123" s="26"/>
      <c r="BCY123" s="26"/>
      <c r="BCZ123" s="26"/>
      <c r="BDA123" s="26"/>
      <c r="BDB123" s="26"/>
      <c r="BDC123" s="26"/>
      <c r="BDD123" s="26"/>
      <c r="BDE123" s="26"/>
      <c r="BDF123" s="26"/>
      <c r="BDG123" s="26"/>
      <c r="BDH123" s="26"/>
      <c r="BDI123" s="26"/>
      <c r="BDJ123" s="26"/>
      <c r="BDK123" s="26"/>
      <c r="BDL123" s="26"/>
      <c r="BDM123" s="26"/>
      <c r="BDN123" s="26"/>
      <c r="BDO123" s="26"/>
      <c r="BDP123" s="26"/>
      <c r="BDQ123" s="26"/>
      <c r="BDR123" s="26"/>
      <c r="BDS123" s="26"/>
      <c r="BDT123" s="26"/>
      <c r="BDU123" s="26"/>
      <c r="BDV123" s="26"/>
      <c r="BDW123" s="26"/>
      <c r="BDX123" s="26"/>
      <c r="BDY123" s="26"/>
      <c r="BDZ123" s="26"/>
      <c r="BEA123" s="26"/>
      <c r="BEB123" s="26"/>
      <c r="BEC123" s="26"/>
      <c r="BED123" s="26"/>
      <c r="BEE123" s="26"/>
      <c r="BEF123" s="26"/>
      <c r="BEG123" s="26"/>
      <c r="BEH123" s="26"/>
      <c r="BEI123" s="26"/>
      <c r="BEJ123" s="26"/>
      <c r="BEK123" s="26"/>
      <c r="BEL123" s="26"/>
      <c r="BEM123" s="26"/>
      <c r="BEN123" s="26"/>
      <c r="BEO123" s="26"/>
      <c r="BEP123" s="26"/>
      <c r="BEQ123" s="26"/>
      <c r="BER123" s="26"/>
      <c r="BES123" s="26"/>
      <c r="BET123" s="26"/>
      <c r="BEU123" s="26"/>
      <c r="BEV123" s="26"/>
      <c r="BEW123" s="26"/>
      <c r="BEX123" s="26"/>
      <c r="BEY123" s="26"/>
      <c r="BEZ123" s="26"/>
      <c r="BFA123" s="26"/>
      <c r="BFB123" s="26"/>
      <c r="BFC123" s="26"/>
      <c r="BFD123" s="26"/>
      <c r="BFE123" s="26"/>
      <c r="BFF123" s="26"/>
      <c r="BFG123" s="26"/>
      <c r="BFH123" s="26"/>
      <c r="BFI123" s="26"/>
      <c r="BFJ123" s="26"/>
      <c r="BFK123" s="26"/>
      <c r="BFL123" s="26"/>
      <c r="BFM123" s="26"/>
      <c r="BFN123" s="26"/>
      <c r="BFO123" s="26"/>
      <c r="BFP123" s="26"/>
      <c r="BFQ123" s="26"/>
      <c r="BFR123" s="26"/>
      <c r="BFS123" s="26"/>
      <c r="BFT123" s="26"/>
      <c r="BFU123" s="26"/>
      <c r="BFV123" s="26"/>
      <c r="BFW123" s="26"/>
      <c r="BFX123" s="26"/>
      <c r="BFY123" s="26"/>
      <c r="BFZ123" s="26"/>
      <c r="BGA123" s="26"/>
      <c r="BGB123" s="26"/>
      <c r="BGC123" s="26"/>
      <c r="BGD123" s="26"/>
      <c r="BGE123" s="26"/>
      <c r="BGF123" s="26"/>
      <c r="BGG123" s="26"/>
      <c r="BGH123" s="26"/>
      <c r="BGI123" s="26"/>
      <c r="BGJ123" s="26"/>
      <c r="BGK123" s="26"/>
      <c r="BGL123" s="26"/>
      <c r="BGM123" s="26"/>
      <c r="BGN123" s="26"/>
      <c r="BGO123" s="26"/>
      <c r="BGP123" s="26"/>
      <c r="BGQ123" s="26"/>
      <c r="BGR123" s="26"/>
      <c r="BGS123" s="26"/>
      <c r="BGT123" s="26"/>
      <c r="BGU123" s="26"/>
      <c r="BGV123" s="26"/>
      <c r="BGW123" s="26"/>
      <c r="BGX123" s="26"/>
      <c r="BGY123" s="26"/>
      <c r="BGZ123" s="26"/>
      <c r="BHA123" s="26"/>
      <c r="BHB123" s="26"/>
      <c r="BHC123" s="26"/>
      <c r="BHD123" s="26"/>
      <c r="BHE123" s="26"/>
      <c r="BHF123" s="26"/>
      <c r="BHG123" s="26"/>
      <c r="BHH123" s="26"/>
      <c r="BHI123" s="26"/>
      <c r="BHJ123" s="26"/>
      <c r="BHK123" s="26"/>
      <c r="BHL123" s="26"/>
      <c r="BHM123" s="26"/>
      <c r="BHN123" s="26"/>
      <c r="BHO123" s="26"/>
      <c r="BHP123" s="26"/>
      <c r="BHQ123" s="26"/>
      <c r="BHR123" s="26"/>
      <c r="BHS123" s="26"/>
      <c r="BHT123" s="26"/>
      <c r="BHU123" s="26"/>
      <c r="BHV123" s="26"/>
      <c r="BHW123" s="26"/>
      <c r="BHX123" s="26"/>
      <c r="BHY123" s="26"/>
      <c r="BHZ123" s="26"/>
      <c r="BIA123" s="26"/>
      <c r="BIB123" s="26"/>
      <c r="BIC123" s="26"/>
      <c r="BID123" s="26"/>
      <c r="BIE123" s="26"/>
      <c r="BIF123" s="26"/>
      <c r="BIG123" s="26"/>
      <c r="BIH123" s="26"/>
      <c r="BII123" s="26"/>
      <c r="BIJ123" s="26"/>
      <c r="BIK123" s="26"/>
      <c r="BIL123" s="26"/>
      <c r="BIM123" s="26"/>
      <c r="BIN123" s="26"/>
      <c r="BIO123" s="26"/>
      <c r="BIP123" s="26"/>
      <c r="BIQ123" s="26"/>
      <c r="BIR123" s="26"/>
      <c r="BIS123" s="26"/>
      <c r="BIT123" s="26"/>
      <c r="BIU123" s="26"/>
      <c r="BIV123" s="26"/>
      <c r="BIW123" s="26"/>
      <c r="BIX123" s="26"/>
      <c r="BIY123" s="26"/>
      <c r="BIZ123" s="26"/>
      <c r="BJA123" s="26"/>
      <c r="BJB123" s="26"/>
      <c r="BJC123" s="26"/>
      <c r="BJD123" s="26"/>
      <c r="BJE123" s="26"/>
      <c r="BJF123" s="26"/>
      <c r="BJG123" s="26"/>
      <c r="BJH123" s="26"/>
      <c r="BJI123" s="26"/>
      <c r="BJJ123" s="26"/>
      <c r="BJK123" s="26"/>
      <c r="BJL123" s="26"/>
      <c r="BJM123" s="26"/>
      <c r="BJN123" s="26"/>
      <c r="BJO123" s="26"/>
      <c r="BJP123" s="26"/>
      <c r="BJQ123" s="26"/>
      <c r="BJR123" s="26"/>
      <c r="BJS123" s="26"/>
      <c r="BJT123" s="26"/>
      <c r="BJU123" s="26"/>
      <c r="BJV123" s="26"/>
      <c r="BJW123" s="26"/>
      <c r="BJX123" s="26"/>
      <c r="BJY123" s="26"/>
      <c r="BJZ123" s="26"/>
      <c r="BKA123" s="26"/>
      <c r="BKB123" s="26"/>
      <c r="BKC123" s="26"/>
      <c r="BKD123" s="26"/>
      <c r="BKE123" s="26"/>
      <c r="BKF123" s="26"/>
      <c r="BKG123" s="26"/>
      <c r="BKH123" s="26"/>
      <c r="BKI123" s="26"/>
      <c r="BKJ123" s="26"/>
      <c r="BKK123" s="26"/>
      <c r="BKL123" s="26"/>
      <c r="BKM123" s="26"/>
      <c r="BKN123" s="26"/>
      <c r="BKO123" s="26"/>
      <c r="BKP123" s="26"/>
      <c r="BKQ123" s="26"/>
      <c r="BKR123" s="26"/>
      <c r="BKS123" s="26"/>
      <c r="BKT123" s="26"/>
      <c r="BKU123" s="26"/>
      <c r="BKV123" s="26"/>
      <c r="BKW123" s="26"/>
      <c r="BKX123" s="26"/>
      <c r="BKY123" s="26"/>
      <c r="BKZ123" s="26"/>
      <c r="BLA123" s="26"/>
      <c r="BLB123" s="26"/>
      <c r="BLC123" s="26"/>
      <c r="BLD123" s="26"/>
      <c r="BLE123" s="26"/>
      <c r="BLF123" s="26"/>
      <c r="BLG123" s="26"/>
      <c r="BLH123" s="26"/>
      <c r="BLI123" s="26"/>
      <c r="BLJ123" s="26"/>
      <c r="BLK123" s="26"/>
      <c r="BLL123" s="26"/>
      <c r="BLM123" s="26"/>
      <c r="BLN123" s="26"/>
      <c r="BLO123" s="26"/>
      <c r="BLP123" s="26"/>
      <c r="BLQ123" s="26"/>
      <c r="BLR123" s="26"/>
      <c r="BLS123" s="26"/>
      <c r="BLT123" s="26"/>
      <c r="BLU123" s="26"/>
      <c r="BLV123" s="26"/>
      <c r="BLW123" s="26"/>
      <c r="BLX123" s="26"/>
      <c r="BLY123" s="26"/>
      <c r="BLZ123" s="26"/>
      <c r="BMA123" s="26"/>
      <c r="BMB123" s="26"/>
      <c r="BMC123" s="26"/>
      <c r="BMD123" s="26"/>
      <c r="BME123" s="26"/>
      <c r="BMF123" s="26"/>
      <c r="BMG123" s="26"/>
      <c r="BMH123" s="26"/>
      <c r="BMI123" s="26"/>
      <c r="BMJ123" s="26"/>
      <c r="BMK123" s="26"/>
      <c r="BML123" s="26"/>
      <c r="BMM123" s="26"/>
      <c r="BMN123" s="26"/>
      <c r="BMO123" s="26"/>
      <c r="BMP123" s="26"/>
      <c r="BMQ123" s="26"/>
      <c r="BMR123" s="26"/>
      <c r="BMS123" s="26"/>
      <c r="BMT123" s="26"/>
      <c r="BMU123" s="26"/>
      <c r="BMV123" s="26"/>
      <c r="BMW123" s="26"/>
      <c r="BMX123" s="26"/>
      <c r="BMY123" s="26"/>
      <c r="BMZ123" s="26"/>
      <c r="BNA123" s="26"/>
      <c r="BNB123" s="26"/>
      <c r="BNC123" s="26"/>
      <c r="BND123" s="26"/>
      <c r="BNE123" s="26"/>
      <c r="BNF123" s="26"/>
      <c r="BNG123" s="26"/>
      <c r="BNH123" s="26"/>
      <c r="BNI123" s="26"/>
      <c r="BNJ123" s="26"/>
      <c r="BNK123" s="26"/>
      <c r="BNL123" s="26"/>
      <c r="BNM123" s="26"/>
      <c r="BNN123" s="26"/>
      <c r="BNO123" s="26"/>
      <c r="BNP123" s="26"/>
      <c r="BNQ123" s="26"/>
      <c r="BNR123" s="26"/>
      <c r="BNS123" s="26"/>
      <c r="BNT123" s="26"/>
      <c r="BNU123" s="26"/>
      <c r="BNV123" s="26"/>
      <c r="BNW123" s="26"/>
      <c r="BNX123" s="26"/>
      <c r="BNY123" s="26"/>
      <c r="BNZ123" s="26"/>
      <c r="BOA123" s="26"/>
      <c r="BOB123" s="26"/>
      <c r="BOC123" s="26"/>
      <c r="BOD123" s="26"/>
      <c r="BOE123" s="26"/>
      <c r="BOF123" s="26"/>
      <c r="BOG123" s="26"/>
      <c r="BOH123" s="26"/>
      <c r="BOI123" s="26"/>
      <c r="BOJ123" s="26"/>
      <c r="BOK123" s="26"/>
      <c r="BOL123" s="26"/>
      <c r="BOM123" s="26"/>
      <c r="BON123" s="26"/>
      <c r="BOO123" s="26"/>
      <c r="BOP123" s="26"/>
      <c r="BOQ123" s="26"/>
      <c r="BOR123" s="26"/>
      <c r="BOS123" s="26"/>
      <c r="BOT123" s="26"/>
      <c r="BOU123" s="26"/>
      <c r="BOV123" s="26"/>
      <c r="BOW123" s="26"/>
      <c r="BOX123" s="26"/>
      <c r="BOY123" s="26"/>
      <c r="BOZ123" s="26"/>
      <c r="BPA123" s="26"/>
      <c r="BPB123" s="26"/>
      <c r="BPC123" s="26"/>
      <c r="BPD123" s="26"/>
      <c r="BPE123" s="26"/>
      <c r="BPF123" s="26"/>
      <c r="BPG123" s="26"/>
      <c r="BPH123" s="26"/>
      <c r="BPI123" s="26"/>
      <c r="BPJ123" s="26"/>
      <c r="BPK123" s="26"/>
      <c r="BPL123" s="26"/>
      <c r="BPM123" s="26"/>
      <c r="BPN123" s="26"/>
      <c r="BPO123" s="26"/>
      <c r="BPP123" s="26"/>
      <c r="BPQ123" s="26"/>
      <c r="BPR123" s="26"/>
      <c r="BPS123" s="26"/>
      <c r="BPT123" s="26"/>
      <c r="BPU123" s="26"/>
      <c r="BPV123" s="26"/>
      <c r="BPW123" s="26"/>
      <c r="BPX123" s="26"/>
      <c r="BPY123" s="26"/>
      <c r="BPZ123" s="26"/>
      <c r="BQA123" s="26"/>
      <c r="BQB123" s="26"/>
      <c r="BQC123" s="26"/>
      <c r="BQD123" s="26"/>
      <c r="BQE123" s="26"/>
      <c r="BQF123" s="26"/>
      <c r="BQG123" s="26"/>
      <c r="BQH123" s="26"/>
      <c r="BQI123" s="26"/>
      <c r="BQJ123" s="26"/>
      <c r="BQK123" s="26"/>
      <c r="BQL123" s="26"/>
      <c r="BQM123" s="26"/>
      <c r="BQN123" s="26"/>
      <c r="BQO123" s="26"/>
      <c r="BQP123" s="26"/>
      <c r="BQQ123" s="26"/>
      <c r="BQR123" s="26"/>
      <c r="BQS123" s="26"/>
      <c r="BQT123" s="26"/>
      <c r="BQU123" s="26"/>
      <c r="BQV123" s="26"/>
      <c r="BQW123" s="26"/>
      <c r="BQX123" s="26"/>
      <c r="BQY123" s="26"/>
      <c r="BQZ123" s="26"/>
      <c r="BRA123" s="26"/>
      <c r="BRB123" s="26"/>
      <c r="BRC123" s="26"/>
      <c r="BRD123" s="26"/>
      <c r="BRE123" s="26"/>
      <c r="BRF123" s="26"/>
      <c r="BRG123" s="26"/>
      <c r="BRH123" s="26"/>
      <c r="BRI123" s="26"/>
      <c r="BRJ123" s="26"/>
      <c r="BRK123" s="26"/>
      <c r="BRL123" s="26"/>
      <c r="BRM123" s="26"/>
      <c r="BRN123" s="26"/>
      <c r="BRO123" s="26"/>
      <c r="BRP123" s="26"/>
      <c r="BRQ123" s="26"/>
      <c r="BRR123" s="26"/>
      <c r="BRS123" s="26"/>
      <c r="BRT123" s="26"/>
      <c r="BRU123" s="26"/>
      <c r="BRV123" s="26"/>
      <c r="BRW123" s="26"/>
      <c r="BRX123" s="26"/>
      <c r="BRY123" s="26"/>
      <c r="BRZ123" s="26"/>
      <c r="BSA123" s="26"/>
      <c r="BSB123" s="26"/>
      <c r="BSC123" s="26"/>
      <c r="BSD123" s="26"/>
      <c r="BSE123" s="26"/>
      <c r="BSF123" s="26"/>
      <c r="BSG123" s="26"/>
      <c r="BSH123" s="26"/>
      <c r="BSI123" s="26"/>
      <c r="BSJ123" s="26"/>
      <c r="BSK123" s="26"/>
      <c r="BSL123" s="26"/>
      <c r="BSM123" s="26"/>
      <c r="BSN123" s="26"/>
      <c r="BSO123" s="26"/>
      <c r="BSP123" s="26"/>
      <c r="BSQ123" s="26"/>
      <c r="BSR123" s="26"/>
      <c r="BSS123" s="26"/>
      <c r="BST123" s="26"/>
      <c r="BSU123" s="26"/>
      <c r="BSV123" s="26"/>
      <c r="BSW123" s="26"/>
      <c r="BSX123" s="26"/>
      <c r="BSY123" s="26"/>
      <c r="BSZ123" s="26"/>
      <c r="BTA123" s="26"/>
      <c r="BTB123" s="26"/>
      <c r="BTC123" s="26"/>
      <c r="BTD123" s="26"/>
      <c r="BTE123" s="26"/>
      <c r="BTF123" s="26"/>
      <c r="BTG123" s="26"/>
      <c r="BTH123" s="26"/>
      <c r="BTI123" s="26"/>
      <c r="BTJ123" s="26"/>
      <c r="BTK123" s="26"/>
      <c r="BTL123" s="26"/>
      <c r="BTM123" s="26"/>
      <c r="BTN123" s="26"/>
      <c r="BTO123" s="26"/>
      <c r="BTP123" s="26"/>
      <c r="BTQ123" s="26"/>
      <c r="BTR123" s="26"/>
      <c r="BTS123" s="26"/>
      <c r="BTT123" s="26"/>
      <c r="BTU123" s="26"/>
      <c r="BTV123" s="26"/>
      <c r="BTW123" s="26"/>
      <c r="BTX123" s="26"/>
      <c r="BTY123" s="26"/>
      <c r="BTZ123" s="26"/>
      <c r="BUA123" s="26"/>
      <c r="BUB123" s="26"/>
      <c r="BUC123" s="26"/>
      <c r="BUD123" s="26"/>
      <c r="BUE123" s="26"/>
      <c r="BUF123" s="26"/>
      <c r="BUG123" s="26"/>
      <c r="BUH123" s="26"/>
      <c r="BUI123" s="26"/>
      <c r="BUJ123" s="26"/>
      <c r="BUK123" s="26"/>
      <c r="BUL123" s="26"/>
      <c r="BUM123" s="26"/>
      <c r="BUN123" s="26"/>
      <c r="BUO123" s="26"/>
      <c r="BUP123" s="26"/>
      <c r="BUQ123" s="26"/>
      <c r="BUR123" s="26"/>
      <c r="BUS123" s="26"/>
      <c r="BUT123" s="26"/>
      <c r="BUU123" s="26"/>
      <c r="BUV123" s="26"/>
      <c r="BUW123" s="26"/>
      <c r="BUX123" s="26"/>
      <c r="BUY123" s="26"/>
      <c r="BUZ123" s="26"/>
      <c r="BVA123" s="26"/>
      <c r="BVB123" s="26"/>
      <c r="BVC123" s="26"/>
      <c r="BVD123" s="26"/>
      <c r="BVE123" s="26"/>
      <c r="BVF123" s="26"/>
      <c r="BVG123" s="26"/>
      <c r="BVH123" s="26"/>
      <c r="BVI123" s="26"/>
      <c r="BVJ123" s="26"/>
      <c r="BVK123" s="26"/>
      <c r="BVL123" s="26"/>
      <c r="BVM123" s="26"/>
      <c r="BVN123" s="26"/>
      <c r="BVO123" s="26"/>
      <c r="BVP123" s="26"/>
      <c r="BVQ123" s="26"/>
      <c r="BVR123" s="26"/>
      <c r="BVS123" s="26"/>
      <c r="BVT123" s="26"/>
      <c r="BVU123" s="26"/>
      <c r="BVV123" s="26"/>
      <c r="BVW123" s="26"/>
      <c r="BVX123" s="26"/>
      <c r="BVY123" s="26"/>
      <c r="BVZ123" s="26"/>
      <c r="BWA123" s="26"/>
      <c r="BWB123" s="26"/>
      <c r="BWC123" s="26"/>
      <c r="BWD123" s="26"/>
      <c r="BWE123" s="26"/>
      <c r="BWF123" s="26"/>
      <c r="BWG123" s="26"/>
      <c r="BWH123" s="26"/>
      <c r="BWI123" s="26"/>
      <c r="BWJ123" s="26"/>
      <c r="BWK123" s="26"/>
      <c r="BWL123" s="26"/>
      <c r="BWM123" s="26"/>
      <c r="BWN123" s="26"/>
      <c r="BWO123" s="26"/>
      <c r="BWP123" s="26"/>
      <c r="BWQ123" s="26"/>
      <c r="BWR123" s="26"/>
      <c r="BWS123" s="26"/>
      <c r="BWT123" s="26"/>
      <c r="BWU123" s="26"/>
      <c r="BWV123" s="26"/>
      <c r="BWW123" s="26"/>
      <c r="BWX123" s="26"/>
      <c r="BWY123" s="26"/>
      <c r="BWZ123" s="26"/>
      <c r="BXA123" s="26"/>
      <c r="BXB123" s="26"/>
      <c r="BXC123" s="26"/>
      <c r="BXD123" s="26"/>
      <c r="BXE123" s="26"/>
      <c r="BXF123" s="26"/>
      <c r="BXG123" s="26"/>
      <c r="BXH123" s="26"/>
      <c r="BXI123" s="26"/>
      <c r="BXJ123" s="26"/>
      <c r="BXK123" s="26"/>
      <c r="BXL123" s="26"/>
      <c r="BXM123" s="26"/>
      <c r="BXN123" s="26"/>
      <c r="BXO123" s="26"/>
      <c r="BXP123" s="26"/>
      <c r="BXQ123" s="26"/>
      <c r="BXR123" s="26"/>
      <c r="BXS123" s="26"/>
      <c r="BXT123" s="26"/>
      <c r="BXU123" s="26"/>
      <c r="BXV123" s="26"/>
      <c r="BXW123" s="26"/>
      <c r="BXX123" s="26"/>
      <c r="BXY123" s="26"/>
      <c r="BXZ123" s="26"/>
      <c r="BYA123" s="26"/>
      <c r="BYB123" s="26"/>
      <c r="BYC123" s="26"/>
      <c r="BYD123" s="26"/>
      <c r="BYE123" s="26"/>
      <c r="BYF123" s="26"/>
      <c r="BYG123" s="26"/>
      <c r="BYH123" s="26"/>
      <c r="BYI123" s="26"/>
      <c r="BYJ123" s="26"/>
      <c r="BYK123" s="26"/>
      <c r="BYL123" s="26"/>
      <c r="BYM123" s="26"/>
      <c r="BYN123" s="26"/>
      <c r="BYO123" s="26"/>
      <c r="BYP123" s="26"/>
      <c r="BYQ123" s="26"/>
      <c r="BYR123" s="26"/>
      <c r="BYS123" s="26"/>
      <c r="BYT123" s="26"/>
      <c r="BYU123" s="26"/>
      <c r="BYV123" s="26"/>
      <c r="BYW123" s="26"/>
      <c r="BYX123" s="26"/>
      <c r="BYY123" s="26"/>
      <c r="BYZ123" s="26"/>
      <c r="BZA123" s="26"/>
      <c r="BZB123" s="26"/>
      <c r="BZC123" s="26"/>
      <c r="BZD123" s="26"/>
      <c r="BZE123" s="26"/>
      <c r="BZF123" s="26"/>
      <c r="BZG123" s="26"/>
      <c r="BZH123" s="26"/>
      <c r="BZI123" s="26"/>
      <c r="BZJ123" s="26"/>
      <c r="BZK123" s="26"/>
      <c r="BZL123" s="26"/>
      <c r="BZM123" s="26"/>
      <c r="BZN123" s="26"/>
      <c r="BZO123" s="26"/>
      <c r="BZP123" s="26"/>
      <c r="BZQ123" s="26"/>
      <c r="BZR123" s="26"/>
      <c r="BZS123" s="26"/>
      <c r="BZT123" s="26"/>
      <c r="BZU123" s="26"/>
      <c r="BZV123" s="26"/>
      <c r="BZW123" s="26"/>
      <c r="BZX123" s="26"/>
      <c r="BZY123" s="26"/>
      <c r="BZZ123" s="26"/>
      <c r="CAA123" s="26"/>
      <c r="CAB123" s="26"/>
      <c r="CAC123" s="26"/>
      <c r="CAD123" s="26"/>
      <c r="CAE123" s="26"/>
      <c r="CAF123" s="26"/>
      <c r="CAG123" s="26"/>
      <c r="CAH123" s="26"/>
      <c r="CAI123" s="26"/>
      <c r="CAJ123" s="26"/>
      <c r="CAK123" s="26"/>
      <c r="CAL123" s="26"/>
      <c r="CAM123" s="26"/>
      <c r="CAN123" s="26"/>
      <c r="CAO123" s="26"/>
      <c r="CAP123" s="26"/>
      <c r="CAQ123" s="26"/>
      <c r="CAR123" s="26"/>
      <c r="CAS123" s="26"/>
      <c r="CAT123" s="26"/>
      <c r="CAU123" s="26"/>
      <c r="CAV123" s="26"/>
      <c r="CAW123" s="26"/>
      <c r="CAX123" s="26"/>
      <c r="CAY123" s="26"/>
      <c r="CAZ123" s="26"/>
      <c r="CBA123" s="26"/>
      <c r="CBB123" s="26"/>
      <c r="CBC123" s="26"/>
      <c r="CBD123" s="26"/>
      <c r="CBE123" s="26"/>
      <c r="CBF123" s="26"/>
      <c r="CBG123" s="26"/>
      <c r="CBH123" s="26"/>
      <c r="CBI123" s="26"/>
      <c r="CBJ123" s="26"/>
      <c r="CBK123" s="26"/>
      <c r="CBL123" s="26"/>
      <c r="CBM123" s="26"/>
      <c r="CBN123" s="26"/>
      <c r="CBO123" s="26"/>
      <c r="CBP123" s="26"/>
      <c r="CBQ123" s="26"/>
      <c r="CBR123" s="26"/>
      <c r="CBS123" s="26"/>
      <c r="CBT123" s="26"/>
      <c r="CBU123" s="26"/>
      <c r="CBV123" s="26"/>
      <c r="CBW123" s="26"/>
      <c r="CBX123" s="26"/>
      <c r="CBY123" s="26"/>
      <c r="CBZ123" s="26"/>
      <c r="CCA123" s="26"/>
      <c r="CCB123" s="26"/>
      <c r="CCC123" s="26"/>
      <c r="CCD123" s="26"/>
      <c r="CCE123" s="26"/>
      <c r="CCF123" s="26"/>
      <c r="CCG123" s="26"/>
      <c r="CCH123" s="26"/>
      <c r="CCI123" s="26"/>
      <c r="CCJ123" s="26"/>
      <c r="CCK123" s="26"/>
      <c r="CCL123" s="26"/>
      <c r="CCM123" s="26"/>
      <c r="CCN123" s="26"/>
      <c r="CCO123" s="26"/>
      <c r="CCP123" s="26"/>
      <c r="CCQ123" s="26"/>
      <c r="CCR123" s="26"/>
      <c r="CCS123" s="26"/>
      <c r="CCT123" s="26"/>
      <c r="CCU123" s="26"/>
      <c r="CCV123" s="26"/>
      <c r="CCW123" s="26"/>
      <c r="CCX123" s="26"/>
      <c r="CCY123" s="26"/>
      <c r="CCZ123" s="26"/>
      <c r="CDA123" s="26"/>
      <c r="CDB123" s="26"/>
      <c r="CDC123" s="26"/>
      <c r="CDD123" s="26"/>
      <c r="CDE123" s="26"/>
      <c r="CDF123" s="26"/>
      <c r="CDG123" s="26"/>
      <c r="CDH123" s="26"/>
      <c r="CDI123" s="26"/>
      <c r="CDJ123" s="26"/>
      <c r="CDK123" s="26"/>
      <c r="CDL123" s="26"/>
      <c r="CDM123" s="26"/>
      <c r="CDN123" s="26"/>
      <c r="CDO123" s="26"/>
      <c r="CDP123" s="26"/>
      <c r="CDQ123" s="26"/>
      <c r="CDR123" s="26"/>
      <c r="CDS123" s="26"/>
      <c r="CDT123" s="26"/>
      <c r="CDU123" s="26"/>
      <c r="CDV123" s="26"/>
      <c r="CDW123" s="26"/>
      <c r="CDX123" s="26"/>
      <c r="CDY123" s="26"/>
      <c r="CDZ123" s="26"/>
      <c r="CEA123" s="26"/>
      <c r="CEB123" s="26"/>
      <c r="CEC123" s="26"/>
      <c r="CED123" s="26"/>
      <c r="CEE123" s="26"/>
      <c r="CEF123" s="26"/>
      <c r="CEG123" s="26"/>
      <c r="CEH123" s="26"/>
      <c r="CEI123" s="26"/>
      <c r="CEJ123" s="26"/>
      <c r="CEK123" s="26"/>
      <c r="CEL123" s="26"/>
      <c r="CEM123" s="26"/>
      <c r="CEN123" s="26"/>
      <c r="CEO123" s="26"/>
      <c r="CEP123" s="26"/>
      <c r="CEQ123" s="26"/>
      <c r="CER123" s="26"/>
      <c r="CES123" s="26"/>
      <c r="CET123" s="26"/>
      <c r="CEU123" s="26"/>
      <c r="CEV123" s="26"/>
      <c r="CEW123" s="26"/>
      <c r="CEX123" s="26"/>
      <c r="CEY123" s="26"/>
      <c r="CEZ123" s="26"/>
      <c r="CFA123" s="26"/>
      <c r="CFB123" s="26"/>
      <c r="CFC123" s="26"/>
      <c r="CFD123" s="26"/>
      <c r="CFE123" s="26"/>
      <c r="CFF123" s="26"/>
      <c r="CFG123" s="26"/>
      <c r="CFH123" s="26"/>
      <c r="CFI123" s="26"/>
      <c r="CFJ123" s="26"/>
      <c r="CFK123" s="26"/>
      <c r="CFL123" s="26"/>
      <c r="CFM123" s="26"/>
      <c r="CFN123" s="26"/>
      <c r="CFO123" s="26"/>
      <c r="CFP123" s="26"/>
      <c r="CFQ123" s="26"/>
      <c r="CFR123" s="26"/>
      <c r="CFS123" s="26"/>
      <c r="CFT123" s="26"/>
      <c r="CFU123" s="26"/>
      <c r="CFV123" s="26"/>
      <c r="CFW123" s="26"/>
      <c r="CFX123" s="26"/>
      <c r="CFY123" s="26"/>
      <c r="CFZ123" s="26"/>
      <c r="CGA123" s="26"/>
      <c r="CGB123" s="26"/>
      <c r="CGC123" s="26"/>
      <c r="CGD123" s="26"/>
      <c r="CGE123" s="26"/>
      <c r="CGF123" s="26"/>
      <c r="CGG123" s="26"/>
      <c r="CGH123" s="26"/>
      <c r="CGI123" s="26"/>
      <c r="CGJ123" s="26"/>
      <c r="CGK123" s="26"/>
      <c r="CGL123" s="26"/>
      <c r="CGM123" s="26"/>
      <c r="CGN123" s="26"/>
      <c r="CGO123" s="26"/>
      <c r="CGP123" s="26"/>
      <c r="CGQ123" s="26"/>
      <c r="CGR123" s="26"/>
      <c r="CGS123" s="26"/>
      <c r="CGT123" s="26"/>
      <c r="CGU123" s="26"/>
      <c r="CGV123" s="26"/>
      <c r="CGW123" s="26"/>
      <c r="CGX123" s="26"/>
      <c r="CGY123" s="26"/>
      <c r="CGZ123" s="26"/>
      <c r="CHA123" s="26"/>
      <c r="CHB123" s="26"/>
      <c r="CHC123" s="26"/>
      <c r="CHD123" s="26"/>
      <c r="CHE123" s="26"/>
      <c r="CHF123" s="26"/>
      <c r="CHG123" s="26"/>
      <c r="CHH123" s="26"/>
      <c r="CHI123" s="26"/>
      <c r="CHJ123" s="26"/>
      <c r="CHK123" s="26"/>
      <c r="CHL123" s="26"/>
      <c r="CHM123" s="26"/>
      <c r="CHN123" s="26"/>
      <c r="CHO123" s="26"/>
      <c r="CHP123" s="26"/>
      <c r="CHQ123" s="26"/>
      <c r="CHR123" s="26"/>
      <c r="CHS123" s="26"/>
      <c r="CHT123" s="26"/>
      <c r="CHU123" s="26"/>
      <c r="CHV123" s="26"/>
      <c r="CHW123" s="26"/>
      <c r="CHX123" s="26"/>
      <c r="CHY123" s="26"/>
      <c r="CHZ123" s="26"/>
      <c r="CIA123" s="26"/>
      <c r="CIB123" s="26"/>
      <c r="CIC123" s="26"/>
      <c r="CID123" s="26"/>
      <c r="CIE123" s="26"/>
      <c r="CIF123" s="26"/>
      <c r="CIG123" s="26"/>
      <c r="CIH123" s="26"/>
      <c r="CII123" s="26"/>
      <c r="CIJ123" s="26"/>
      <c r="CIK123" s="26"/>
      <c r="CIL123" s="26"/>
      <c r="CIM123" s="26"/>
      <c r="CIN123" s="26"/>
      <c r="CIO123" s="26"/>
      <c r="CIP123" s="26"/>
      <c r="CIQ123" s="26"/>
      <c r="CIR123" s="26"/>
      <c r="CIS123" s="26"/>
      <c r="CIT123" s="26"/>
      <c r="CIU123" s="26"/>
      <c r="CIV123" s="26"/>
      <c r="CIW123" s="26"/>
      <c r="CIX123" s="26"/>
      <c r="CIY123" s="26"/>
      <c r="CIZ123" s="26"/>
      <c r="CJA123" s="26"/>
      <c r="CJB123" s="26"/>
      <c r="CJC123" s="26"/>
      <c r="CJD123" s="26"/>
      <c r="CJE123" s="26"/>
      <c r="CJF123" s="26"/>
      <c r="CJG123" s="26"/>
      <c r="CJH123" s="26"/>
      <c r="CJI123" s="26"/>
      <c r="CJJ123" s="26"/>
      <c r="CJK123" s="26"/>
      <c r="CJL123" s="26"/>
      <c r="CJM123" s="26"/>
      <c r="CJN123" s="26"/>
      <c r="CJO123" s="26"/>
      <c r="CJP123" s="26"/>
      <c r="CJQ123" s="26"/>
      <c r="CJR123" s="26"/>
      <c r="CJS123" s="26"/>
      <c r="CJT123" s="26"/>
      <c r="CJU123" s="26"/>
      <c r="CJV123" s="26"/>
      <c r="CJW123" s="26"/>
      <c r="CJX123" s="26"/>
      <c r="CJY123" s="26"/>
      <c r="CJZ123" s="26"/>
      <c r="CKA123" s="26"/>
      <c r="CKB123" s="26"/>
      <c r="CKC123" s="26"/>
      <c r="CKD123" s="26"/>
      <c r="CKE123" s="26"/>
      <c r="CKF123" s="26"/>
      <c r="CKG123" s="26"/>
      <c r="CKH123" s="26"/>
      <c r="CKI123" s="26"/>
      <c r="CKJ123" s="26"/>
      <c r="CKK123" s="26"/>
      <c r="CKL123" s="26"/>
      <c r="CKM123" s="26"/>
      <c r="CKN123" s="26"/>
      <c r="CKO123" s="26"/>
      <c r="CKP123" s="26"/>
      <c r="CKQ123" s="26"/>
      <c r="CKR123" s="26"/>
      <c r="CKS123" s="26"/>
      <c r="CKT123" s="26"/>
      <c r="CKU123" s="26"/>
      <c r="CKV123" s="26"/>
      <c r="CKW123" s="26"/>
      <c r="CKX123" s="26"/>
      <c r="CKY123" s="26"/>
      <c r="CKZ123" s="26"/>
      <c r="CLA123" s="26"/>
      <c r="CLB123" s="26"/>
      <c r="CLC123" s="26"/>
      <c r="CLD123" s="26"/>
      <c r="CLE123" s="26"/>
      <c r="CLF123" s="26"/>
      <c r="CLG123" s="26"/>
      <c r="CLH123" s="26"/>
      <c r="CLI123" s="26"/>
      <c r="CLJ123" s="26"/>
      <c r="CLK123" s="26"/>
      <c r="CLL123" s="26"/>
      <c r="CLM123" s="26"/>
      <c r="CLN123" s="26"/>
      <c r="CLO123" s="26"/>
      <c r="CLP123" s="26"/>
      <c r="CLQ123" s="26"/>
      <c r="CLR123" s="26"/>
      <c r="CLS123" s="26"/>
      <c r="CLT123" s="26"/>
      <c r="CLU123" s="26"/>
      <c r="CLV123" s="26"/>
      <c r="CLW123" s="26"/>
      <c r="CLX123" s="26"/>
      <c r="CLY123" s="26"/>
      <c r="CLZ123" s="26"/>
      <c r="CMA123" s="26"/>
      <c r="CMB123" s="26"/>
      <c r="CMC123" s="26"/>
      <c r="CMD123" s="26"/>
      <c r="CME123" s="26"/>
      <c r="CMF123" s="26"/>
      <c r="CMG123" s="26"/>
      <c r="CMH123" s="26"/>
      <c r="CMI123" s="26"/>
      <c r="CMJ123" s="26"/>
      <c r="CMK123" s="26"/>
      <c r="CML123" s="26"/>
      <c r="CMM123" s="26"/>
      <c r="CMN123" s="26"/>
      <c r="CMO123" s="26"/>
      <c r="CMP123" s="26"/>
      <c r="CMQ123" s="26"/>
      <c r="CMR123" s="26"/>
      <c r="CMS123" s="26"/>
      <c r="CMT123" s="26"/>
      <c r="CMU123" s="26"/>
      <c r="CMV123" s="26"/>
      <c r="CMW123" s="26"/>
      <c r="CMX123" s="26"/>
      <c r="CMY123" s="26"/>
      <c r="CMZ123" s="26"/>
      <c r="CNA123" s="26"/>
      <c r="CNB123" s="26"/>
      <c r="CNC123" s="26"/>
      <c r="CND123" s="26"/>
      <c r="CNE123" s="26"/>
      <c r="CNF123" s="26"/>
      <c r="CNG123" s="26"/>
      <c r="CNH123" s="26"/>
      <c r="CNI123" s="26"/>
      <c r="CNJ123" s="26"/>
      <c r="CNK123" s="26"/>
      <c r="CNL123" s="26"/>
      <c r="CNM123" s="26"/>
      <c r="CNN123" s="26"/>
      <c r="CNO123" s="26"/>
      <c r="CNP123" s="26"/>
      <c r="CNQ123" s="26"/>
      <c r="CNR123" s="26"/>
      <c r="CNS123" s="26"/>
      <c r="CNT123" s="26"/>
      <c r="CNU123" s="26"/>
      <c r="CNV123" s="26"/>
      <c r="CNW123" s="26"/>
      <c r="CNX123" s="26"/>
      <c r="CNY123" s="26"/>
      <c r="CNZ123" s="26"/>
      <c r="COA123" s="26"/>
      <c r="COB123" s="26"/>
      <c r="COC123" s="26"/>
      <c r="COD123" s="26"/>
      <c r="COE123" s="26"/>
      <c r="COF123" s="26"/>
      <c r="COG123" s="26"/>
      <c r="COH123" s="26"/>
      <c r="COI123" s="26"/>
      <c r="COJ123" s="26"/>
      <c r="COK123" s="26"/>
      <c r="COL123" s="26"/>
      <c r="COM123" s="26"/>
      <c r="CON123" s="26"/>
      <c r="COO123" s="26"/>
      <c r="COP123" s="26"/>
      <c r="COQ123" s="26"/>
      <c r="COR123" s="26"/>
      <c r="COS123" s="26"/>
      <c r="COT123" s="26"/>
      <c r="COU123" s="26"/>
      <c r="COV123" s="26"/>
      <c r="COW123" s="26"/>
      <c r="COX123" s="26"/>
      <c r="COY123" s="26"/>
      <c r="COZ123" s="26"/>
      <c r="CPA123" s="26"/>
      <c r="CPB123" s="26"/>
      <c r="CPC123" s="26"/>
      <c r="CPD123" s="26"/>
      <c r="CPE123" s="26"/>
      <c r="CPF123" s="26"/>
      <c r="CPG123" s="26"/>
      <c r="CPH123" s="26"/>
      <c r="CPI123" s="26"/>
      <c r="CPJ123" s="26"/>
      <c r="CPK123" s="26"/>
      <c r="CPL123" s="26"/>
      <c r="CPM123" s="26"/>
      <c r="CPN123" s="26"/>
      <c r="CPO123" s="26"/>
      <c r="CPP123" s="26"/>
      <c r="CPQ123" s="26"/>
      <c r="CPR123" s="26"/>
      <c r="CPS123" s="26"/>
      <c r="CPT123" s="26"/>
      <c r="CPU123" s="26"/>
      <c r="CPV123" s="26"/>
      <c r="CPW123" s="26"/>
      <c r="CPX123" s="26"/>
      <c r="CPY123" s="26"/>
      <c r="CPZ123" s="26"/>
      <c r="CQA123" s="26"/>
      <c r="CQB123" s="26"/>
      <c r="CQC123" s="26"/>
      <c r="CQD123" s="26"/>
      <c r="CQE123" s="26"/>
      <c r="CQF123" s="26"/>
      <c r="CQG123" s="26"/>
      <c r="CQH123" s="26"/>
      <c r="CQI123" s="26"/>
      <c r="CQJ123" s="26"/>
      <c r="CQK123" s="26"/>
      <c r="CQL123" s="26"/>
      <c r="CQM123" s="26"/>
      <c r="CQN123" s="26"/>
      <c r="CQO123" s="26"/>
      <c r="CQP123" s="26"/>
      <c r="CQQ123" s="26"/>
      <c r="CQR123" s="26"/>
      <c r="CQS123" s="26"/>
      <c r="CQT123" s="26"/>
      <c r="CQU123" s="26"/>
      <c r="CQV123" s="26"/>
      <c r="CQW123" s="26"/>
      <c r="CQX123" s="26"/>
      <c r="CQY123" s="26"/>
      <c r="CQZ123" s="26"/>
      <c r="CRA123" s="26"/>
      <c r="CRB123" s="26"/>
      <c r="CRC123" s="26"/>
      <c r="CRD123" s="26"/>
      <c r="CRE123" s="26"/>
      <c r="CRF123" s="26"/>
      <c r="CRG123" s="26"/>
      <c r="CRH123" s="26"/>
      <c r="CRI123" s="26"/>
      <c r="CRJ123" s="26"/>
      <c r="CRK123" s="26"/>
      <c r="CRL123" s="26"/>
      <c r="CRM123" s="26"/>
      <c r="CRN123" s="26"/>
      <c r="CRO123" s="26"/>
      <c r="CRP123" s="26"/>
      <c r="CRQ123" s="26"/>
      <c r="CRR123" s="26"/>
      <c r="CRS123" s="26"/>
      <c r="CRT123" s="26"/>
      <c r="CRU123" s="26"/>
      <c r="CRV123" s="26"/>
      <c r="CRW123" s="26"/>
      <c r="CRX123" s="26"/>
      <c r="CRY123" s="26"/>
      <c r="CRZ123" s="26"/>
      <c r="CSA123" s="26"/>
      <c r="CSB123" s="26"/>
      <c r="CSC123" s="26"/>
      <c r="CSD123" s="26"/>
      <c r="CSE123" s="26"/>
      <c r="CSF123" s="26"/>
      <c r="CSG123" s="26"/>
      <c r="CSH123" s="26"/>
      <c r="CSI123" s="26"/>
      <c r="CSJ123" s="26"/>
      <c r="CSK123" s="26"/>
      <c r="CSL123" s="26"/>
      <c r="CSM123" s="26"/>
      <c r="CSN123" s="26"/>
      <c r="CSO123" s="26"/>
      <c r="CSP123" s="26"/>
      <c r="CSQ123" s="26"/>
      <c r="CSR123" s="26"/>
      <c r="CSS123" s="26"/>
      <c r="CST123" s="26"/>
      <c r="CSU123" s="26"/>
      <c r="CSV123" s="26"/>
      <c r="CSW123" s="26"/>
      <c r="CSX123" s="26"/>
      <c r="CSY123" s="26"/>
      <c r="CSZ123" s="26"/>
      <c r="CTA123" s="26"/>
      <c r="CTB123" s="26"/>
      <c r="CTC123" s="26"/>
      <c r="CTD123" s="26"/>
      <c r="CTE123" s="26"/>
      <c r="CTF123" s="26"/>
      <c r="CTG123" s="26"/>
      <c r="CTH123" s="26"/>
      <c r="CTI123" s="26"/>
      <c r="CTJ123" s="26"/>
      <c r="CTK123" s="26"/>
      <c r="CTL123" s="26"/>
      <c r="CTM123" s="26"/>
      <c r="CTN123" s="26"/>
      <c r="CTO123" s="26"/>
      <c r="CTP123" s="26"/>
      <c r="CTQ123" s="26"/>
      <c r="CTR123" s="26"/>
      <c r="CTS123" s="26"/>
      <c r="CTT123" s="26"/>
      <c r="CTU123" s="26"/>
      <c r="CTV123" s="26"/>
      <c r="CTW123" s="26"/>
      <c r="CTX123" s="26"/>
      <c r="CTY123" s="26"/>
      <c r="CTZ123" s="26"/>
      <c r="CUA123" s="26"/>
      <c r="CUB123" s="26"/>
      <c r="CUC123" s="26"/>
      <c r="CUD123" s="26"/>
      <c r="CUE123" s="26"/>
      <c r="CUF123" s="26"/>
      <c r="CUG123" s="26"/>
      <c r="CUH123" s="26"/>
      <c r="CUI123" s="26"/>
      <c r="CUJ123" s="26"/>
      <c r="CUK123" s="26"/>
      <c r="CUL123" s="26"/>
      <c r="CUM123" s="26"/>
      <c r="CUN123" s="26"/>
      <c r="CUO123" s="26"/>
      <c r="CUP123" s="26"/>
      <c r="CUQ123" s="26"/>
      <c r="CUR123" s="26"/>
      <c r="CUS123" s="26"/>
      <c r="CUT123" s="26"/>
      <c r="CUU123" s="26"/>
      <c r="CUV123" s="26"/>
      <c r="CUW123" s="26"/>
      <c r="CUX123" s="26"/>
      <c r="CUY123" s="26"/>
      <c r="CUZ123" s="26"/>
      <c r="CVA123" s="26"/>
      <c r="CVB123" s="26"/>
      <c r="CVC123" s="26"/>
      <c r="CVD123" s="26"/>
      <c r="CVE123" s="26"/>
      <c r="CVF123" s="26"/>
      <c r="CVG123" s="26"/>
      <c r="CVH123" s="26"/>
      <c r="CVI123" s="26"/>
      <c r="CVJ123" s="26"/>
      <c r="CVK123" s="26"/>
      <c r="CVL123" s="26"/>
      <c r="CVM123" s="26"/>
      <c r="CVN123" s="26"/>
      <c r="CVO123" s="26"/>
      <c r="CVP123" s="26"/>
      <c r="CVQ123" s="26"/>
      <c r="CVR123" s="26"/>
      <c r="CVS123" s="26"/>
      <c r="CVT123" s="26"/>
      <c r="CVU123" s="26"/>
      <c r="CVV123" s="26"/>
      <c r="CVW123" s="26"/>
      <c r="CVX123" s="26"/>
      <c r="CVY123" s="26"/>
      <c r="CVZ123" s="26"/>
      <c r="CWA123" s="26"/>
      <c r="CWB123" s="26"/>
      <c r="CWC123" s="26"/>
      <c r="CWD123" s="26"/>
      <c r="CWE123" s="26"/>
      <c r="CWF123" s="26"/>
      <c r="CWG123" s="26"/>
      <c r="CWH123" s="26"/>
      <c r="CWI123" s="26"/>
      <c r="CWJ123" s="26"/>
      <c r="CWK123" s="26"/>
      <c r="CWL123" s="26"/>
      <c r="CWM123" s="26"/>
      <c r="CWN123" s="26"/>
      <c r="CWO123" s="26"/>
      <c r="CWP123" s="26"/>
      <c r="CWQ123" s="26"/>
      <c r="CWR123" s="26"/>
      <c r="CWS123" s="26"/>
      <c r="CWT123" s="26"/>
      <c r="CWU123" s="26"/>
      <c r="CWV123" s="26"/>
      <c r="CWW123" s="26"/>
      <c r="CWX123" s="26"/>
      <c r="CWY123" s="26"/>
      <c r="CWZ123" s="26"/>
      <c r="CXA123" s="26"/>
      <c r="CXB123" s="26"/>
      <c r="CXC123" s="26"/>
      <c r="CXD123" s="26"/>
      <c r="CXE123" s="26"/>
      <c r="CXF123" s="26"/>
      <c r="CXG123" s="26"/>
      <c r="CXH123" s="26"/>
      <c r="CXI123" s="26"/>
      <c r="CXJ123" s="26"/>
      <c r="CXK123" s="26"/>
      <c r="CXL123" s="26"/>
      <c r="CXM123" s="26"/>
      <c r="CXN123" s="26"/>
      <c r="CXO123" s="26"/>
      <c r="CXP123" s="26"/>
      <c r="CXQ123" s="26"/>
      <c r="CXR123" s="26"/>
      <c r="CXS123" s="26"/>
      <c r="CXT123" s="26"/>
      <c r="CXU123" s="26"/>
      <c r="CXV123" s="26"/>
      <c r="CXW123" s="26"/>
      <c r="CXX123" s="26"/>
      <c r="CXY123" s="26"/>
      <c r="CXZ123" s="26"/>
      <c r="CYA123" s="26"/>
      <c r="CYB123" s="26"/>
      <c r="CYC123" s="26"/>
      <c r="CYD123" s="26"/>
      <c r="CYE123" s="26"/>
      <c r="CYF123" s="26"/>
      <c r="CYG123" s="26"/>
      <c r="CYH123" s="26"/>
      <c r="CYI123" s="26"/>
      <c r="CYJ123" s="26"/>
      <c r="CYK123" s="26"/>
      <c r="CYL123" s="26"/>
      <c r="CYM123" s="26"/>
      <c r="CYN123" s="26"/>
      <c r="CYO123" s="26"/>
      <c r="CYP123" s="26"/>
      <c r="CYQ123" s="26"/>
      <c r="CYR123" s="26"/>
      <c r="CYS123" s="26"/>
      <c r="CYT123" s="26"/>
      <c r="CYU123" s="26"/>
      <c r="CYV123" s="26"/>
      <c r="CYW123" s="26"/>
      <c r="CYX123" s="26"/>
      <c r="CYY123" s="26"/>
      <c r="CYZ123" s="26"/>
      <c r="CZA123" s="26"/>
      <c r="CZB123" s="26"/>
      <c r="CZC123" s="26"/>
      <c r="CZD123" s="26"/>
      <c r="CZE123" s="26"/>
      <c r="CZF123" s="26"/>
      <c r="CZG123" s="26"/>
      <c r="CZH123" s="26"/>
      <c r="CZI123" s="26"/>
      <c r="CZJ123" s="26"/>
      <c r="CZK123" s="26"/>
      <c r="CZL123" s="26"/>
      <c r="CZM123" s="26"/>
      <c r="CZN123" s="26"/>
      <c r="CZO123" s="26"/>
      <c r="CZP123" s="26"/>
      <c r="CZQ123" s="26"/>
      <c r="CZR123" s="26"/>
      <c r="CZS123" s="26"/>
      <c r="CZT123" s="26"/>
      <c r="CZU123" s="26"/>
      <c r="CZV123" s="26"/>
      <c r="CZW123" s="26"/>
      <c r="CZX123" s="26"/>
      <c r="CZY123" s="26"/>
      <c r="CZZ123" s="26"/>
      <c r="DAA123" s="26"/>
      <c r="DAB123" s="26"/>
      <c r="DAC123" s="26"/>
      <c r="DAD123" s="26"/>
      <c r="DAE123" s="26"/>
      <c r="DAF123" s="26"/>
      <c r="DAG123" s="26"/>
      <c r="DAH123" s="26"/>
      <c r="DAI123" s="26"/>
      <c r="DAJ123" s="26"/>
      <c r="DAK123" s="26"/>
      <c r="DAL123" s="26"/>
      <c r="DAM123" s="26"/>
      <c r="DAN123" s="26"/>
      <c r="DAO123" s="26"/>
      <c r="DAP123" s="26"/>
      <c r="DAQ123" s="26"/>
      <c r="DAR123" s="26"/>
      <c r="DAS123" s="26"/>
      <c r="DAT123" s="26"/>
      <c r="DAU123" s="26"/>
      <c r="DAV123" s="26"/>
      <c r="DAW123" s="26"/>
      <c r="DAX123" s="26"/>
      <c r="DAY123" s="26"/>
      <c r="DAZ123" s="26"/>
      <c r="DBA123" s="26"/>
      <c r="DBB123" s="26"/>
      <c r="DBC123" s="26"/>
      <c r="DBD123" s="26"/>
      <c r="DBE123" s="26"/>
      <c r="DBF123" s="26"/>
      <c r="DBG123" s="26"/>
      <c r="DBH123" s="26"/>
      <c r="DBI123" s="26"/>
      <c r="DBJ123" s="26"/>
      <c r="DBK123" s="26"/>
      <c r="DBL123" s="26"/>
      <c r="DBM123" s="26"/>
      <c r="DBN123" s="26"/>
      <c r="DBO123" s="26"/>
      <c r="DBP123" s="26"/>
      <c r="DBQ123" s="26"/>
      <c r="DBR123" s="26"/>
      <c r="DBS123" s="26"/>
      <c r="DBT123" s="26"/>
      <c r="DBU123" s="26"/>
      <c r="DBV123" s="26"/>
      <c r="DBW123" s="26"/>
      <c r="DBX123" s="26"/>
      <c r="DBY123" s="26"/>
      <c r="DBZ123" s="26"/>
      <c r="DCA123" s="26"/>
      <c r="DCB123" s="26"/>
      <c r="DCC123" s="26"/>
      <c r="DCD123" s="26"/>
      <c r="DCE123" s="26"/>
      <c r="DCF123" s="26"/>
      <c r="DCG123" s="26"/>
      <c r="DCH123" s="26"/>
      <c r="DCI123" s="26"/>
      <c r="DCJ123" s="26"/>
      <c r="DCK123" s="26"/>
      <c r="DCL123" s="26"/>
      <c r="DCM123" s="26"/>
      <c r="DCN123" s="26"/>
      <c r="DCO123" s="26"/>
      <c r="DCP123" s="26"/>
      <c r="DCQ123" s="26"/>
      <c r="DCR123" s="26"/>
      <c r="DCS123" s="26"/>
      <c r="DCT123" s="26"/>
      <c r="DCU123" s="26"/>
      <c r="DCV123" s="26"/>
      <c r="DCW123" s="26"/>
      <c r="DCX123" s="26"/>
      <c r="DCY123" s="26"/>
      <c r="DCZ123" s="26"/>
      <c r="DDA123" s="26"/>
      <c r="DDB123" s="26"/>
      <c r="DDC123" s="26"/>
      <c r="DDD123" s="26"/>
      <c r="DDE123" s="26"/>
      <c r="DDF123" s="26"/>
      <c r="DDG123" s="26"/>
      <c r="DDH123" s="26"/>
      <c r="DDI123" s="26"/>
      <c r="DDJ123" s="26"/>
      <c r="DDK123" s="26"/>
      <c r="DDL123" s="26"/>
      <c r="DDM123" s="26"/>
      <c r="DDN123" s="26"/>
      <c r="DDO123" s="26"/>
      <c r="DDP123" s="26"/>
      <c r="DDQ123" s="26"/>
      <c r="DDR123" s="26"/>
      <c r="DDS123" s="26"/>
      <c r="DDT123" s="26"/>
      <c r="DDU123" s="26"/>
      <c r="DDV123" s="26"/>
      <c r="DDW123" s="26"/>
      <c r="DDX123" s="26"/>
      <c r="DDY123" s="26"/>
      <c r="DDZ123" s="26"/>
      <c r="DEA123" s="26"/>
      <c r="DEB123" s="26"/>
      <c r="DEC123" s="26"/>
      <c r="DED123" s="26"/>
      <c r="DEE123" s="26"/>
      <c r="DEF123" s="26"/>
      <c r="DEG123" s="26"/>
      <c r="DEH123" s="26"/>
      <c r="DEI123" s="26"/>
      <c r="DEJ123" s="26"/>
      <c r="DEK123" s="26"/>
      <c r="DEL123" s="26"/>
      <c r="DEM123" s="26"/>
      <c r="DEN123" s="26"/>
      <c r="DEO123" s="26"/>
      <c r="DEP123" s="26"/>
      <c r="DEQ123" s="26"/>
      <c r="DER123" s="26"/>
      <c r="DES123" s="26"/>
      <c r="DET123" s="26"/>
      <c r="DEU123" s="26"/>
      <c r="DEV123" s="26"/>
      <c r="DEW123" s="26"/>
      <c r="DEX123" s="26"/>
      <c r="DEY123" s="26"/>
      <c r="DEZ123" s="26"/>
      <c r="DFA123" s="26"/>
      <c r="DFB123" s="26"/>
      <c r="DFC123" s="26"/>
      <c r="DFD123" s="26"/>
      <c r="DFE123" s="26"/>
      <c r="DFF123" s="26"/>
      <c r="DFG123" s="26"/>
      <c r="DFH123" s="26"/>
      <c r="DFI123" s="26"/>
      <c r="DFJ123" s="26"/>
      <c r="DFK123" s="26"/>
      <c r="DFL123" s="26"/>
      <c r="DFM123" s="26"/>
      <c r="DFN123" s="26"/>
      <c r="DFO123" s="26"/>
      <c r="DFP123" s="26"/>
      <c r="DFQ123" s="26"/>
      <c r="DFR123" s="26"/>
      <c r="DFS123" s="26"/>
      <c r="DFT123" s="26"/>
      <c r="DFU123" s="26"/>
      <c r="DFV123" s="26"/>
      <c r="DFW123" s="26"/>
      <c r="DFX123" s="26"/>
      <c r="DFY123" s="26"/>
      <c r="DFZ123" s="26"/>
      <c r="DGA123" s="26"/>
      <c r="DGB123" s="26"/>
      <c r="DGC123" s="26"/>
      <c r="DGD123" s="26"/>
      <c r="DGE123" s="26"/>
      <c r="DGF123" s="26"/>
      <c r="DGG123" s="26"/>
      <c r="DGH123" s="26"/>
      <c r="DGI123" s="26"/>
      <c r="DGJ123" s="26"/>
      <c r="DGK123" s="26"/>
      <c r="DGL123" s="26"/>
      <c r="DGM123" s="26"/>
      <c r="DGN123" s="26"/>
      <c r="DGO123" s="26"/>
      <c r="DGP123" s="26"/>
      <c r="DGQ123" s="26"/>
      <c r="DGR123" s="26"/>
      <c r="DGS123" s="26"/>
      <c r="DGT123" s="26"/>
      <c r="DGU123" s="26"/>
      <c r="DGV123" s="26"/>
      <c r="DGW123" s="26"/>
      <c r="DGX123" s="26"/>
      <c r="DGY123" s="26"/>
      <c r="DGZ123" s="26"/>
      <c r="DHA123" s="26"/>
      <c r="DHB123" s="26"/>
      <c r="DHC123" s="26"/>
      <c r="DHD123" s="26"/>
      <c r="DHE123" s="26"/>
      <c r="DHF123" s="26"/>
      <c r="DHG123" s="26"/>
      <c r="DHH123" s="26"/>
      <c r="DHI123" s="26"/>
      <c r="DHJ123" s="26"/>
      <c r="DHK123" s="26"/>
      <c r="DHL123" s="26"/>
      <c r="DHM123" s="26"/>
      <c r="DHN123" s="26"/>
      <c r="DHO123" s="26"/>
      <c r="DHP123" s="26"/>
      <c r="DHQ123" s="26"/>
      <c r="DHR123" s="26"/>
      <c r="DHS123" s="26"/>
      <c r="DHT123" s="26"/>
      <c r="DHU123" s="26"/>
      <c r="DHV123" s="26"/>
      <c r="DHW123" s="26"/>
      <c r="DHX123" s="26"/>
      <c r="DHY123" s="26"/>
      <c r="DHZ123" s="26"/>
      <c r="DIA123" s="26"/>
      <c r="DIB123" s="26"/>
      <c r="DIC123" s="26"/>
      <c r="DID123" s="26"/>
      <c r="DIE123" s="26"/>
      <c r="DIF123" s="26"/>
      <c r="DIG123" s="26"/>
      <c r="DIH123" s="26"/>
      <c r="DII123" s="26"/>
      <c r="DIJ123" s="26"/>
      <c r="DIK123" s="26"/>
      <c r="DIL123" s="26"/>
      <c r="DIM123" s="26"/>
      <c r="DIN123" s="26"/>
      <c r="DIO123" s="26"/>
      <c r="DIP123" s="26"/>
      <c r="DIQ123" s="26"/>
      <c r="DIR123" s="26"/>
      <c r="DIS123" s="26"/>
      <c r="DIT123" s="26"/>
      <c r="DIU123" s="26"/>
      <c r="DIV123" s="26"/>
      <c r="DIW123" s="26"/>
      <c r="DIX123" s="26"/>
      <c r="DIY123" s="26"/>
      <c r="DIZ123" s="26"/>
      <c r="DJA123" s="26"/>
      <c r="DJB123" s="26"/>
      <c r="DJC123" s="26"/>
      <c r="DJD123" s="26"/>
      <c r="DJE123" s="26"/>
      <c r="DJF123" s="26"/>
      <c r="DJG123" s="26"/>
      <c r="DJH123" s="26"/>
      <c r="DJI123" s="26"/>
      <c r="DJJ123" s="26"/>
      <c r="DJK123" s="26"/>
      <c r="DJL123" s="26"/>
      <c r="DJM123" s="26"/>
      <c r="DJN123" s="26"/>
      <c r="DJO123" s="26"/>
      <c r="DJP123" s="26"/>
      <c r="DJQ123" s="26"/>
      <c r="DJR123" s="26"/>
      <c r="DJS123" s="26"/>
      <c r="DJT123" s="26"/>
      <c r="DJU123" s="26"/>
      <c r="DJV123" s="26"/>
      <c r="DJW123" s="26"/>
      <c r="DJX123" s="26"/>
      <c r="DJY123" s="26"/>
      <c r="DJZ123" s="26"/>
      <c r="DKA123" s="26"/>
      <c r="DKB123" s="26"/>
      <c r="DKC123" s="26"/>
      <c r="DKD123" s="26"/>
      <c r="DKE123" s="26"/>
      <c r="DKF123" s="26"/>
      <c r="DKG123" s="26"/>
      <c r="DKH123" s="26"/>
      <c r="DKI123" s="26"/>
      <c r="DKJ123" s="26"/>
      <c r="DKK123" s="26"/>
      <c r="DKL123" s="26"/>
      <c r="DKM123" s="26"/>
      <c r="DKN123" s="26"/>
      <c r="DKO123" s="26"/>
      <c r="DKP123" s="26"/>
      <c r="DKQ123" s="26"/>
      <c r="DKR123" s="26"/>
      <c r="DKS123" s="26"/>
      <c r="DKT123" s="26"/>
      <c r="DKU123" s="26"/>
      <c r="DKV123" s="26"/>
      <c r="DKW123" s="26"/>
      <c r="DKX123" s="26"/>
      <c r="DKY123" s="26"/>
      <c r="DKZ123" s="26"/>
      <c r="DLA123" s="26"/>
      <c r="DLB123" s="26"/>
      <c r="DLC123" s="26"/>
      <c r="DLD123" s="26"/>
      <c r="DLE123" s="26"/>
      <c r="DLF123" s="26"/>
      <c r="DLG123" s="26"/>
      <c r="DLH123" s="26"/>
      <c r="DLI123" s="26"/>
      <c r="DLJ123" s="26"/>
      <c r="DLK123" s="26"/>
      <c r="DLL123" s="26"/>
      <c r="DLM123" s="26"/>
      <c r="DLN123" s="26"/>
      <c r="DLO123" s="26"/>
      <c r="DLP123" s="26"/>
      <c r="DLQ123" s="26"/>
      <c r="DLR123" s="26"/>
      <c r="DLS123" s="26"/>
      <c r="DLT123" s="26"/>
      <c r="DLU123" s="26"/>
      <c r="DLV123" s="26"/>
      <c r="DLW123" s="26"/>
      <c r="DLX123" s="26"/>
      <c r="DLY123" s="26"/>
      <c r="DLZ123" s="26"/>
      <c r="DMA123" s="26"/>
      <c r="DMB123" s="26"/>
      <c r="DMC123" s="26"/>
      <c r="DMD123" s="26"/>
      <c r="DME123" s="26"/>
      <c r="DMF123" s="26"/>
      <c r="DMG123" s="26"/>
      <c r="DMH123" s="26"/>
      <c r="DMI123" s="26"/>
      <c r="DMJ123" s="26"/>
      <c r="DMK123" s="26"/>
      <c r="DML123" s="26"/>
      <c r="DMM123" s="26"/>
      <c r="DMN123" s="26"/>
      <c r="DMO123" s="26"/>
      <c r="DMP123" s="26"/>
      <c r="DMQ123" s="26"/>
      <c r="DMR123" s="26"/>
      <c r="DMS123" s="26"/>
      <c r="DMT123" s="26"/>
      <c r="DMU123" s="26"/>
      <c r="DMV123" s="26"/>
      <c r="DMW123" s="26"/>
      <c r="DMX123" s="26"/>
      <c r="DMY123" s="26"/>
      <c r="DMZ123" s="26"/>
      <c r="DNA123" s="26"/>
      <c r="DNB123" s="26"/>
      <c r="DNC123" s="26"/>
      <c r="DND123" s="26"/>
      <c r="DNE123" s="26"/>
      <c r="DNF123" s="26"/>
      <c r="DNG123" s="26"/>
      <c r="DNH123" s="26"/>
      <c r="DNI123" s="26"/>
      <c r="DNJ123" s="26"/>
      <c r="DNK123" s="26"/>
      <c r="DNL123" s="26"/>
      <c r="DNM123" s="26"/>
      <c r="DNN123" s="26"/>
      <c r="DNO123" s="26"/>
      <c r="DNP123" s="26"/>
      <c r="DNQ123" s="26"/>
      <c r="DNR123" s="26"/>
      <c r="DNS123" s="26"/>
      <c r="DNT123" s="26"/>
      <c r="DNU123" s="26"/>
      <c r="DNV123" s="26"/>
      <c r="DNW123" s="26"/>
      <c r="DNX123" s="26"/>
      <c r="DNY123" s="26"/>
      <c r="DNZ123" s="26"/>
      <c r="DOA123" s="26"/>
      <c r="DOB123" s="26"/>
      <c r="DOC123" s="26"/>
      <c r="DOD123" s="26"/>
      <c r="DOE123" s="26"/>
      <c r="DOF123" s="26"/>
      <c r="DOG123" s="26"/>
      <c r="DOH123" s="26"/>
      <c r="DOI123" s="26"/>
      <c r="DOJ123" s="26"/>
      <c r="DOK123" s="26"/>
      <c r="DOL123" s="26"/>
      <c r="DOM123" s="26"/>
      <c r="DON123" s="26"/>
      <c r="DOO123" s="26"/>
      <c r="DOP123" s="26"/>
      <c r="DOQ123" s="26"/>
      <c r="DOR123" s="26"/>
      <c r="DOS123" s="26"/>
      <c r="DOT123" s="26"/>
      <c r="DOU123" s="26"/>
      <c r="DOV123" s="26"/>
      <c r="DOW123" s="26"/>
      <c r="DOX123" s="26"/>
      <c r="DOY123" s="26"/>
      <c r="DOZ123" s="26"/>
      <c r="DPA123" s="26"/>
      <c r="DPB123" s="26"/>
      <c r="DPC123" s="26"/>
      <c r="DPD123" s="26"/>
      <c r="DPE123" s="26"/>
      <c r="DPF123" s="26"/>
      <c r="DPG123" s="26"/>
      <c r="DPH123" s="26"/>
      <c r="DPI123" s="26"/>
      <c r="DPJ123" s="26"/>
      <c r="DPK123" s="26"/>
      <c r="DPL123" s="26"/>
      <c r="DPM123" s="26"/>
      <c r="DPN123" s="26"/>
      <c r="DPO123" s="26"/>
      <c r="DPP123" s="26"/>
      <c r="DPQ123" s="26"/>
      <c r="DPR123" s="26"/>
      <c r="DPS123" s="26"/>
      <c r="DPT123" s="26"/>
      <c r="DPU123" s="26"/>
      <c r="DPV123" s="26"/>
      <c r="DPW123" s="26"/>
      <c r="DPX123" s="26"/>
      <c r="DPY123" s="26"/>
      <c r="DPZ123" s="26"/>
      <c r="DQA123" s="26"/>
      <c r="DQB123" s="26"/>
      <c r="DQC123" s="26"/>
      <c r="DQD123" s="26"/>
      <c r="DQE123" s="26"/>
      <c r="DQF123" s="26"/>
      <c r="DQG123" s="26"/>
      <c r="DQH123" s="26"/>
      <c r="DQI123" s="26"/>
      <c r="DQJ123" s="26"/>
      <c r="DQK123" s="26"/>
      <c r="DQL123" s="26"/>
      <c r="DQM123" s="26"/>
      <c r="DQN123" s="26"/>
      <c r="DQO123" s="26"/>
      <c r="DQP123" s="26"/>
      <c r="DQQ123" s="26"/>
      <c r="DQR123" s="26"/>
      <c r="DQS123" s="26"/>
      <c r="DQT123" s="26"/>
      <c r="DQU123" s="26"/>
      <c r="DQV123" s="26"/>
      <c r="DQW123" s="26"/>
      <c r="DQX123" s="26"/>
      <c r="DQY123" s="26"/>
      <c r="DQZ123" s="26"/>
      <c r="DRA123" s="26"/>
      <c r="DRB123" s="26"/>
      <c r="DRC123" s="26"/>
      <c r="DRD123" s="26"/>
      <c r="DRE123" s="26"/>
      <c r="DRF123" s="26"/>
      <c r="DRG123" s="26"/>
      <c r="DRH123" s="26"/>
      <c r="DRI123" s="26"/>
      <c r="DRJ123" s="26"/>
      <c r="DRK123" s="26"/>
      <c r="DRL123" s="26"/>
      <c r="DRM123" s="26"/>
      <c r="DRN123" s="26"/>
      <c r="DRO123" s="26"/>
      <c r="DRP123" s="26"/>
      <c r="DRQ123" s="26"/>
      <c r="DRR123" s="26"/>
      <c r="DRS123" s="26"/>
      <c r="DRT123" s="26"/>
      <c r="DRU123" s="26"/>
      <c r="DRV123" s="26"/>
      <c r="DRW123" s="26"/>
      <c r="DRX123" s="26"/>
      <c r="DRY123" s="26"/>
      <c r="DRZ123" s="26"/>
      <c r="DSA123" s="26"/>
      <c r="DSB123" s="26"/>
      <c r="DSC123" s="26"/>
      <c r="DSD123" s="26"/>
      <c r="DSE123" s="26"/>
      <c r="DSF123" s="26"/>
      <c r="DSG123" s="26"/>
      <c r="DSH123" s="26"/>
      <c r="DSI123" s="26"/>
      <c r="DSJ123" s="26"/>
      <c r="DSK123" s="26"/>
      <c r="DSL123" s="26"/>
      <c r="DSM123" s="26"/>
      <c r="DSN123" s="26"/>
      <c r="DSO123" s="26"/>
      <c r="DSP123" s="26"/>
      <c r="DSQ123" s="26"/>
      <c r="DSR123" s="26"/>
      <c r="DSS123" s="26"/>
      <c r="DST123" s="26"/>
      <c r="DSU123" s="26"/>
      <c r="DSV123" s="26"/>
      <c r="DSW123" s="26"/>
      <c r="DSX123" s="26"/>
      <c r="DSY123" s="26"/>
      <c r="DSZ123" s="26"/>
      <c r="DTA123" s="26"/>
      <c r="DTB123" s="26"/>
      <c r="DTC123" s="26"/>
      <c r="DTD123" s="26"/>
      <c r="DTE123" s="26"/>
      <c r="DTF123" s="26"/>
      <c r="DTG123" s="26"/>
      <c r="DTH123" s="26"/>
      <c r="DTI123" s="26"/>
      <c r="DTJ123" s="26"/>
      <c r="DTK123" s="26"/>
      <c r="DTL123" s="26"/>
      <c r="DTM123" s="26"/>
      <c r="DTN123" s="26"/>
      <c r="DTO123" s="26"/>
      <c r="DTP123" s="26"/>
      <c r="DTQ123" s="26"/>
      <c r="DTR123" s="26"/>
      <c r="DTS123" s="26"/>
      <c r="DTT123" s="26"/>
      <c r="DTU123" s="26"/>
      <c r="DTV123" s="26"/>
      <c r="DTW123" s="26"/>
      <c r="DTX123" s="26"/>
      <c r="DTY123" s="26"/>
      <c r="DTZ123" s="26"/>
      <c r="DUA123" s="26"/>
      <c r="DUB123" s="26"/>
      <c r="DUC123" s="26"/>
      <c r="DUD123" s="26"/>
      <c r="DUE123" s="26"/>
      <c r="DUF123" s="26"/>
      <c r="DUG123" s="26"/>
      <c r="DUH123" s="26"/>
      <c r="DUI123" s="26"/>
      <c r="DUJ123" s="26"/>
      <c r="DUK123" s="26"/>
      <c r="DUL123" s="26"/>
      <c r="DUM123" s="26"/>
      <c r="DUN123" s="26"/>
      <c r="DUO123" s="26"/>
      <c r="DUP123" s="26"/>
      <c r="DUQ123" s="26"/>
      <c r="DUR123" s="26"/>
      <c r="DUS123" s="26"/>
      <c r="DUT123" s="26"/>
      <c r="DUU123" s="26"/>
      <c r="DUV123" s="26"/>
      <c r="DUW123" s="26"/>
      <c r="DUX123" s="26"/>
      <c r="DUY123" s="26"/>
      <c r="DUZ123" s="26"/>
      <c r="DVA123" s="26"/>
      <c r="DVB123" s="26"/>
      <c r="DVC123" s="26"/>
      <c r="DVD123" s="26"/>
      <c r="DVE123" s="26"/>
      <c r="DVF123" s="26"/>
      <c r="DVG123" s="26"/>
      <c r="DVH123" s="26"/>
      <c r="DVI123" s="26"/>
      <c r="DVJ123" s="26"/>
      <c r="DVK123" s="26"/>
      <c r="DVL123" s="26"/>
      <c r="DVM123" s="26"/>
      <c r="DVN123" s="26"/>
      <c r="DVO123" s="26"/>
      <c r="DVP123" s="26"/>
      <c r="DVQ123" s="26"/>
      <c r="DVR123" s="26"/>
      <c r="DVS123" s="26"/>
      <c r="DVT123" s="26"/>
      <c r="DVU123" s="26"/>
      <c r="DVV123" s="26"/>
      <c r="DVW123" s="26"/>
      <c r="DVX123" s="26"/>
      <c r="DVY123" s="26"/>
      <c r="DVZ123" s="26"/>
      <c r="DWA123" s="26"/>
      <c r="DWB123" s="26"/>
      <c r="DWC123" s="26"/>
      <c r="DWD123" s="26"/>
      <c r="DWE123" s="26"/>
      <c r="DWF123" s="26"/>
      <c r="DWG123" s="26"/>
      <c r="DWH123" s="26"/>
      <c r="DWI123" s="26"/>
      <c r="DWJ123" s="26"/>
      <c r="DWK123" s="26"/>
      <c r="DWL123" s="26"/>
      <c r="DWM123" s="26"/>
      <c r="DWN123" s="26"/>
      <c r="DWO123" s="26"/>
      <c r="DWP123" s="26"/>
      <c r="DWQ123" s="26"/>
      <c r="DWR123" s="26"/>
      <c r="DWS123" s="26"/>
      <c r="DWT123" s="26"/>
      <c r="DWU123" s="26"/>
      <c r="DWV123" s="26"/>
      <c r="DWW123" s="26"/>
      <c r="DWX123" s="26"/>
      <c r="DWY123" s="26"/>
      <c r="DWZ123" s="26"/>
      <c r="DXA123" s="26"/>
      <c r="DXB123" s="26"/>
      <c r="DXC123" s="26"/>
      <c r="DXD123" s="26"/>
      <c r="DXE123" s="26"/>
      <c r="DXF123" s="26"/>
      <c r="DXG123" s="26"/>
      <c r="DXH123" s="26"/>
      <c r="DXI123" s="26"/>
      <c r="DXJ123" s="26"/>
      <c r="DXK123" s="26"/>
      <c r="DXL123" s="26"/>
      <c r="DXM123" s="26"/>
      <c r="DXN123" s="26"/>
      <c r="DXO123" s="26"/>
      <c r="DXP123" s="26"/>
      <c r="DXQ123" s="26"/>
      <c r="DXR123" s="26"/>
      <c r="DXS123" s="26"/>
      <c r="DXT123" s="26"/>
      <c r="DXU123" s="26"/>
      <c r="DXV123" s="26"/>
      <c r="DXW123" s="26"/>
      <c r="DXX123" s="26"/>
      <c r="DXY123" s="26"/>
      <c r="DXZ123" s="26"/>
      <c r="DYA123" s="26"/>
      <c r="DYB123" s="26"/>
      <c r="DYC123" s="26"/>
      <c r="DYD123" s="26"/>
      <c r="DYE123" s="26"/>
      <c r="DYF123" s="26"/>
      <c r="DYG123" s="26"/>
      <c r="DYH123" s="26"/>
      <c r="DYI123" s="26"/>
      <c r="DYJ123" s="26"/>
      <c r="DYK123" s="26"/>
      <c r="DYL123" s="26"/>
      <c r="DYM123" s="26"/>
      <c r="DYN123" s="26"/>
      <c r="DYO123" s="26"/>
      <c r="DYP123" s="26"/>
      <c r="DYQ123" s="26"/>
      <c r="DYR123" s="26"/>
      <c r="DYS123" s="26"/>
      <c r="DYT123" s="26"/>
      <c r="DYU123" s="26"/>
      <c r="DYV123" s="26"/>
      <c r="DYW123" s="26"/>
      <c r="DYX123" s="26"/>
      <c r="DYY123" s="26"/>
      <c r="DYZ123" s="26"/>
      <c r="DZA123" s="26"/>
      <c r="DZB123" s="26"/>
      <c r="DZC123" s="26"/>
      <c r="DZD123" s="26"/>
      <c r="DZE123" s="26"/>
      <c r="DZF123" s="26"/>
      <c r="DZG123" s="26"/>
      <c r="DZH123" s="26"/>
      <c r="DZI123" s="26"/>
      <c r="DZJ123" s="26"/>
      <c r="DZK123" s="26"/>
      <c r="DZL123" s="26"/>
      <c r="DZM123" s="26"/>
      <c r="DZN123" s="26"/>
      <c r="DZO123" s="26"/>
      <c r="DZP123" s="26"/>
      <c r="DZQ123" s="26"/>
      <c r="DZR123" s="26"/>
      <c r="DZS123" s="26"/>
      <c r="DZT123" s="26"/>
      <c r="DZU123" s="26"/>
      <c r="DZV123" s="26"/>
      <c r="DZW123" s="26"/>
      <c r="DZX123" s="26"/>
      <c r="DZY123" s="26"/>
      <c r="DZZ123" s="26"/>
      <c r="EAA123" s="26"/>
      <c r="EAB123" s="26"/>
      <c r="EAC123" s="26"/>
      <c r="EAD123" s="26"/>
      <c r="EAE123" s="26"/>
      <c r="EAF123" s="26"/>
      <c r="EAG123" s="26"/>
      <c r="EAH123" s="26"/>
      <c r="EAI123" s="26"/>
      <c r="EAJ123" s="26"/>
      <c r="EAK123" s="26"/>
      <c r="EAL123" s="26"/>
      <c r="EAM123" s="26"/>
      <c r="EAN123" s="26"/>
      <c r="EAO123" s="26"/>
      <c r="EAP123" s="26"/>
      <c r="EAQ123" s="26"/>
      <c r="EAR123" s="26"/>
      <c r="EAS123" s="26"/>
      <c r="EAT123" s="26"/>
      <c r="EAU123" s="26"/>
      <c r="EAV123" s="26"/>
      <c r="EAW123" s="26"/>
      <c r="EAX123" s="26"/>
      <c r="EAY123" s="26"/>
      <c r="EAZ123" s="26"/>
      <c r="EBA123" s="26"/>
      <c r="EBB123" s="26"/>
      <c r="EBC123" s="26"/>
      <c r="EBD123" s="26"/>
      <c r="EBE123" s="26"/>
      <c r="EBF123" s="26"/>
      <c r="EBG123" s="26"/>
      <c r="EBH123" s="26"/>
      <c r="EBI123" s="26"/>
      <c r="EBJ123" s="26"/>
      <c r="EBK123" s="26"/>
      <c r="EBL123" s="26"/>
      <c r="EBM123" s="26"/>
      <c r="EBN123" s="26"/>
      <c r="EBO123" s="26"/>
      <c r="EBP123" s="26"/>
      <c r="EBQ123" s="26"/>
      <c r="EBR123" s="26"/>
      <c r="EBS123" s="26"/>
      <c r="EBT123" s="26"/>
      <c r="EBU123" s="26"/>
      <c r="EBV123" s="26"/>
      <c r="EBW123" s="26"/>
      <c r="EBX123" s="26"/>
      <c r="EBY123" s="26"/>
      <c r="EBZ123" s="26"/>
      <c r="ECA123" s="26"/>
      <c r="ECB123" s="26"/>
      <c r="ECC123" s="26"/>
      <c r="ECD123" s="26"/>
      <c r="ECE123" s="26"/>
      <c r="ECF123" s="26"/>
      <c r="ECG123" s="26"/>
      <c r="ECH123" s="26"/>
      <c r="ECI123" s="26"/>
      <c r="ECJ123" s="26"/>
      <c r="ECK123" s="26"/>
      <c r="ECL123" s="26"/>
      <c r="ECM123" s="26"/>
      <c r="ECN123" s="26"/>
      <c r="ECO123" s="26"/>
      <c r="ECP123" s="26"/>
      <c r="ECQ123" s="26"/>
      <c r="ECR123" s="26"/>
      <c r="ECS123" s="26"/>
      <c r="ECT123" s="26"/>
      <c r="ECU123" s="26"/>
      <c r="ECV123" s="26"/>
      <c r="ECW123" s="26"/>
      <c r="ECX123" s="26"/>
      <c r="ECY123" s="26"/>
      <c r="ECZ123" s="26"/>
      <c r="EDA123" s="26"/>
      <c r="EDB123" s="26"/>
      <c r="EDC123" s="26"/>
      <c r="EDD123" s="26"/>
      <c r="EDE123" s="26"/>
      <c r="EDF123" s="26"/>
      <c r="EDG123" s="26"/>
      <c r="EDH123" s="26"/>
      <c r="EDI123" s="26"/>
      <c r="EDJ123" s="26"/>
      <c r="EDK123" s="26"/>
      <c r="EDL123" s="26"/>
      <c r="EDM123" s="26"/>
      <c r="EDN123" s="26"/>
      <c r="EDO123" s="26"/>
      <c r="EDP123" s="26"/>
      <c r="EDQ123" s="26"/>
      <c r="EDR123" s="26"/>
      <c r="EDS123" s="26"/>
      <c r="EDT123" s="26"/>
      <c r="EDU123" s="26"/>
      <c r="EDV123" s="26"/>
      <c r="EDW123" s="26"/>
      <c r="EDX123" s="26"/>
      <c r="EDY123" s="26"/>
      <c r="EDZ123" s="26"/>
      <c r="EEA123" s="26"/>
      <c r="EEB123" s="26"/>
      <c r="EEC123" s="26"/>
      <c r="EED123" s="26"/>
      <c r="EEE123" s="26"/>
      <c r="EEF123" s="26"/>
      <c r="EEG123" s="26"/>
      <c r="EEH123" s="26"/>
      <c r="EEI123" s="26"/>
      <c r="EEJ123" s="26"/>
      <c r="EEK123" s="26"/>
      <c r="EEL123" s="26"/>
      <c r="EEM123" s="26"/>
      <c r="EEN123" s="26"/>
      <c r="EEO123" s="26"/>
      <c r="EEP123" s="26"/>
      <c r="EEQ123" s="26"/>
      <c r="EER123" s="26"/>
      <c r="EES123" s="26"/>
      <c r="EET123" s="26"/>
      <c r="EEU123" s="26"/>
      <c r="EEV123" s="26"/>
      <c r="EEW123" s="26"/>
      <c r="EEX123" s="26"/>
      <c r="EEY123" s="26"/>
      <c r="EEZ123" s="26"/>
      <c r="EFA123" s="26"/>
      <c r="EFB123" s="26"/>
      <c r="EFC123" s="26"/>
      <c r="EFD123" s="26"/>
      <c r="EFE123" s="26"/>
      <c r="EFF123" s="26"/>
      <c r="EFG123" s="26"/>
      <c r="EFH123" s="26"/>
      <c r="EFI123" s="26"/>
      <c r="EFJ123" s="26"/>
      <c r="EFK123" s="26"/>
      <c r="EFL123" s="26"/>
      <c r="EFM123" s="26"/>
      <c r="EFN123" s="26"/>
      <c r="EFO123" s="26"/>
      <c r="EFP123" s="26"/>
      <c r="EFQ123" s="26"/>
      <c r="EFR123" s="26"/>
      <c r="EFS123" s="26"/>
      <c r="EFT123" s="26"/>
      <c r="EFU123" s="26"/>
      <c r="EFV123" s="26"/>
      <c r="EFW123" s="26"/>
      <c r="EFX123" s="26"/>
      <c r="EFY123" s="26"/>
      <c r="EFZ123" s="26"/>
      <c r="EGA123" s="26"/>
      <c r="EGB123" s="26"/>
      <c r="EGC123" s="26"/>
      <c r="EGD123" s="26"/>
      <c r="EGE123" s="26"/>
      <c r="EGF123" s="26"/>
      <c r="EGG123" s="26"/>
      <c r="EGH123" s="26"/>
      <c r="EGI123" s="26"/>
      <c r="EGJ123" s="26"/>
      <c r="EGK123" s="26"/>
      <c r="EGL123" s="26"/>
      <c r="EGM123" s="26"/>
      <c r="EGN123" s="26"/>
      <c r="EGO123" s="26"/>
      <c r="EGP123" s="26"/>
      <c r="EGQ123" s="26"/>
      <c r="EGR123" s="26"/>
      <c r="EGS123" s="26"/>
      <c r="EGT123" s="26"/>
      <c r="EGU123" s="26"/>
      <c r="EGV123" s="26"/>
      <c r="EGW123" s="26"/>
      <c r="EGX123" s="26"/>
      <c r="EGY123" s="26"/>
      <c r="EGZ123" s="26"/>
      <c r="EHA123" s="26"/>
      <c r="EHB123" s="26"/>
      <c r="EHC123" s="26"/>
      <c r="EHD123" s="26"/>
      <c r="EHE123" s="26"/>
      <c r="EHF123" s="26"/>
      <c r="EHG123" s="26"/>
      <c r="EHH123" s="26"/>
      <c r="EHI123" s="26"/>
      <c r="EHJ123" s="26"/>
      <c r="EHK123" s="26"/>
      <c r="EHL123" s="26"/>
      <c r="EHM123" s="26"/>
      <c r="EHN123" s="26"/>
      <c r="EHO123" s="26"/>
      <c r="EHP123" s="26"/>
      <c r="EHQ123" s="26"/>
      <c r="EHR123" s="26"/>
      <c r="EHS123" s="26"/>
      <c r="EHT123" s="26"/>
      <c r="EHU123" s="26"/>
      <c r="EHV123" s="26"/>
      <c r="EHW123" s="26"/>
      <c r="EHX123" s="26"/>
      <c r="EHY123" s="26"/>
      <c r="EHZ123" s="26"/>
      <c r="EIA123" s="26"/>
      <c r="EIB123" s="26"/>
      <c r="EIC123" s="26"/>
      <c r="EID123" s="26"/>
      <c r="EIE123" s="26"/>
      <c r="EIF123" s="26"/>
      <c r="EIG123" s="26"/>
      <c r="EIH123" s="26"/>
      <c r="EII123" s="26"/>
      <c r="EIJ123" s="26"/>
      <c r="EIK123" s="26"/>
      <c r="EIL123" s="26"/>
      <c r="EIM123" s="26"/>
      <c r="EIN123" s="26"/>
      <c r="EIO123" s="26"/>
      <c r="EIP123" s="26"/>
      <c r="EIQ123" s="26"/>
      <c r="EIR123" s="26"/>
      <c r="EIS123" s="26"/>
      <c r="EIT123" s="26"/>
      <c r="EIU123" s="26"/>
      <c r="EIV123" s="26"/>
      <c r="EIW123" s="26"/>
      <c r="EIX123" s="26"/>
      <c r="EIY123" s="26"/>
      <c r="EIZ123" s="26"/>
      <c r="EJA123" s="26"/>
      <c r="EJB123" s="26"/>
      <c r="EJC123" s="26"/>
      <c r="EJD123" s="26"/>
      <c r="EJE123" s="26"/>
      <c r="EJF123" s="26"/>
      <c r="EJG123" s="26"/>
      <c r="EJH123" s="26"/>
      <c r="EJI123" s="26"/>
      <c r="EJJ123" s="26"/>
      <c r="EJK123" s="26"/>
      <c r="EJL123" s="26"/>
      <c r="EJM123" s="26"/>
      <c r="EJN123" s="26"/>
      <c r="EJO123" s="26"/>
      <c r="EJP123" s="26"/>
      <c r="EJQ123" s="26"/>
      <c r="EJR123" s="26"/>
      <c r="EJS123" s="26"/>
      <c r="EJT123" s="26"/>
      <c r="EJU123" s="26"/>
      <c r="EJV123" s="26"/>
      <c r="EJW123" s="26"/>
      <c r="EJX123" s="26"/>
      <c r="EJY123" s="26"/>
      <c r="EJZ123" s="26"/>
      <c r="EKA123" s="26"/>
      <c r="EKB123" s="26"/>
      <c r="EKC123" s="26"/>
      <c r="EKD123" s="26"/>
      <c r="EKE123" s="26"/>
      <c r="EKF123" s="26"/>
      <c r="EKG123" s="26"/>
      <c r="EKH123" s="26"/>
      <c r="EKI123" s="26"/>
      <c r="EKJ123" s="26"/>
      <c r="EKK123" s="26"/>
      <c r="EKL123" s="26"/>
      <c r="EKM123" s="26"/>
      <c r="EKN123" s="26"/>
      <c r="EKO123" s="26"/>
      <c r="EKP123" s="26"/>
      <c r="EKQ123" s="26"/>
      <c r="EKR123" s="26"/>
      <c r="EKS123" s="26"/>
      <c r="EKT123" s="26"/>
      <c r="EKU123" s="26"/>
      <c r="EKV123" s="26"/>
      <c r="EKW123" s="26"/>
      <c r="EKX123" s="26"/>
      <c r="EKY123" s="26"/>
      <c r="EKZ123" s="26"/>
      <c r="ELA123" s="26"/>
      <c r="ELB123" s="26"/>
      <c r="ELC123" s="26"/>
      <c r="ELD123" s="26"/>
      <c r="ELE123" s="26"/>
      <c r="ELF123" s="26"/>
      <c r="ELG123" s="26"/>
      <c r="ELH123" s="26"/>
      <c r="ELI123" s="26"/>
      <c r="ELJ123" s="26"/>
      <c r="ELK123" s="26"/>
      <c r="ELL123" s="26"/>
      <c r="ELM123" s="26"/>
      <c r="ELN123" s="26"/>
      <c r="ELO123" s="26"/>
      <c r="ELP123" s="26"/>
      <c r="ELQ123" s="26"/>
      <c r="ELR123" s="26"/>
      <c r="ELS123" s="26"/>
      <c r="ELT123" s="26"/>
      <c r="ELU123" s="26"/>
      <c r="ELV123" s="26"/>
      <c r="ELW123" s="26"/>
      <c r="ELX123" s="26"/>
      <c r="ELY123" s="26"/>
      <c r="ELZ123" s="26"/>
      <c r="EMA123" s="26"/>
      <c r="EMB123" s="26"/>
      <c r="EMC123" s="26"/>
      <c r="EMD123" s="26"/>
      <c r="EME123" s="26"/>
      <c r="EMF123" s="26"/>
      <c r="EMG123" s="26"/>
      <c r="EMH123" s="26"/>
      <c r="EMI123" s="26"/>
      <c r="EMJ123" s="26"/>
      <c r="EMK123" s="26"/>
      <c r="EML123" s="26"/>
      <c r="EMM123" s="26"/>
      <c r="EMN123" s="26"/>
      <c r="EMO123" s="26"/>
      <c r="EMP123" s="26"/>
      <c r="EMQ123" s="26"/>
      <c r="EMR123" s="26"/>
      <c r="EMS123" s="26"/>
      <c r="EMT123" s="26"/>
      <c r="EMU123" s="26"/>
      <c r="EMV123" s="26"/>
      <c r="EMW123" s="26"/>
      <c r="EMX123" s="26"/>
      <c r="EMY123" s="26"/>
      <c r="EMZ123" s="26"/>
      <c r="ENA123" s="26"/>
      <c r="ENB123" s="26"/>
      <c r="ENC123" s="26"/>
      <c r="END123" s="26"/>
      <c r="ENE123" s="26"/>
      <c r="ENF123" s="26"/>
      <c r="ENG123" s="26"/>
      <c r="ENH123" s="26"/>
      <c r="ENI123" s="26"/>
      <c r="ENJ123" s="26"/>
      <c r="ENK123" s="26"/>
      <c r="ENL123" s="26"/>
      <c r="ENM123" s="26"/>
      <c r="ENN123" s="26"/>
      <c r="ENO123" s="26"/>
      <c r="ENP123" s="26"/>
      <c r="ENQ123" s="26"/>
      <c r="ENR123" s="26"/>
      <c r="ENS123" s="26"/>
      <c r="ENT123" s="26"/>
      <c r="ENU123" s="26"/>
      <c r="ENV123" s="26"/>
      <c r="ENW123" s="26"/>
      <c r="ENX123" s="26"/>
      <c r="ENY123" s="26"/>
      <c r="ENZ123" s="26"/>
      <c r="EOA123" s="26"/>
      <c r="EOB123" s="26"/>
      <c r="EOC123" s="26"/>
      <c r="EOD123" s="26"/>
      <c r="EOE123" s="26"/>
      <c r="EOF123" s="26"/>
      <c r="EOG123" s="26"/>
      <c r="EOH123" s="26"/>
      <c r="EOI123" s="26"/>
      <c r="EOJ123" s="26"/>
      <c r="EOK123" s="26"/>
      <c r="EOL123" s="26"/>
      <c r="EOM123" s="26"/>
      <c r="EON123" s="26"/>
      <c r="EOO123" s="26"/>
      <c r="EOP123" s="26"/>
      <c r="EOQ123" s="26"/>
      <c r="EOR123" s="26"/>
      <c r="EOS123" s="26"/>
      <c r="EOT123" s="26"/>
      <c r="EOU123" s="26"/>
      <c r="EOV123" s="26"/>
      <c r="EOW123" s="26"/>
      <c r="EOX123" s="26"/>
      <c r="EOY123" s="26"/>
      <c r="EOZ123" s="26"/>
      <c r="EPA123" s="26"/>
      <c r="EPB123" s="26"/>
      <c r="EPC123" s="26"/>
      <c r="EPD123" s="26"/>
      <c r="EPE123" s="26"/>
      <c r="EPF123" s="26"/>
      <c r="EPG123" s="26"/>
      <c r="EPH123" s="26"/>
      <c r="EPI123" s="26"/>
      <c r="EPJ123" s="26"/>
      <c r="EPK123" s="26"/>
      <c r="EPL123" s="26"/>
      <c r="EPM123" s="26"/>
      <c r="EPN123" s="26"/>
      <c r="EPO123" s="26"/>
      <c r="EPP123" s="26"/>
      <c r="EPQ123" s="26"/>
      <c r="EPR123" s="26"/>
      <c r="EPS123" s="26"/>
      <c r="EPT123" s="26"/>
      <c r="EPU123" s="26"/>
      <c r="EPV123" s="26"/>
      <c r="EPW123" s="26"/>
      <c r="EPX123" s="26"/>
      <c r="EPY123" s="26"/>
      <c r="EPZ123" s="26"/>
      <c r="EQA123" s="26"/>
      <c r="EQB123" s="26"/>
      <c r="EQC123" s="26"/>
      <c r="EQD123" s="26"/>
      <c r="EQE123" s="26"/>
      <c r="EQF123" s="26"/>
      <c r="EQG123" s="26"/>
      <c r="EQH123" s="26"/>
      <c r="EQI123" s="26"/>
      <c r="EQJ123" s="26"/>
      <c r="EQK123" s="26"/>
      <c r="EQL123" s="26"/>
      <c r="EQM123" s="26"/>
      <c r="EQN123" s="26"/>
      <c r="EQO123" s="26"/>
      <c r="EQP123" s="26"/>
      <c r="EQQ123" s="26"/>
      <c r="EQR123" s="26"/>
      <c r="EQS123" s="26"/>
      <c r="EQT123" s="26"/>
      <c r="EQU123" s="26"/>
      <c r="EQV123" s="26"/>
      <c r="EQW123" s="26"/>
      <c r="EQX123" s="26"/>
      <c r="EQY123" s="26"/>
      <c r="EQZ123" s="26"/>
      <c r="ERA123" s="26"/>
      <c r="ERB123" s="26"/>
      <c r="ERC123" s="26"/>
      <c r="ERD123" s="26"/>
      <c r="ERE123" s="26"/>
      <c r="ERF123" s="26"/>
      <c r="ERG123" s="26"/>
      <c r="ERH123" s="26"/>
      <c r="ERI123" s="26"/>
      <c r="ERJ123" s="26"/>
      <c r="ERK123" s="26"/>
      <c r="ERL123" s="26"/>
      <c r="ERM123" s="26"/>
      <c r="ERN123" s="26"/>
      <c r="ERO123" s="26"/>
      <c r="ERP123" s="26"/>
      <c r="ERQ123" s="26"/>
      <c r="ERR123" s="26"/>
      <c r="ERS123" s="26"/>
      <c r="ERT123" s="26"/>
      <c r="ERU123" s="26"/>
      <c r="ERV123" s="26"/>
      <c r="ERW123" s="26"/>
      <c r="ERX123" s="26"/>
      <c r="ERY123" s="26"/>
      <c r="ERZ123" s="26"/>
      <c r="ESA123" s="26"/>
      <c r="ESB123" s="26"/>
      <c r="ESC123" s="26"/>
      <c r="ESD123" s="26"/>
      <c r="ESE123" s="26"/>
      <c r="ESF123" s="26"/>
      <c r="ESG123" s="26"/>
      <c r="ESH123" s="26"/>
      <c r="ESI123" s="26"/>
      <c r="ESJ123" s="26"/>
      <c r="ESK123" s="26"/>
      <c r="ESL123" s="26"/>
      <c r="ESM123" s="26"/>
      <c r="ESN123" s="26"/>
      <c r="ESO123" s="26"/>
      <c r="ESP123" s="26"/>
      <c r="ESQ123" s="26"/>
      <c r="ESR123" s="26"/>
      <c r="ESS123" s="26"/>
      <c r="EST123" s="26"/>
      <c r="ESU123" s="26"/>
      <c r="ESV123" s="26"/>
      <c r="ESW123" s="26"/>
      <c r="ESX123" s="26"/>
      <c r="ESY123" s="26"/>
      <c r="ESZ123" s="26"/>
      <c r="ETA123" s="26"/>
      <c r="ETB123" s="26"/>
      <c r="ETC123" s="26"/>
      <c r="ETD123" s="26"/>
      <c r="ETE123" s="26"/>
      <c r="ETF123" s="26"/>
      <c r="ETG123" s="26"/>
      <c r="ETH123" s="26"/>
      <c r="ETI123" s="26"/>
      <c r="ETJ123" s="26"/>
      <c r="ETK123" s="26"/>
      <c r="ETL123" s="26"/>
      <c r="ETM123" s="26"/>
      <c r="ETN123" s="26"/>
      <c r="ETO123" s="26"/>
      <c r="ETP123" s="26"/>
      <c r="ETQ123" s="26"/>
      <c r="ETR123" s="26"/>
      <c r="ETS123" s="26"/>
      <c r="ETT123" s="26"/>
      <c r="ETU123" s="26"/>
      <c r="ETV123" s="26"/>
      <c r="ETW123" s="26"/>
      <c r="ETX123" s="26"/>
      <c r="ETY123" s="26"/>
      <c r="ETZ123" s="26"/>
      <c r="EUA123" s="26"/>
      <c r="EUB123" s="26"/>
      <c r="EUC123" s="26"/>
      <c r="EUD123" s="26"/>
      <c r="EUE123" s="26"/>
      <c r="EUF123" s="26"/>
      <c r="EUG123" s="26"/>
      <c r="EUH123" s="26"/>
      <c r="EUI123" s="26"/>
      <c r="EUJ123" s="26"/>
      <c r="EUK123" s="26"/>
      <c r="EUL123" s="26"/>
      <c r="EUM123" s="26"/>
      <c r="EUN123" s="26"/>
      <c r="EUO123" s="26"/>
      <c r="EUP123" s="26"/>
      <c r="EUQ123" s="26"/>
      <c r="EUR123" s="26"/>
      <c r="EUS123" s="26"/>
      <c r="EUT123" s="26"/>
      <c r="EUU123" s="26"/>
      <c r="EUV123" s="26"/>
      <c r="EUW123" s="26"/>
      <c r="EUX123" s="26"/>
      <c r="EUY123" s="26"/>
      <c r="EUZ123" s="26"/>
      <c r="EVA123" s="26"/>
      <c r="EVB123" s="26"/>
      <c r="EVC123" s="26"/>
      <c r="EVD123" s="26"/>
      <c r="EVE123" s="26"/>
      <c r="EVF123" s="26"/>
      <c r="EVG123" s="26"/>
      <c r="EVH123" s="26"/>
      <c r="EVI123" s="26"/>
      <c r="EVJ123" s="26"/>
      <c r="EVK123" s="26"/>
      <c r="EVL123" s="26"/>
      <c r="EVM123" s="26"/>
      <c r="EVN123" s="26"/>
      <c r="EVO123" s="26"/>
      <c r="EVP123" s="26"/>
      <c r="EVQ123" s="26"/>
      <c r="EVR123" s="26"/>
      <c r="EVS123" s="26"/>
      <c r="EVT123" s="26"/>
      <c r="EVU123" s="26"/>
      <c r="EVV123" s="26"/>
      <c r="EVW123" s="26"/>
      <c r="EVX123" s="26"/>
      <c r="EVY123" s="26"/>
      <c r="EVZ123" s="26"/>
      <c r="EWA123" s="26"/>
      <c r="EWB123" s="26"/>
      <c r="EWC123" s="26"/>
      <c r="EWD123" s="26"/>
      <c r="EWE123" s="26"/>
      <c r="EWF123" s="26"/>
      <c r="EWG123" s="26"/>
      <c r="EWH123" s="26"/>
      <c r="EWI123" s="26"/>
      <c r="EWJ123" s="26"/>
      <c r="EWK123" s="26"/>
      <c r="EWL123" s="26"/>
      <c r="EWM123" s="26"/>
      <c r="EWN123" s="26"/>
      <c r="EWO123" s="26"/>
      <c r="EWP123" s="26"/>
      <c r="EWQ123" s="26"/>
      <c r="EWR123" s="26"/>
      <c r="EWS123" s="26"/>
      <c r="EWT123" s="26"/>
      <c r="EWU123" s="26"/>
      <c r="EWV123" s="26"/>
      <c r="EWW123" s="26"/>
      <c r="EWX123" s="26"/>
      <c r="EWY123" s="26"/>
      <c r="EWZ123" s="26"/>
      <c r="EXA123" s="26"/>
      <c r="EXB123" s="26"/>
      <c r="EXC123" s="26"/>
      <c r="EXD123" s="26"/>
      <c r="EXE123" s="26"/>
      <c r="EXF123" s="26"/>
      <c r="EXG123" s="26"/>
      <c r="EXH123" s="26"/>
      <c r="EXI123" s="26"/>
      <c r="EXJ123" s="26"/>
      <c r="EXK123" s="26"/>
      <c r="EXL123" s="26"/>
      <c r="EXM123" s="26"/>
      <c r="EXN123" s="26"/>
      <c r="EXO123" s="26"/>
      <c r="EXP123" s="26"/>
      <c r="EXQ123" s="26"/>
      <c r="EXR123" s="26"/>
      <c r="EXS123" s="26"/>
      <c r="EXT123" s="26"/>
      <c r="EXU123" s="26"/>
      <c r="EXV123" s="26"/>
      <c r="EXW123" s="26"/>
      <c r="EXX123" s="26"/>
      <c r="EXY123" s="26"/>
      <c r="EXZ123" s="26"/>
      <c r="EYA123" s="26"/>
      <c r="EYB123" s="26"/>
      <c r="EYC123" s="26"/>
      <c r="EYD123" s="26"/>
      <c r="EYE123" s="26"/>
      <c r="EYF123" s="26"/>
      <c r="EYG123" s="26"/>
      <c r="EYH123" s="26"/>
      <c r="EYI123" s="26"/>
      <c r="EYJ123" s="26"/>
      <c r="EYK123" s="26"/>
      <c r="EYL123" s="26"/>
      <c r="EYM123" s="26"/>
      <c r="EYN123" s="26"/>
      <c r="EYO123" s="26"/>
      <c r="EYP123" s="26"/>
      <c r="EYQ123" s="26"/>
      <c r="EYR123" s="26"/>
      <c r="EYS123" s="26"/>
      <c r="EYT123" s="26"/>
      <c r="EYU123" s="26"/>
      <c r="EYV123" s="26"/>
      <c r="EYW123" s="26"/>
      <c r="EYX123" s="26"/>
      <c r="EYY123" s="26"/>
      <c r="EYZ123" s="26"/>
      <c r="EZA123" s="26"/>
      <c r="EZB123" s="26"/>
      <c r="EZC123" s="26"/>
      <c r="EZD123" s="26"/>
      <c r="EZE123" s="26"/>
      <c r="EZF123" s="26"/>
      <c r="EZG123" s="26"/>
      <c r="EZH123" s="26"/>
      <c r="EZI123" s="26"/>
      <c r="EZJ123" s="26"/>
      <c r="EZK123" s="26"/>
      <c r="EZL123" s="26"/>
      <c r="EZM123" s="26"/>
      <c r="EZN123" s="26"/>
      <c r="EZO123" s="26"/>
      <c r="EZP123" s="26"/>
      <c r="EZQ123" s="26"/>
      <c r="EZR123" s="26"/>
      <c r="EZS123" s="26"/>
      <c r="EZT123" s="26"/>
      <c r="EZU123" s="26"/>
      <c r="EZV123" s="26"/>
      <c r="EZW123" s="26"/>
      <c r="EZX123" s="26"/>
      <c r="EZY123" s="26"/>
      <c r="EZZ123" s="26"/>
      <c r="FAA123" s="26"/>
      <c r="FAB123" s="26"/>
      <c r="FAC123" s="26"/>
      <c r="FAD123" s="26"/>
      <c r="FAE123" s="26"/>
      <c r="FAF123" s="26"/>
      <c r="FAG123" s="26"/>
      <c r="FAH123" s="26"/>
      <c r="FAI123" s="26"/>
      <c r="FAJ123" s="26"/>
      <c r="FAK123" s="26"/>
      <c r="FAL123" s="26"/>
      <c r="FAM123" s="26"/>
      <c r="FAN123" s="26"/>
      <c r="FAO123" s="26"/>
      <c r="FAP123" s="26"/>
      <c r="FAQ123" s="26"/>
      <c r="FAR123" s="26"/>
      <c r="FAS123" s="26"/>
      <c r="FAT123" s="26"/>
      <c r="FAU123" s="26"/>
      <c r="FAV123" s="26"/>
      <c r="FAW123" s="26"/>
      <c r="FAX123" s="26"/>
      <c r="FAY123" s="26"/>
      <c r="FAZ123" s="26"/>
      <c r="FBA123" s="26"/>
      <c r="FBB123" s="26"/>
      <c r="FBC123" s="26"/>
      <c r="FBD123" s="26"/>
      <c r="FBE123" s="26"/>
      <c r="FBF123" s="26"/>
      <c r="FBG123" s="26"/>
      <c r="FBH123" s="26"/>
      <c r="FBI123" s="26"/>
      <c r="FBJ123" s="26"/>
      <c r="FBK123" s="26"/>
      <c r="FBL123" s="26"/>
      <c r="FBM123" s="26"/>
      <c r="FBN123" s="26"/>
      <c r="FBO123" s="26"/>
      <c r="FBP123" s="26"/>
      <c r="FBQ123" s="26"/>
      <c r="FBR123" s="26"/>
      <c r="FBS123" s="26"/>
      <c r="FBT123" s="26"/>
      <c r="FBU123" s="26"/>
      <c r="FBV123" s="26"/>
      <c r="FBW123" s="26"/>
      <c r="FBX123" s="26"/>
      <c r="FBY123" s="26"/>
      <c r="FBZ123" s="26"/>
      <c r="FCA123" s="26"/>
      <c r="FCB123" s="26"/>
      <c r="FCC123" s="26"/>
      <c r="FCD123" s="26"/>
      <c r="FCE123" s="26"/>
      <c r="FCF123" s="26"/>
      <c r="FCG123" s="26"/>
      <c r="FCH123" s="26"/>
      <c r="FCI123" s="26"/>
      <c r="FCJ123" s="26"/>
      <c r="FCK123" s="26"/>
      <c r="FCL123" s="26"/>
      <c r="FCM123" s="26"/>
      <c r="FCN123" s="26"/>
      <c r="FCO123" s="26"/>
      <c r="FCP123" s="26"/>
      <c r="FCQ123" s="26"/>
      <c r="FCR123" s="26"/>
      <c r="FCS123" s="26"/>
      <c r="FCT123" s="26"/>
      <c r="FCU123" s="26"/>
      <c r="FCV123" s="26"/>
      <c r="FCW123" s="26"/>
      <c r="FCX123" s="26"/>
      <c r="FCY123" s="26"/>
      <c r="FCZ123" s="26"/>
      <c r="FDA123" s="26"/>
      <c r="FDB123" s="26"/>
      <c r="FDC123" s="26"/>
      <c r="FDD123" s="26"/>
      <c r="FDE123" s="26"/>
      <c r="FDF123" s="26"/>
      <c r="FDG123" s="26"/>
      <c r="FDH123" s="26"/>
      <c r="FDI123" s="26"/>
      <c r="FDJ123" s="26"/>
      <c r="FDK123" s="26"/>
      <c r="FDL123" s="26"/>
      <c r="FDM123" s="26"/>
      <c r="FDN123" s="26"/>
      <c r="FDO123" s="26"/>
      <c r="FDP123" s="26"/>
      <c r="FDQ123" s="26"/>
      <c r="FDR123" s="26"/>
      <c r="FDS123" s="26"/>
      <c r="FDT123" s="26"/>
      <c r="FDU123" s="26"/>
      <c r="FDV123" s="26"/>
      <c r="FDW123" s="26"/>
      <c r="FDX123" s="26"/>
      <c r="FDY123" s="26"/>
      <c r="FDZ123" s="26"/>
      <c r="FEA123" s="26"/>
      <c r="FEB123" s="26"/>
      <c r="FEC123" s="26"/>
      <c r="FED123" s="26"/>
      <c r="FEE123" s="26"/>
      <c r="FEF123" s="26"/>
      <c r="FEG123" s="26"/>
      <c r="FEH123" s="26"/>
      <c r="FEI123" s="26"/>
      <c r="FEJ123" s="26"/>
      <c r="FEK123" s="26"/>
      <c r="FEL123" s="26"/>
      <c r="FEM123" s="26"/>
      <c r="FEN123" s="26"/>
      <c r="FEO123" s="26"/>
      <c r="FEP123" s="26"/>
      <c r="FEQ123" s="26"/>
      <c r="FER123" s="26"/>
      <c r="FES123" s="26"/>
      <c r="FET123" s="26"/>
      <c r="FEU123" s="26"/>
      <c r="FEV123" s="26"/>
      <c r="FEW123" s="26"/>
      <c r="FEX123" s="26"/>
      <c r="FEY123" s="26"/>
      <c r="FEZ123" s="26"/>
      <c r="FFA123" s="26"/>
      <c r="FFB123" s="26"/>
      <c r="FFC123" s="26"/>
      <c r="FFD123" s="26"/>
      <c r="FFE123" s="26"/>
      <c r="FFF123" s="26"/>
      <c r="FFG123" s="26"/>
      <c r="FFH123" s="26"/>
      <c r="FFI123" s="26"/>
      <c r="FFJ123" s="26"/>
      <c r="FFK123" s="26"/>
      <c r="FFL123" s="26"/>
      <c r="FFM123" s="26"/>
      <c r="FFN123" s="26"/>
      <c r="FFO123" s="26"/>
      <c r="FFP123" s="26"/>
      <c r="FFQ123" s="26"/>
      <c r="FFR123" s="26"/>
      <c r="FFS123" s="26"/>
      <c r="FFT123" s="26"/>
      <c r="FFU123" s="26"/>
      <c r="FFV123" s="26"/>
      <c r="FFW123" s="26"/>
      <c r="FFX123" s="26"/>
      <c r="FFY123" s="26"/>
      <c r="FFZ123" s="26"/>
      <c r="FGA123" s="26"/>
      <c r="FGB123" s="26"/>
      <c r="FGC123" s="26"/>
      <c r="FGD123" s="26"/>
      <c r="FGE123" s="26"/>
      <c r="FGF123" s="26"/>
      <c r="FGG123" s="26"/>
      <c r="FGH123" s="26"/>
      <c r="FGI123" s="26"/>
      <c r="FGJ123" s="26"/>
      <c r="FGK123" s="26"/>
      <c r="FGL123" s="26"/>
      <c r="FGM123" s="26"/>
      <c r="FGN123" s="26"/>
      <c r="FGO123" s="26"/>
      <c r="FGP123" s="26"/>
      <c r="FGQ123" s="26"/>
      <c r="FGR123" s="26"/>
      <c r="FGS123" s="26"/>
      <c r="FGT123" s="26"/>
      <c r="FGU123" s="26"/>
      <c r="FGV123" s="26"/>
      <c r="FGW123" s="26"/>
      <c r="FGX123" s="26"/>
      <c r="FGY123" s="26"/>
      <c r="FGZ123" s="26"/>
      <c r="FHA123" s="26"/>
      <c r="FHB123" s="26"/>
      <c r="FHC123" s="26"/>
      <c r="FHD123" s="26"/>
      <c r="FHE123" s="26"/>
      <c r="FHF123" s="26"/>
      <c r="FHG123" s="26"/>
      <c r="FHH123" s="26"/>
      <c r="FHI123" s="26"/>
      <c r="FHJ123" s="26"/>
      <c r="FHK123" s="26"/>
      <c r="FHL123" s="26"/>
      <c r="FHM123" s="26"/>
      <c r="FHN123" s="26"/>
      <c r="FHO123" s="26"/>
      <c r="FHP123" s="26"/>
      <c r="FHQ123" s="26"/>
      <c r="FHR123" s="26"/>
      <c r="FHS123" s="26"/>
      <c r="FHT123" s="26"/>
      <c r="FHU123" s="26"/>
      <c r="FHV123" s="26"/>
      <c r="FHW123" s="26"/>
      <c r="FHX123" s="26"/>
      <c r="FHY123" s="26"/>
      <c r="FHZ123" s="26"/>
      <c r="FIA123" s="26"/>
      <c r="FIB123" s="26"/>
      <c r="FIC123" s="26"/>
      <c r="FID123" s="26"/>
      <c r="FIE123" s="26"/>
      <c r="FIF123" s="26"/>
      <c r="FIG123" s="26"/>
      <c r="FIH123" s="26"/>
      <c r="FII123" s="26"/>
      <c r="FIJ123" s="26"/>
      <c r="FIK123" s="26"/>
      <c r="FIL123" s="26"/>
      <c r="FIM123" s="26"/>
      <c r="FIN123" s="26"/>
      <c r="FIO123" s="26"/>
      <c r="FIP123" s="26"/>
      <c r="FIQ123" s="26"/>
      <c r="FIR123" s="26"/>
      <c r="FIS123" s="26"/>
      <c r="FIT123" s="26"/>
      <c r="FIU123" s="26"/>
      <c r="FIV123" s="26"/>
      <c r="FIW123" s="26"/>
      <c r="FIX123" s="26"/>
      <c r="FIY123" s="26"/>
      <c r="FIZ123" s="26"/>
      <c r="FJA123" s="26"/>
      <c r="FJB123" s="26"/>
      <c r="FJC123" s="26"/>
      <c r="FJD123" s="26"/>
      <c r="FJE123" s="26"/>
      <c r="FJF123" s="26"/>
      <c r="FJG123" s="26"/>
      <c r="FJH123" s="26"/>
      <c r="FJI123" s="26"/>
      <c r="FJJ123" s="26"/>
      <c r="FJK123" s="26"/>
      <c r="FJL123" s="26"/>
      <c r="FJM123" s="26"/>
      <c r="FJN123" s="26"/>
      <c r="FJO123" s="26"/>
      <c r="FJP123" s="26"/>
      <c r="FJQ123" s="26"/>
      <c r="FJR123" s="26"/>
      <c r="FJS123" s="26"/>
      <c r="FJT123" s="26"/>
      <c r="FJU123" s="26"/>
      <c r="FJV123" s="26"/>
      <c r="FJW123" s="26"/>
      <c r="FJX123" s="26"/>
      <c r="FJY123" s="26"/>
      <c r="FJZ123" s="26"/>
      <c r="FKA123" s="26"/>
      <c r="FKB123" s="26"/>
      <c r="FKC123" s="26"/>
      <c r="FKD123" s="26"/>
      <c r="FKE123" s="26"/>
      <c r="FKF123" s="26"/>
      <c r="FKG123" s="26"/>
      <c r="FKH123" s="26"/>
      <c r="FKI123" s="26"/>
      <c r="FKJ123" s="26"/>
      <c r="FKK123" s="26"/>
      <c r="FKL123" s="26"/>
      <c r="FKM123" s="26"/>
      <c r="FKN123" s="26"/>
      <c r="FKO123" s="26"/>
      <c r="FKP123" s="26"/>
      <c r="FKQ123" s="26"/>
      <c r="FKR123" s="26"/>
      <c r="FKS123" s="26"/>
      <c r="FKT123" s="26"/>
      <c r="FKU123" s="26"/>
      <c r="FKV123" s="26"/>
      <c r="FKW123" s="26"/>
      <c r="FKX123" s="26"/>
      <c r="FKY123" s="26"/>
      <c r="FKZ123" s="26"/>
      <c r="FLA123" s="26"/>
      <c r="FLB123" s="26"/>
      <c r="FLC123" s="26"/>
      <c r="FLD123" s="26"/>
      <c r="FLE123" s="26"/>
      <c r="FLF123" s="26"/>
      <c r="FLG123" s="26"/>
      <c r="FLH123" s="26"/>
      <c r="FLI123" s="26"/>
      <c r="FLJ123" s="26"/>
      <c r="FLK123" s="26"/>
      <c r="FLL123" s="26"/>
      <c r="FLM123" s="26"/>
      <c r="FLN123" s="26"/>
      <c r="FLO123" s="26"/>
      <c r="FLP123" s="26"/>
      <c r="FLQ123" s="26"/>
      <c r="FLR123" s="26"/>
      <c r="FLS123" s="26"/>
      <c r="FLT123" s="26"/>
      <c r="FLU123" s="26"/>
      <c r="FLV123" s="26"/>
      <c r="FLW123" s="26"/>
      <c r="FLX123" s="26"/>
      <c r="FLY123" s="26"/>
      <c r="FLZ123" s="26"/>
      <c r="FMA123" s="26"/>
      <c r="FMB123" s="26"/>
      <c r="FMC123" s="26"/>
      <c r="FMD123" s="26"/>
      <c r="FME123" s="26"/>
      <c r="FMF123" s="26"/>
      <c r="FMG123" s="26"/>
      <c r="FMH123" s="26"/>
      <c r="FMI123" s="26"/>
      <c r="FMJ123" s="26"/>
      <c r="FMK123" s="26"/>
      <c r="FML123" s="26"/>
      <c r="FMM123" s="26"/>
      <c r="FMN123" s="26"/>
      <c r="FMO123" s="26"/>
      <c r="FMP123" s="26"/>
      <c r="FMQ123" s="26"/>
      <c r="FMR123" s="26"/>
      <c r="FMS123" s="26"/>
      <c r="FMT123" s="26"/>
      <c r="FMU123" s="26"/>
      <c r="FMV123" s="26"/>
      <c r="FMW123" s="26"/>
      <c r="FMX123" s="26"/>
      <c r="FMY123" s="26"/>
      <c r="FMZ123" s="26"/>
      <c r="FNA123" s="26"/>
      <c r="FNB123" s="26"/>
      <c r="FNC123" s="26"/>
      <c r="FND123" s="26"/>
      <c r="FNE123" s="26"/>
      <c r="FNF123" s="26"/>
      <c r="FNG123" s="26"/>
      <c r="FNH123" s="26"/>
      <c r="FNI123" s="26"/>
      <c r="FNJ123" s="26"/>
      <c r="FNK123" s="26"/>
      <c r="FNL123" s="26"/>
      <c r="FNM123" s="26"/>
      <c r="FNN123" s="26"/>
      <c r="FNO123" s="26"/>
      <c r="FNP123" s="26"/>
      <c r="FNQ123" s="26"/>
      <c r="FNR123" s="26"/>
      <c r="FNS123" s="26"/>
      <c r="FNT123" s="26"/>
      <c r="FNU123" s="26"/>
      <c r="FNV123" s="26"/>
      <c r="FNW123" s="26"/>
      <c r="FNX123" s="26"/>
      <c r="FNY123" s="26"/>
      <c r="FNZ123" s="26"/>
      <c r="FOA123" s="26"/>
      <c r="FOB123" s="26"/>
      <c r="FOC123" s="26"/>
      <c r="FOD123" s="26"/>
      <c r="FOE123" s="26"/>
      <c r="FOF123" s="26"/>
      <c r="FOG123" s="26"/>
      <c r="FOH123" s="26"/>
      <c r="FOI123" s="26"/>
      <c r="FOJ123" s="26"/>
      <c r="FOK123" s="26"/>
      <c r="FOL123" s="26"/>
      <c r="FOM123" s="26"/>
      <c r="FON123" s="26"/>
      <c r="FOO123" s="26"/>
      <c r="FOP123" s="26"/>
      <c r="FOQ123" s="26"/>
      <c r="FOR123" s="26"/>
      <c r="FOS123" s="26"/>
      <c r="FOT123" s="26"/>
      <c r="FOU123" s="26"/>
      <c r="FOV123" s="26"/>
      <c r="FOW123" s="26"/>
      <c r="FOX123" s="26"/>
      <c r="FOY123" s="26"/>
      <c r="FOZ123" s="26"/>
      <c r="FPA123" s="26"/>
      <c r="FPB123" s="26"/>
      <c r="FPC123" s="26"/>
      <c r="FPD123" s="26"/>
      <c r="FPE123" s="26"/>
      <c r="FPF123" s="26"/>
      <c r="FPG123" s="26"/>
      <c r="FPH123" s="26"/>
      <c r="FPI123" s="26"/>
      <c r="FPJ123" s="26"/>
      <c r="FPK123" s="26"/>
      <c r="FPL123" s="26"/>
      <c r="FPM123" s="26"/>
      <c r="FPN123" s="26"/>
      <c r="FPO123" s="26"/>
      <c r="FPP123" s="26"/>
      <c r="FPQ123" s="26"/>
      <c r="FPR123" s="26"/>
      <c r="FPS123" s="26"/>
      <c r="FPT123" s="26"/>
      <c r="FPU123" s="26"/>
      <c r="FPV123" s="26"/>
      <c r="FPW123" s="26"/>
      <c r="FPX123" s="26"/>
      <c r="FPY123" s="26"/>
      <c r="FPZ123" s="26"/>
      <c r="FQA123" s="26"/>
      <c r="FQB123" s="26"/>
      <c r="FQC123" s="26"/>
      <c r="FQD123" s="26"/>
      <c r="FQE123" s="26"/>
      <c r="FQF123" s="26"/>
      <c r="FQG123" s="26"/>
      <c r="FQH123" s="26"/>
      <c r="FQI123" s="26"/>
      <c r="FQJ123" s="26"/>
      <c r="FQK123" s="26"/>
      <c r="FQL123" s="26"/>
      <c r="FQM123" s="26"/>
      <c r="FQN123" s="26"/>
      <c r="FQO123" s="26"/>
      <c r="FQP123" s="26"/>
      <c r="FQQ123" s="26"/>
      <c r="FQR123" s="26"/>
      <c r="FQS123" s="26"/>
      <c r="FQT123" s="26"/>
      <c r="FQU123" s="26"/>
      <c r="FQV123" s="26"/>
      <c r="FQW123" s="26"/>
      <c r="FQX123" s="26"/>
      <c r="FQY123" s="26"/>
      <c r="FQZ123" s="26"/>
      <c r="FRA123" s="26"/>
      <c r="FRB123" s="26"/>
      <c r="FRC123" s="26"/>
      <c r="FRD123" s="26"/>
      <c r="FRE123" s="26"/>
      <c r="FRF123" s="26"/>
      <c r="FRG123" s="26"/>
      <c r="FRH123" s="26"/>
      <c r="FRI123" s="26"/>
      <c r="FRJ123" s="26"/>
      <c r="FRK123" s="26"/>
      <c r="FRL123" s="26"/>
      <c r="FRM123" s="26"/>
      <c r="FRN123" s="26"/>
      <c r="FRO123" s="26"/>
      <c r="FRP123" s="26"/>
      <c r="FRQ123" s="26"/>
      <c r="FRR123" s="26"/>
      <c r="FRS123" s="26"/>
      <c r="FRT123" s="26"/>
      <c r="FRU123" s="26"/>
      <c r="FRV123" s="26"/>
      <c r="FRW123" s="26"/>
      <c r="FRX123" s="26"/>
      <c r="FRY123" s="26"/>
      <c r="FRZ123" s="26"/>
      <c r="FSA123" s="26"/>
      <c r="FSB123" s="26"/>
      <c r="FSC123" s="26"/>
      <c r="FSD123" s="26"/>
      <c r="FSE123" s="26"/>
      <c r="FSF123" s="26"/>
      <c r="FSG123" s="26"/>
      <c r="FSH123" s="26"/>
      <c r="FSI123" s="26"/>
      <c r="FSJ123" s="26"/>
      <c r="FSK123" s="26"/>
      <c r="FSL123" s="26"/>
      <c r="FSM123" s="26"/>
      <c r="FSN123" s="26"/>
      <c r="FSO123" s="26"/>
      <c r="FSP123" s="26"/>
      <c r="FSQ123" s="26"/>
      <c r="FSR123" s="26"/>
      <c r="FSS123" s="26"/>
      <c r="FST123" s="26"/>
      <c r="FSU123" s="26"/>
      <c r="FSV123" s="26"/>
      <c r="FSW123" s="26"/>
      <c r="FSX123" s="26"/>
      <c r="FSY123" s="26"/>
      <c r="FSZ123" s="26"/>
      <c r="FTA123" s="26"/>
      <c r="FTB123" s="26"/>
      <c r="FTC123" s="26"/>
      <c r="FTD123" s="26"/>
      <c r="FTE123" s="26"/>
      <c r="FTF123" s="26"/>
      <c r="FTG123" s="26"/>
      <c r="FTH123" s="26"/>
      <c r="FTI123" s="26"/>
      <c r="FTJ123" s="26"/>
      <c r="FTK123" s="26"/>
      <c r="FTL123" s="26"/>
      <c r="FTM123" s="26"/>
      <c r="FTN123" s="26"/>
      <c r="FTO123" s="26"/>
      <c r="FTP123" s="26"/>
      <c r="FTQ123" s="26"/>
      <c r="FTR123" s="26"/>
      <c r="FTS123" s="26"/>
      <c r="FTT123" s="26"/>
      <c r="FTU123" s="26"/>
      <c r="FTV123" s="26"/>
      <c r="FTW123" s="26"/>
      <c r="FTX123" s="26"/>
      <c r="FTY123" s="26"/>
      <c r="FTZ123" s="26"/>
      <c r="FUA123" s="26"/>
      <c r="FUB123" s="26"/>
      <c r="FUC123" s="26"/>
      <c r="FUD123" s="26"/>
      <c r="FUE123" s="26"/>
      <c r="FUF123" s="26"/>
      <c r="FUG123" s="26"/>
      <c r="FUH123" s="26"/>
      <c r="FUI123" s="26"/>
      <c r="FUJ123" s="26"/>
      <c r="FUK123" s="26"/>
      <c r="FUL123" s="26"/>
      <c r="FUM123" s="26"/>
      <c r="FUN123" s="26"/>
      <c r="FUO123" s="26"/>
      <c r="FUP123" s="26"/>
      <c r="FUQ123" s="26"/>
      <c r="FUR123" s="26"/>
      <c r="FUS123" s="26"/>
      <c r="FUT123" s="26"/>
      <c r="FUU123" s="26"/>
      <c r="FUV123" s="26"/>
      <c r="FUW123" s="26"/>
      <c r="FUX123" s="26"/>
      <c r="FUY123" s="26"/>
      <c r="FUZ123" s="26"/>
      <c r="FVA123" s="26"/>
      <c r="FVB123" s="26"/>
      <c r="FVC123" s="26"/>
      <c r="FVD123" s="26"/>
      <c r="FVE123" s="26"/>
      <c r="FVF123" s="26"/>
      <c r="FVG123" s="26"/>
      <c r="FVH123" s="26"/>
      <c r="FVI123" s="26"/>
      <c r="FVJ123" s="26"/>
      <c r="FVK123" s="26"/>
      <c r="FVL123" s="26"/>
      <c r="FVM123" s="26"/>
      <c r="FVN123" s="26"/>
      <c r="FVO123" s="26"/>
      <c r="FVP123" s="26"/>
      <c r="FVQ123" s="26"/>
      <c r="FVR123" s="26"/>
      <c r="FVS123" s="26"/>
      <c r="FVT123" s="26"/>
      <c r="FVU123" s="26"/>
      <c r="FVV123" s="26"/>
      <c r="FVW123" s="26"/>
      <c r="FVX123" s="26"/>
      <c r="FVY123" s="26"/>
      <c r="FVZ123" s="26"/>
      <c r="FWA123" s="26"/>
      <c r="FWB123" s="26"/>
      <c r="FWC123" s="26"/>
      <c r="FWD123" s="26"/>
      <c r="FWE123" s="26"/>
      <c r="FWF123" s="26"/>
      <c r="FWG123" s="26"/>
      <c r="FWH123" s="26"/>
      <c r="FWI123" s="26"/>
      <c r="FWJ123" s="26"/>
      <c r="FWK123" s="26"/>
      <c r="FWL123" s="26"/>
      <c r="FWM123" s="26"/>
      <c r="FWN123" s="26"/>
      <c r="FWO123" s="26"/>
      <c r="FWP123" s="26"/>
      <c r="FWQ123" s="26"/>
      <c r="FWR123" s="26"/>
      <c r="FWS123" s="26"/>
      <c r="FWT123" s="26"/>
      <c r="FWU123" s="26"/>
      <c r="FWV123" s="26"/>
      <c r="FWW123" s="26"/>
      <c r="FWX123" s="26"/>
      <c r="FWY123" s="26"/>
      <c r="FWZ123" s="26"/>
      <c r="FXA123" s="26"/>
      <c r="FXB123" s="26"/>
      <c r="FXC123" s="26"/>
      <c r="FXD123" s="26"/>
      <c r="FXE123" s="26"/>
      <c r="FXF123" s="26"/>
      <c r="FXG123" s="26"/>
      <c r="FXH123" s="26"/>
      <c r="FXI123" s="26"/>
      <c r="FXJ123" s="26"/>
      <c r="FXK123" s="26"/>
      <c r="FXL123" s="26"/>
      <c r="FXM123" s="26"/>
      <c r="FXN123" s="26"/>
      <c r="FXO123" s="26"/>
      <c r="FXP123" s="26"/>
      <c r="FXQ123" s="26"/>
      <c r="FXR123" s="26"/>
      <c r="FXS123" s="26"/>
      <c r="FXT123" s="26"/>
      <c r="FXU123" s="26"/>
      <c r="FXV123" s="26"/>
      <c r="FXW123" s="26"/>
      <c r="FXX123" s="26"/>
      <c r="FXY123" s="26"/>
      <c r="FXZ123" s="26"/>
      <c r="FYA123" s="26"/>
      <c r="FYB123" s="26"/>
      <c r="FYC123" s="26"/>
      <c r="FYD123" s="26"/>
      <c r="FYE123" s="26"/>
      <c r="FYF123" s="26"/>
      <c r="FYG123" s="26"/>
      <c r="FYH123" s="26"/>
      <c r="FYI123" s="26"/>
      <c r="FYJ123" s="26"/>
      <c r="FYK123" s="26"/>
      <c r="FYL123" s="26"/>
      <c r="FYM123" s="26"/>
      <c r="FYN123" s="26"/>
      <c r="FYO123" s="26"/>
      <c r="FYP123" s="26"/>
      <c r="FYQ123" s="26"/>
      <c r="FYR123" s="26"/>
      <c r="FYS123" s="26"/>
      <c r="FYT123" s="26"/>
      <c r="FYU123" s="26"/>
      <c r="FYV123" s="26"/>
      <c r="FYW123" s="26"/>
      <c r="FYX123" s="26"/>
      <c r="FYY123" s="26"/>
      <c r="FYZ123" s="26"/>
      <c r="FZA123" s="26"/>
      <c r="FZB123" s="26"/>
      <c r="FZC123" s="26"/>
      <c r="FZD123" s="26"/>
      <c r="FZE123" s="26"/>
      <c r="FZF123" s="26"/>
      <c r="FZG123" s="26"/>
      <c r="FZH123" s="26"/>
      <c r="FZI123" s="26"/>
      <c r="FZJ123" s="26"/>
      <c r="FZK123" s="26"/>
      <c r="FZL123" s="26"/>
      <c r="FZM123" s="26"/>
      <c r="FZN123" s="26"/>
      <c r="FZO123" s="26"/>
      <c r="FZP123" s="26"/>
      <c r="FZQ123" s="26"/>
      <c r="FZR123" s="26"/>
      <c r="FZS123" s="26"/>
      <c r="FZT123" s="26"/>
      <c r="FZU123" s="26"/>
      <c r="FZV123" s="26"/>
      <c r="FZW123" s="26"/>
      <c r="FZX123" s="26"/>
      <c r="FZY123" s="26"/>
      <c r="FZZ123" s="26"/>
      <c r="GAA123" s="26"/>
      <c r="GAB123" s="26"/>
      <c r="GAC123" s="26"/>
      <c r="GAD123" s="26"/>
      <c r="GAE123" s="26"/>
      <c r="GAF123" s="26"/>
      <c r="GAG123" s="26"/>
      <c r="GAH123" s="26"/>
      <c r="GAI123" s="26"/>
      <c r="GAJ123" s="26"/>
      <c r="GAK123" s="26"/>
      <c r="GAL123" s="26"/>
      <c r="GAM123" s="26"/>
      <c r="GAN123" s="26"/>
      <c r="GAO123" s="26"/>
      <c r="GAP123" s="26"/>
      <c r="GAQ123" s="26"/>
      <c r="GAR123" s="26"/>
      <c r="GAS123" s="26"/>
      <c r="GAT123" s="26"/>
      <c r="GAU123" s="26"/>
      <c r="GAV123" s="26"/>
      <c r="GAW123" s="26"/>
      <c r="GAX123" s="26"/>
      <c r="GAY123" s="26"/>
      <c r="GAZ123" s="26"/>
      <c r="GBA123" s="26"/>
      <c r="GBB123" s="26"/>
      <c r="GBC123" s="26"/>
      <c r="GBD123" s="26"/>
      <c r="GBE123" s="26"/>
      <c r="GBF123" s="26"/>
      <c r="GBG123" s="26"/>
      <c r="GBH123" s="26"/>
      <c r="GBI123" s="26"/>
      <c r="GBJ123" s="26"/>
      <c r="GBK123" s="26"/>
      <c r="GBL123" s="26"/>
      <c r="GBM123" s="26"/>
      <c r="GBN123" s="26"/>
      <c r="GBO123" s="26"/>
      <c r="GBP123" s="26"/>
      <c r="GBQ123" s="26"/>
      <c r="GBR123" s="26"/>
      <c r="GBS123" s="26"/>
      <c r="GBT123" s="26"/>
      <c r="GBU123" s="26"/>
      <c r="GBV123" s="26"/>
      <c r="GBW123" s="26"/>
      <c r="GBX123" s="26"/>
      <c r="GBY123" s="26"/>
      <c r="GBZ123" s="26"/>
      <c r="GCA123" s="26"/>
      <c r="GCB123" s="26"/>
      <c r="GCC123" s="26"/>
      <c r="GCD123" s="26"/>
      <c r="GCE123" s="26"/>
      <c r="GCF123" s="26"/>
      <c r="GCG123" s="26"/>
      <c r="GCH123" s="26"/>
      <c r="GCI123" s="26"/>
      <c r="GCJ123" s="26"/>
      <c r="GCK123" s="26"/>
      <c r="GCL123" s="26"/>
      <c r="GCM123" s="26"/>
      <c r="GCN123" s="26"/>
      <c r="GCO123" s="26"/>
      <c r="GCP123" s="26"/>
      <c r="GCQ123" s="26"/>
      <c r="GCR123" s="26"/>
      <c r="GCS123" s="26"/>
      <c r="GCT123" s="26"/>
      <c r="GCU123" s="26"/>
      <c r="GCV123" s="26"/>
      <c r="GCW123" s="26"/>
      <c r="GCX123" s="26"/>
      <c r="GCY123" s="26"/>
      <c r="GCZ123" s="26"/>
      <c r="GDA123" s="26"/>
      <c r="GDB123" s="26"/>
      <c r="GDC123" s="26"/>
      <c r="GDD123" s="26"/>
      <c r="GDE123" s="26"/>
      <c r="GDF123" s="26"/>
      <c r="GDG123" s="26"/>
      <c r="GDH123" s="26"/>
      <c r="GDI123" s="26"/>
      <c r="GDJ123" s="26"/>
      <c r="GDK123" s="26"/>
      <c r="GDL123" s="26"/>
      <c r="GDM123" s="26"/>
      <c r="GDN123" s="26"/>
      <c r="GDO123" s="26"/>
      <c r="GDP123" s="26"/>
      <c r="GDQ123" s="26"/>
      <c r="GDR123" s="26"/>
      <c r="GDS123" s="26"/>
      <c r="GDT123" s="26"/>
      <c r="GDU123" s="26"/>
      <c r="GDV123" s="26"/>
      <c r="GDW123" s="26"/>
      <c r="GDX123" s="26"/>
      <c r="GDY123" s="26"/>
      <c r="GDZ123" s="26"/>
      <c r="GEA123" s="26"/>
      <c r="GEB123" s="26"/>
      <c r="GEC123" s="26"/>
      <c r="GED123" s="26"/>
      <c r="GEE123" s="26"/>
      <c r="GEF123" s="26"/>
      <c r="GEG123" s="26"/>
      <c r="GEH123" s="26"/>
      <c r="GEI123" s="26"/>
      <c r="GEJ123" s="26"/>
      <c r="GEK123" s="26"/>
      <c r="GEL123" s="26"/>
      <c r="GEM123" s="26"/>
      <c r="GEN123" s="26"/>
      <c r="GEO123" s="26"/>
      <c r="GEP123" s="26"/>
      <c r="GEQ123" s="26"/>
      <c r="GER123" s="26"/>
      <c r="GES123" s="26"/>
      <c r="GET123" s="26"/>
      <c r="GEU123" s="26"/>
      <c r="GEV123" s="26"/>
      <c r="GEW123" s="26"/>
      <c r="GEX123" s="26"/>
      <c r="GEY123" s="26"/>
      <c r="GEZ123" s="26"/>
      <c r="GFA123" s="26"/>
      <c r="GFB123" s="26"/>
      <c r="GFC123" s="26"/>
      <c r="GFD123" s="26"/>
      <c r="GFE123" s="26"/>
      <c r="GFF123" s="26"/>
      <c r="GFG123" s="26"/>
      <c r="GFH123" s="26"/>
      <c r="GFI123" s="26"/>
      <c r="GFJ123" s="26"/>
      <c r="GFK123" s="26"/>
      <c r="GFL123" s="26"/>
      <c r="GFM123" s="26"/>
      <c r="GFN123" s="26"/>
      <c r="GFO123" s="26"/>
      <c r="GFP123" s="26"/>
      <c r="GFQ123" s="26"/>
      <c r="GFR123" s="26"/>
      <c r="GFS123" s="26"/>
      <c r="GFT123" s="26"/>
      <c r="GFU123" s="26"/>
      <c r="GFV123" s="26"/>
      <c r="GFW123" s="26"/>
      <c r="GFX123" s="26"/>
      <c r="GFY123" s="26"/>
      <c r="GFZ123" s="26"/>
      <c r="GGA123" s="26"/>
      <c r="GGB123" s="26"/>
      <c r="GGC123" s="26"/>
      <c r="GGD123" s="26"/>
      <c r="GGE123" s="26"/>
      <c r="GGF123" s="26"/>
      <c r="GGG123" s="26"/>
      <c r="GGH123" s="26"/>
      <c r="GGI123" s="26"/>
      <c r="GGJ123" s="26"/>
      <c r="GGK123" s="26"/>
      <c r="GGL123" s="26"/>
      <c r="GGM123" s="26"/>
      <c r="GGN123" s="26"/>
      <c r="GGO123" s="26"/>
      <c r="GGP123" s="26"/>
      <c r="GGQ123" s="26"/>
      <c r="GGR123" s="26"/>
      <c r="GGS123" s="26"/>
      <c r="GGT123" s="26"/>
      <c r="GGU123" s="26"/>
      <c r="GGV123" s="26"/>
      <c r="GGW123" s="26"/>
      <c r="GGX123" s="26"/>
      <c r="GGY123" s="26"/>
      <c r="GGZ123" s="26"/>
      <c r="GHA123" s="26"/>
      <c r="GHB123" s="26"/>
      <c r="GHC123" s="26"/>
      <c r="GHD123" s="26"/>
      <c r="GHE123" s="26"/>
      <c r="GHF123" s="26"/>
      <c r="GHG123" s="26"/>
      <c r="GHH123" s="26"/>
      <c r="GHI123" s="26"/>
      <c r="GHJ123" s="26"/>
      <c r="GHK123" s="26"/>
      <c r="GHL123" s="26"/>
      <c r="GHM123" s="26"/>
      <c r="GHN123" s="26"/>
      <c r="GHO123" s="26"/>
      <c r="GHP123" s="26"/>
      <c r="GHQ123" s="26"/>
      <c r="GHR123" s="26"/>
      <c r="GHS123" s="26"/>
      <c r="GHT123" s="26"/>
      <c r="GHU123" s="26"/>
      <c r="GHV123" s="26"/>
      <c r="GHW123" s="26"/>
      <c r="GHX123" s="26"/>
      <c r="GHY123" s="26"/>
      <c r="GHZ123" s="26"/>
      <c r="GIA123" s="26"/>
      <c r="GIB123" s="26"/>
      <c r="GIC123" s="26"/>
      <c r="GID123" s="26"/>
      <c r="GIE123" s="26"/>
      <c r="GIF123" s="26"/>
      <c r="GIG123" s="26"/>
      <c r="GIH123" s="26"/>
      <c r="GII123" s="26"/>
      <c r="GIJ123" s="26"/>
      <c r="GIK123" s="26"/>
      <c r="GIL123" s="26"/>
      <c r="GIM123" s="26"/>
      <c r="GIN123" s="26"/>
      <c r="GIO123" s="26"/>
      <c r="GIP123" s="26"/>
      <c r="GIQ123" s="26"/>
      <c r="GIR123" s="26"/>
      <c r="GIS123" s="26"/>
      <c r="GIT123" s="26"/>
      <c r="GIU123" s="26"/>
      <c r="GIV123" s="26"/>
      <c r="GIW123" s="26"/>
      <c r="GIX123" s="26"/>
      <c r="GIY123" s="26"/>
      <c r="GIZ123" s="26"/>
      <c r="GJA123" s="26"/>
      <c r="GJB123" s="26"/>
      <c r="GJC123" s="26"/>
      <c r="GJD123" s="26"/>
      <c r="GJE123" s="26"/>
      <c r="GJF123" s="26"/>
      <c r="GJG123" s="26"/>
      <c r="GJH123" s="26"/>
      <c r="GJI123" s="26"/>
      <c r="GJJ123" s="26"/>
      <c r="GJK123" s="26"/>
      <c r="GJL123" s="26"/>
      <c r="GJM123" s="26"/>
      <c r="GJN123" s="26"/>
      <c r="GJO123" s="26"/>
      <c r="GJP123" s="26"/>
      <c r="GJQ123" s="26"/>
      <c r="GJR123" s="26"/>
      <c r="GJS123" s="26"/>
      <c r="GJT123" s="26"/>
      <c r="GJU123" s="26"/>
      <c r="GJV123" s="26"/>
      <c r="GJW123" s="26"/>
      <c r="GJX123" s="26"/>
      <c r="GJY123" s="26"/>
      <c r="GJZ123" s="26"/>
      <c r="GKA123" s="26"/>
      <c r="GKB123" s="26"/>
      <c r="GKC123" s="26"/>
      <c r="GKD123" s="26"/>
      <c r="GKE123" s="26"/>
      <c r="GKF123" s="26"/>
      <c r="GKG123" s="26"/>
      <c r="GKH123" s="26"/>
      <c r="GKI123" s="26"/>
      <c r="GKJ123" s="26"/>
      <c r="GKK123" s="26"/>
      <c r="GKL123" s="26"/>
      <c r="GKM123" s="26"/>
      <c r="GKN123" s="26"/>
      <c r="GKO123" s="26"/>
      <c r="GKP123" s="26"/>
      <c r="GKQ123" s="26"/>
      <c r="GKR123" s="26"/>
      <c r="GKS123" s="26"/>
      <c r="GKT123" s="26"/>
      <c r="GKU123" s="26"/>
      <c r="GKV123" s="26"/>
      <c r="GKW123" s="26"/>
      <c r="GKX123" s="26"/>
      <c r="GKY123" s="26"/>
      <c r="GKZ123" s="26"/>
      <c r="GLA123" s="26"/>
      <c r="GLB123" s="26"/>
      <c r="GLC123" s="26"/>
      <c r="GLD123" s="26"/>
      <c r="GLE123" s="26"/>
      <c r="GLF123" s="26"/>
      <c r="GLG123" s="26"/>
      <c r="GLH123" s="26"/>
      <c r="GLI123" s="26"/>
      <c r="GLJ123" s="26"/>
      <c r="GLK123" s="26"/>
      <c r="GLL123" s="26"/>
      <c r="GLM123" s="26"/>
      <c r="GLN123" s="26"/>
      <c r="GLO123" s="26"/>
      <c r="GLP123" s="26"/>
      <c r="GLQ123" s="26"/>
      <c r="GLR123" s="26"/>
      <c r="GLS123" s="26"/>
      <c r="GLT123" s="26"/>
      <c r="GLU123" s="26"/>
      <c r="GLV123" s="26"/>
      <c r="GLW123" s="26"/>
      <c r="GLX123" s="26"/>
      <c r="GLY123" s="26"/>
      <c r="GLZ123" s="26"/>
      <c r="GMA123" s="26"/>
      <c r="GMB123" s="26"/>
      <c r="GMC123" s="26"/>
      <c r="GMD123" s="26"/>
      <c r="GME123" s="26"/>
      <c r="GMF123" s="26"/>
      <c r="GMG123" s="26"/>
      <c r="GMH123" s="26"/>
      <c r="GMI123" s="26"/>
      <c r="GMJ123" s="26"/>
      <c r="GMK123" s="26"/>
      <c r="GML123" s="26"/>
      <c r="GMM123" s="26"/>
      <c r="GMN123" s="26"/>
      <c r="GMO123" s="26"/>
      <c r="GMP123" s="26"/>
      <c r="GMQ123" s="26"/>
      <c r="GMR123" s="26"/>
      <c r="GMS123" s="26"/>
      <c r="GMT123" s="26"/>
      <c r="GMU123" s="26"/>
      <c r="GMV123" s="26"/>
      <c r="GMW123" s="26"/>
      <c r="GMX123" s="26"/>
      <c r="GMY123" s="26"/>
      <c r="GMZ123" s="26"/>
      <c r="GNA123" s="26"/>
      <c r="GNB123" s="26"/>
      <c r="GNC123" s="26"/>
      <c r="GND123" s="26"/>
      <c r="GNE123" s="26"/>
      <c r="GNF123" s="26"/>
      <c r="GNG123" s="26"/>
      <c r="GNH123" s="26"/>
      <c r="GNI123" s="26"/>
      <c r="GNJ123" s="26"/>
      <c r="GNK123" s="26"/>
      <c r="GNL123" s="26"/>
      <c r="GNM123" s="26"/>
      <c r="GNN123" s="26"/>
      <c r="GNO123" s="26"/>
      <c r="GNP123" s="26"/>
      <c r="GNQ123" s="26"/>
      <c r="GNR123" s="26"/>
      <c r="GNS123" s="26"/>
      <c r="GNT123" s="26"/>
      <c r="GNU123" s="26"/>
      <c r="GNV123" s="26"/>
      <c r="GNW123" s="26"/>
      <c r="GNX123" s="26"/>
      <c r="GNY123" s="26"/>
      <c r="GNZ123" s="26"/>
      <c r="GOA123" s="26"/>
      <c r="GOB123" s="26"/>
      <c r="GOC123" s="26"/>
      <c r="GOD123" s="26"/>
      <c r="GOE123" s="26"/>
      <c r="GOF123" s="26"/>
      <c r="GOG123" s="26"/>
      <c r="GOH123" s="26"/>
      <c r="GOI123" s="26"/>
      <c r="GOJ123" s="26"/>
      <c r="GOK123" s="26"/>
      <c r="GOL123" s="26"/>
      <c r="GOM123" s="26"/>
      <c r="GON123" s="26"/>
      <c r="GOO123" s="26"/>
      <c r="GOP123" s="26"/>
      <c r="GOQ123" s="26"/>
      <c r="GOR123" s="26"/>
      <c r="GOS123" s="26"/>
      <c r="GOT123" s="26"/>
      <c r="GOU123" s="26"/>
      <c r="GOV123" s="26"/>
      <c r="GOW123" s="26"/>
      <c r="GOX123" s="26"/>
      <c r="GOY123" s="26"/>
      <c r="GOZ123" s="26"/>
      <c r="GPA123" s="26"/>
      <c r="GPB123" s="26"/>
      <c r="GPC123" s="26"/>
      <c r="GPD123" s="26"/>
      <c r="GPE123" s="26"/>
      <c r="GPF123" s="26"/>
      <c r="GPG123" s="26"/>
      <c r="GPH123" s="26"/>
      <c r="GPI123" s="26"/>
      <c r="GPJ123" s="26"/>
      <c r="GPK123" s="26"/>
      <c r="GPL123" s="26"/>
      <c r="GPM123" s="26"/>
      <c r="GPN123" s="26"/>
      <c r="GPO123" s="26"/>
      <c r="GPP123" s="26"/>
      <c r="GPQ123" s="26"/>
      <c r="GPR123" s="26"/>
      <c r="GPS123" s="26"/>
      <c r="GPT123" s="26"/>
      <c r="GPU123" s="26"/>
      <c r="GPV123" s="26"/>
      <c r="GPW123" s="26"/>
      <c r="GPX123" s="26"/>
      <c r="GPY123" s="26"/>
      <c r="GPZ123" s="26"/>
      <c r="GQA123" s="26"/>
      <c r="GQB123" s="26"/>
      <c r="GQC123" s="26"/>
      <c r="GQD123" s="26"/>
      <c r="GQE123" s="26"/>
      <c r="GQF123" s="26"/>
      <c r="GQG123" s="26"/>
      <c r="GQH123" s="26"/>
      <c r="GQI123" s="26"/>
      <c r="GQJ123" s="26"/>
      <c r="GQK123" s="26"/>
      <c r="GQL123" s="26"/>
      <c r="GQM123" s="26"/>
      <c r="GQN123" s="26"/>
      <c r="GQO123" s="26"/>
      <c r="GQP123" s="26"/>
      <c r="GQQ123" s="26"/>
      <c r="GQR123" s="26"/>
      <c r="GQS123" s="26"/>
      <c r="GQT123" s="26"/>
      <c r="GQU123" s="26"/>
      <c r="GQV123" s="26"/>
      <c r="GQW123" s="26"/>
      <c r="GQX123" s="26"/>
      <c r="GQY123" s="26"/>
      <c r="GQZ123" s="26"/>
      <c r="GRA123" s="26"/>
      <c r="GRB123" s="26"/>
      <c r="GRC123" s="26"/>
      <c r="GRD123" s="26"/>
      <c r="GRE123" s="26"/>
      <c r="GRF123" s="26"/>
      <c r="GRG123" s="26"/>
      <c r="GRH123" s="26"/>
      <c r="GRI123" s="26"/>
      <c r="GRJ123" s="26"/>
      <c r="GRK123" s="26"/>
      <c r="GRL123" s="26"/>
      <c r="GRM123" s="26"/>
      <c r="GRN123" s="26"/>
      <c r="GRO123" s="26"/>
      <c r="GRP123" s="26"/>
      <c r="GRQ123" s="26"/>
      <c r="GRR123" s="26"/>
      <c r="GRS123" s="26"/>
      <c r="GRT123" s="26"/>
      <c r="GRU123" s="26"/>
      <c r="GRV123" s="26"/>
      <c r="GRW123" s="26"/>
      <c r="GRX123" s="26"/>
      <c r="GRY123" s="26"/>
      <c r="GRZ123" s="26"/>
      <c r="GSA123" s="26"/>
      <c r="GSB123" s="26"/>
      <c r="GSC123" s="26"/>
      <c r="GSD123" s="26"/>
      <c r="GSE123" s="26"/>
      <c r="GSF123" s="26"/>
      <c r="GSG123" s="26"/>
      <c r="GSH123" s="26"/>
      <c r="GSI123" s="26"/>
      <c r="GSJ123" s="26"/>
      <c r="GSK123" s="26"/>
      <c r="GSL123" s="26"/>
      <c r="GSM123" s="26"/>
      <c r="GSN123" s="26"/>
      <c r="GSO123" s="26"/>
      <c r="GSP123" s="26"/>
      <c r="GSQ123" s="26"/>
      <c r="GSR123" s="26"/>
      <c r="GSS123" s="26"/>
      <c r="GST123" s="26"/>
      <c r="GSU123" s="26"/>
      <c r="GSV123" s="26"/>
      <c r="GSW123" s="26"/>
      <c r="GSX123" s="26"/>
      <c r="GSY123" s="26"/>
      <c r="GSZ123" s="26"/>
      <c r="GTA123" s="26"/>
      <c r="GTB123" s="26"/>
      <c r="GTC123" s="26"/>
      <c r="GTD123" s="26"/>
      <c r="GTE123" s="26"/>
      <c r="GTF123" s="26"/>
      <c r="GTG123" s="26"/>
      <c r="GTH123" s="26"/>
      <c r="GTI123" s="26"/>
      <c r="GTJ123" s="26"/>
      <c r="GTK123" s="26"/>
      <c r="GTL123" s="26"/>
      <c r="GTM123" s="26"/>
      <c r="GTN123" s="26"/>
      <c r="GTO123" s="26"/>
      <c r="GTP123" s="26"/>
      <c r="GTQ123" s="26"/>
      <c r="GTR123" s="26"/>
      <c r="GTS123" s="26"/>
      <c r="GTT123" s="26"/>
      <c r="GTU123" s="26"/>
      <c r="GTV123" s="26"/>
      <c r="GTW123" s="26"/>
      <c r="GTX123" s="26"/>
      <c r="GTY123" s="26"/>
      <c r="GTZ123" s="26"/>
      <c r="GUA123" s="26"/>
      <c r="GUB123" s="26"/>
      <c r="GUC123" s="26"/>
      <c r="GUD123" s="26"/>
      <c r="GUE123" s="26"/>
      <c r="GUF123" s="26"/>
      <c r="GUG123" s="26"/>
      <c r="GUH123" s="26"/>
      <c r="GUI123" s="26"/>
      <c r="GUJ123" s="26"/>
      <c r="GUK123" s="26"/>
      <c r="GUL123" s="26"/>
      <c r="GUM123" s="26"/>
      <c r="GUN123" s="26"/>
      <c r="GUO123" s="26"/>
      <c r="GUP123" s="26"/>
      <c r="GUQ123" s="26"/>
      <c r="GUR123" s="26"/>
      <c r="GUS123" s="26"/>
      <c r="GUT123" s="26"/>
      <c r="GUU123" s="26"/>
      <c r="GUV123" s="26"/>
      <c r="GUW123" s="26"/>
      <c r="GUX123" s="26"/>
      <c r="GUY123" s="26"/>
      <c r="GUZ123" s="26"/>
      <c r="GVA123" s="26"/>
      <c r="GVB123" s="26"/>
      <c r="GVC123" s="26"/>
      <c r="GVD123" s="26"/>
      <c r="GVE123" s="26"/>
      <c r="GVF123" s="26"/>
      <c r="GVG123" s="26"/>
      <c r="GVH123" s="26"/>
      <c r="GVI123" s="26"/>
      <c r="GVJ123" s="26"/>
      <c r="GVK123" s="26"/>
      <c r="GVL123" s="26"/>
      <c r="GVM123" s="26"/>
      <c r="GVN123" s="26"/>
      <c r="GVO123" s="26"/>
      <c r="GVP123" s="26"/>
      <c r="GVQ123" s="26"/>
      <c r="GVR123" s="26"/>
      <c r="GVS123" s="26"/>
      <c r="GVT123" s="26"/>
      <c r="GVU123" s="26"/>
      <c r="GVV123" s="26"/>
      <c r="GVW123" s="26"/>
      <c r="GVX123" s="26"/>
      <c r="GVY123" s="26"/>
      <c r="GVZ123" s="26"/>
      <c r="GWA123" s="26"/>
      <c r="GWB123" s="26"/>
      <c r="GWC123" s="26"/>
      <c r="GWD123" s="26"/>
      <c r="GWE123" s="26"/>
      <c r="GWF123" s="26"/>
      <c r="GWG123" s="26"/>
      <c r="GWH123" s="26"/>
      <c r="GWI123" s="26"/>
      <c r="GWJ123" s="26"/>
      <c r="GWK123" s="26"/>
      <c r="GWL123" s="26"/>
      <c r="GWM123" s="26"/>
      <c r="GWN123" s="26"/>
      <c r="GWO123" s="26"/>
      <c r="GWP123" s="26"/>
      <c r="GWQ123" s="26"/>
      <c r="GWR123" s="26"/>
      <c r="GWS123" s="26"/>
      <c r="GWT123" s="26"/>
      <c r="GWU123" s="26"/>
      <c r="GWV123" s="26"/>
      <c r="GWW123" s="26"/>
      <c r="GWX123" s="26"/>
      <c r="GWY123" s="26"/>
      <c r="GWZ123" s="26"/>
      <c r="GXA123" s="26"/>
      <c r="GXB123" s="26"/>
      <c r="GXC123" s="26"/>
      <c r="GXD123" s="26"/>
      <c r="GXE123" s="26"/>
      <c r="GXF123" s="26"/>
      <c r="GXG123" s="26"/>
      <c r="GXH123" s="26"/>
      <c r="GXI123" s="26"/>
      <c r="GXJ123" s="26"/>
      <c r="GXK123" s="26"/>
      <c r="GXL123" s="26"/>
      <c r="GXM123" s="26"/>
      <c r="GXN123" s="26"/>
      <c r="GXO123" s="26"/>
      <c r="GXP123" s="26"/>
      <c r="GXQ123" s="26"/>
      <c r="GXR123" s="26"/>
      <c r="GXS123" s="26"/>
      <c r="GXT123" s="26"/>
      <c r="GXU123" s="26"/>
      <c r="GXV123" s="26"/>
      <c r="GXW123" s="26"/>
      <c r="GXX123" s="26"/>
      <c r="GXY123" s="26"/>
      <c r="GXZ123" s="26"/>
      <c r="GYA123" s="26"/>
      <c r="GYB123" s="26"/>
      <c r="GYC123" s="26"/>
      <c r="GYD123" s="26"/>
      <c r="GYE123" s="26"/>
      <c r="GYF123" s="26"/>
      <c r="GYG123" s="26"/>
      <c r="GYH123" s="26"/>
      <c r="GYI123" s="26"/>
      <c r="GYJ123" s="26"/>
      <c r="GYK123" s="26"/>
      <c r="GYL123" s="26"/>
      <c r="GYM123" s="26"/>
      <c r="GYN123" s="26"/>
      <c r="GYO123" s="26"/>
      <c r="GYP123" s="26"/>
      <c r="GYQ123" s="26"/>
      <c r="GYR123" s="26"/>
      <c r="GYS123" s="26"/>
      <c r="GYT123" s="26"/>
      <c r="GYU123" s="26"/>
      <c r="GYV123" s="26"/>
      <c r="GYW123" s="26"/>
      <c r="GYX123" s="26"/>
      <c r="GYY123" s="26"/>
      <c r="GYZ123" s="26"/>
      <c r="GZA123" s="26"/>
      <c r="GZB123" s="26"/>
      <c r="GZC123" s="26"/>
      <c r="GZD123" s="26"/>
      <c r="GZE123" s="26"/>
      <c r="GZF123" s="26"/>
      <c r="GZG123" s="26"/>
      <c r="GZH123" s="26"/>
      <c r="GZI123" s="26"/>
      <c r="GZJ123" s="26"/>
      <c r="GZK123" s="26"/>
      <c r="GZL123" s="26"/>
      <c r="GZM123" s="26"/>
      <c r="GZN123" s="26"/>
      <c r="GZO123" s="26"/>
      <c r="GZP123" s="26"/>
      <c r="GZQ123" s="26"/>
      <c r="GZR123" s="26"/>
      <c r="GZS123" s="26"/>
      <c r="GZT123" s="26"/>
      <c r="GZU123" s="26"/>
      <c r="GZV123" s="26"/>
      <c r="GZW123" s="26"/>
      <c r="GZX123" s="26"/>
      <c r="GZY123" s="26"/>
      <c r="GZZ123" s="26"/>
      <c r="HAA123" s="26"/>
      <c r="HAB123" s="26"/>
      <c r="HAC123" s="26"/>
      <c r="HAD123" s="26"/>
      <c r="HAE123" s="26"/>
      <c r="HAF123" s="26"/>
      <c r="HAG123" s="26"/>
      <c r="HAH123" s="26"/>
      <c r="HAI123" s="26"/>
      <c r="HAJ123" s="26"/>
      <c r="HAK123" s="26"/>
      <c r="HAL123" s="26"/>
      <c r="HAM123" s="26"/>
      <c r="HAN123" s="26"/>
      <c r="HAO123" s="26"/>
      <c r="HAP123" s="26"/>
      <c r="HAQ123" s="26"/>
      <c r="HAR123" s="26"/>
      <c r="HAS123" s="26"/>
      <c r="HAT123" s="26"/>
      <c r="HAU123" s="26"/>
      <c r="HAV123" s="26"/>
      <c r="HAW123" s="26"/>
      <c r="HAX123" s="26"/>
      <c r="HAY123" s="26"/>
      <c r="HAZ123" s="26"/>
      <c r="HBA123" s="26"/>
      <c r="HBB123" s="26"/>
      <c r="HBC123" s="26"/>
      <c r="HBD123" s="26"/>
      <c r="HBE123" s="26"/>
      <c r="HBF123" s="26"/>
      <c r="HBG123" s="26"/>
      <c r="HBH123" s="26"/>
      <c r="HBI123" s="26"/>
      <c r="HBJ123" s="26"/>
      <c r="HBK123" s="26"/>
      <c r="HBL123" s="26"/>
      <c r="HBM123" s="26"/>
      <c r="HBN123" s="26"/>
      <c r="HBO123" s="26"/>
      <c r="HBP123" s="26"/>
      <c r="HBQ123" s="26"/>
      <c r="HBR123" s="26"/>
      <c r="HBS123" s="26"/>
      <c r="HBT123" s="26"/>
      <c r="HBU123" s="26"/>
      <c r="HBV123" s="26"/>
      <c r="HBW123" s="26"/>
      <c r="HBX123" s="26"/>
      <c r="HBY123" s="26"/>
      <c r="HBZ123" s="26"/>
      <c r="HCA123" s="26"/>
      <c r="HCB123" s="26"/>
      <c r="HCC123" s="26"/>
      <c r="HCD123" s="26"/>
      <c r="HCE123" s="26"/>
      <c r="HCF123" s="26"/>
      <c r="HCG123" s="26"/>
      <c r="HCH123" s="26"/>
      <c r="HCI123" s="26"/>
      <c r="HCJ123" s="26"/>
      <c r="HCK123" s="26"/>
      <c r="HCL123" s="26"/>
      <c r="HCM123" s="26"/>
      <c r="HCN123" s="26"/>
      <c r="HCO123" s="26"/>
      <c r="HCP123" s="26"/>
      <c r="HCQ123" s="26"/>
      <c r="HCR123" s="26"/>
      <c r="HCS123" s="26"/>
      <c r="HCT123" s="26"/>
      <c r="HCU123" s="26"/>
      <c r="HCV123" s="26"/>
      <c r="HCW123" s="26"/>
      <c r="HCX123" s="26"/>
      <c r="HCY123" s="26"/>
      <c r="HCZ123" s="26"/>
      <c r="HDA123" s="26"/>
      <c r="HDB123" s="26"/>
      <c r="HDC123" s="26"/>
      <c r="HDD123" s="26"/>
      <c r="HDE123" s="26"/>
      <c r="HDF123" s="26"/>
      <c r="HDG123" s="26"/>
      <c r="HDH123" s="26"/>
      <c r="HDI123" s="26"/>
      <c r="HDJ123" s="26"/>
      <c r="HDK123" s="26"/>
      <c r="HDL123" s="26"/>
      <c r="HDM123" s="26"/>
      <c r="HDN123" s="26"/>
      <c r="HDO123" s="26"/>
      <c r="HDP123" s="26"/>
      <c r="HDQ123" s="26"/>
      <c r="HDR123" s="26"/>
      <c r="HDS123" s="26"/>
      <c r="HDT123" s="26"/>
      <c r="HDU123" s="26"/>
      <c r="HDV123" s="26"/>
      <c r="HDW123" s="26"/>
      <c r="HDX123" s="26"/>
      <c r="HDY123" s="26"/>
      <c r="HDZ123" s="26"/>
      <c r="HEA123" s="26"/>
      <c r="HEB123" s="26"/>
      <c r="HEC123" s="26"/>
      <c r="HED123" s="26"/>
      <c r="HEE123" s="26"/>
      <c r="HEF123" s="26"/>
      <c r="HEG123" s="26"/>
      <c r="HEH123" s="26"/>
      <c r="HEI123" s="26"/>
      <c r="HEJ123" s="26"/>
      <c r="HEK123" s="26"/>
      <c r="HEL123" s="26"/>
      <c r="HEM123" s="26"/>
      <c r="HEN123" s="26"/>
      <c r="HEO123" s="26"/>
      <c r="HEP123" s="26"/>
      <c r="HEQ123" s="26"/>
      <c r="HER123" s="26"/>
      <c r="HES123" s="26"/>
      <c r="HET123" s="26"/>
      <c r="HEU123" s="26"/>
      <c r="HEV123" s="26"/>
      <c r="HEW123" s="26"/>
      <c r="HEX123" s="26"/>
      <c r="HEY123" s="26"/>
      <c r="HEZ123" s="26"/>
      <c r="HFA123" s="26"/>
      <c r="HFB123" s="26"/>
      <c r="HFC123" s="26"/>
      <c r="HFD123" s="26"/>
      <c r="HFE123" s="26"/>
      <c r="HFF123" s="26"/>
      <c r="HFG123" s="26"/>
      <c r="HFH123" s="26"/>
      <c r="HFI123" s="26"/>
      <c r="HFJ123" s="26"/>
      <c r="HFK123" s="26"/>
      <c r="HFL123" s="26"/>
      <c r="HFM123" s="26"/>
      <c r="HFN123" s="26"/>
      <c r="HFO123" s="26"/>
      <c r="HFP123" s="26"/>
      <c r="HFQ123" s="26"/>
      <c r="HFR123" s="26"/>
      <c r="HFS123" s="26"/>
      <c r="HFT123" s="26"/>
      <c r="HFU123" s="26"/>
      <c r="HFV123" s="26"/>
      <c r="HFW123" s="26"/>
      <c r="HFX123" s="26"/>
      <c r="HFY123" s="26"/>
      <c r="HFZ123" s="26"/>
      <c r="HGA123" s="26"/>
      <c r="HGB123" s="26"/>
      <c r="HGC123" s="26"/>
      <c r="HGD123" s="26"/>
      <c r="HGE123" s="26"/>
      <c r="HGF123" s="26"/>
      <c r="HGG123" s="26"/>
      <c r="HGH123" s="26"/>
      <c r="HGI123" s="26"/>
      <c r="HGJ123" s="26"/>
      <c r="HGK123" s="26"/>
      <c r="HGL123" s="26"/>
      <c r="HGM123" s="26"/>
      <c r="HGN123" s="26"/>
      <c r="HGO123" s="26"/>
      <c r="HGP123" s="26"/>
      <c r="HGQ123" s="26"/>
      <c r="HGR123" s="26"/>
      <c r="HGS123" s="26"/>
      <c r="HGT123" s="26"/>
      <c r="HGU123" s="26"/>
      <c r="HGV123" s="26"/>
      <c r="HGW123" s="26"/>
      <c r="HGX123" s="26"/>
      <c r="HGY123" s="26"/>
      <c r="HGZ123" s="26"/>
      <c r="HHA123" s="26"/>
      <c r="HHB123" s="26"/>
      <c r="HHC123" s="26"/>
      <c r="HHD123" s="26"/>
      <c r="HHE123" s="26"/>
      <c r="HHF123" s="26"/>
      <c r="HHG123" s="26"/>
      <c r="HHH123" s="26"/>
      <c r="HHI123" s="26"/>
      <c r="HHJ123" s="26"/>
      <c r="HHK123" s="26"/>
      <c r="HHL123" s="26"/>
      <c r="HHM123" s="26"/>
      <c r="HHN123" s="26"/>
      <c r="HHO123" s="26"/>
      <c r="HHP123" s="26"/>
      <c r="HHQ123" s="26"/>
      <c r="HHR123" s="26"/>
      <c r="HHS123" s="26"/>
      <c r="HHT123" s="26"/>
      <c r="HHU123" s="26"/>
      <c r="HHV123" s="26"/>
      <c r="HHW123" s="26"/>
      <c r="HHX123" s="26"/>
      <c r="HHY123" s="26"/>
      <c r="HHZ123" s="26"/>
      <c r="HIA123" s="26"/>
      <c r="HIB123" s="26"/>
      <c r="HIC123" s="26"/>
      <c r="HID123" s="26"/>
      <c r="HIE123" s="26"/>
      <c r="HIF123" s="26"/>
      <c r="HIG123" s="26"/>
      <c r="HIH123" s="26"/>
      <c r="HII123" s="26"/>
      <c r="HIJ123" s="26"/>
      <c r="HIK123" s="26"/>
      <c r="HIL123" s="26"/>
      <c r="HIM123" s="26"/>
      <c r="HIN123" s="26"/>
      <c r="HIO123" s="26"/>
      <c r="HIP123" s="26"/>
      <c r="HIQ123" s="26"/>
      <c r="HIR123" s="26"/>
      <c r="HIS123" s="26"/>
      <c r="HIT123" s="26"/>
      <c r="HIU123" s="26"/>
      <c r="HIV123" s="26"/>
      <c r="HIW123" s="26"/>
      <c r="HIX123" s="26"/>
      <c r="HIY123" s="26"/>
      <c r="HIZ123" s="26"/>
      <c r="HJA123" s="26"/>
      <c r="HJB123" s="26"/>
      <c r="HJC123" s="26"/>
      <c r="HJD123" s="26"/>
      <c r="HJE123" s="26"/>
      <c r="HJF123" s="26"/>
      <c r="HJG123" s="26"/>
      <c r="HJH123" s="26"/>
      <c r="HJI123" s="26"/>
      <c r="HJJ123" s="26"/>
      <c r="HJK123" s="26"/>
      <c r="HJL123" s="26"/>
      <c r="HJM123" s="26"/>
      <c r="HJN123" s="26"/>
      <c r="HJO123" s="26"/>
      <c r="HJP123" s="26"/>
      <c r="HJQ123" s="26"/>
      <c r="HJR123" s="26"/>
      <c r="HJS123" s="26"/>
      <c r="HJT123" s="26"/>
      <c r="HJU123" s="26"/>
      <c r="HJV123" s="26"/>
      <c r="HJW123" s="26"/>
      <c r="HJX123" s="26"/>
      <c r="HJY123" s="26"/>
      <c r="HJZ123" s="26"/>
      <c r="HKA123" s="26"/>
      <c r="HKB123" s="26"/>
      <c r="HKC123" s="26"/>
      <c r="HKD123" s="26"/>
      <c r="HKE123" s="26"/>
      <c r="HKF123" s="26"/>
      <c r="HKG123" s="26"/>
      <c r="HKH123" s="26"/>
      <c r="HKI123" s="26"/>
      <c r="HKJ123" s="26"/>
      <c r="HKK123" s="26"/>
      <c r="HKL123" s="26"/>
      <c r="HKM123" s="26"/>
      <c r="HKN123" s="26"/>
      <c r="HKO123" s="26"/>
      <c r="HKP123" s="26"/>
      <c r="HKQ123" s="26"/>
      <c r="HKR123" s="26"/>
      <c r="HKS123" s="26"/>
      <c r="HKT123" s="26"/>
      <c r="HKU123" s="26"/>
      <c r="HKV123" s="26"/>
      <c r="HKW123" s="26"/>
      <c r="HKX123" s="26"/>
      <c r="HKY123" s="26"/>
      <c r="HKZ123" s="26"/>
      <c r="HLA123" s="26"/>
      <c r="HLB123" s="26"/>
      <c r="HLC123" s="26"/>
      <c r="HLD123" s="26"/>
      <c r="HLE123" s="26"/>
      <c r="HLF123" s="26"/>
      <c r="HLG123" s="26"/>
      <c r="HLH123" s="26"/>
      <c r="HLI123" s="26"/>
      <c r="HLJ123" s="26"/>
      <c r="HLK123" s="26"/>
      <c r="HLL123" s="26"/>
      <c r="HLM123" s="26"/>
      <c r="HLN123" s="26"/>
      <c r="HLO123" s="26"/>
      <c r="HLP123" s="26"/>
      <c r="HLQ123" s="26"/>
      <c r="HLR123" s="26"/>
      <c r="HLS123" s="26"/>
      <c r="HLT123" s="26"/>
      <c r="HLU123" s="26"/>
      <c r="HLV123" s="26"/>
      <c r="HLW123" s="26"/>
      <c r="HLX123" s="26"/>
      <c r="HLY123" s="26"/>
      <c r="HLZ123" s="26"/>
      <c r="HMA123" s="26"/>
      <c r="HMB123" s="26"/>
      <c r="HMC123" s="26"/>
      <c r="HMD123" s="26"/>
      <c r="HME123" s="26"/>
      <c r="HMF123" s="26"/>
      <c r="HMG123" s="26"/>
      <c r="HMH123" s="26"/>
      <c r="HMI123" s="26"/>
      <c r="HMJ123" s="26"/>
      <c r="HMK123" s="26"/>
      <c r="HML123" s="26"/>
      <c r="HMM123" s="26"/>
      <c r="HMN123" s="26"/>
      <c r="HMO123" s="26"/>
      <c r="HMP123" s="26"/>
      <c r="HMQ123" s="26"/>
      <c r="HMR123" s="26"/>
      <c r="HMS123" s="26"/>
      <c r="HMT123" s="26"/>
      <c r="HMU123" s="26"/>
      <c r="HMV123" s="26"/>
      <c r="HMW123" s="26"/>
      <c r="HMX123" s="26"/>
      <c r="HMY123" s="26"/>
      <c r="HMZ123" s="26"/>
      <c r="HNA123" s="26"/>
      <c r="HNB123" s="26"/>
      <c r="HNC123" s="26"/>
      <c r="HND123" s="26"/>
      <c r="HNE123" s="26"/>
      <c r="HNF123" s="26"/>
      <c r="HNG123" s="26"/>
      <c r="HNH123" s="26"/>
      <c r="HNI123" s="26"/>
      <c r="HNJ123" s="26"/>
      <c r="HNK123" s="26"/>
      <c r="HNL123" s="26"/>
      <c r="HNM123" s="26"/>
      <c r="HNN123" s="26"/>
      <c r="HNO123" s="26"/>
      <c r="HNP123" s="26"/>
      <c r="HNQ123" s="26"/>
      <c r="HNR123" s="26"/>
      <c r="HNS123" s="26"/>
      <c r="HNT123" s="26"/>
      <c r="HNU123" s="26"/>
      <c r="HNV123" s="26"/>
      <c r="HNW123" s="26"/>
      <c r="HNX123" s="26"/>
      <c r="HNY123" s="26"/>
      <c r="HNZ123" s="26"/>
      <c r="HOA123" s="26"/>
      <c r="HOB123" s="26"/>
      <c r="HOC123" s="26"/>
      <c r="HOD123" s="26"/>
      <c r="HOE123" s="26"/>
      <c r="HOF123" s="26"/>
      <c r="HOG123" s="26"/>
      <c r="HOH123" s="26"/>
      <c r="HOI123" s="26"/>
      <c r="HOJ123" s="26"/>
      <c r="HOK123" s="26"/>
      <c r="HOL123" s="26"/>
      <c r="HOM123" s="26"/>
      <c r="HON123" s="26"/>
      <c r="HOO123" s="26"/>
      <c r="HOP123" s="26"/>
      <c r="HOQ123" s="26"/>
      <c r="HOR123" s="26"/>
      <c r="HOS123" s="26"/>
      <c r="HOT123" s="26"/>
      <c r="HOU123" s="26"/>
      <c r="HOV123" s="26"/>
      <c r="HOW123" s="26"/>
      <c r="HOX123" s="26"/>
      <c r="HOY123" s="26"/>
      <c r="HOZ123" s="26"/>
      <c r="HPA123" s="26"/>
      <c r="HPB123" s="26"/>
      <c r="HPC123" s="26"/>
      <c r="HPD123" s="26"/>
      <c r="HPE123" s="26"/>
      <c r="HPF123" s="26"/>
      <c r="HPG123" s="26"/>
      <c r="HPH123" s="26"/>
      <c r="HPI123" s="26"/>
      <c r="HPJ123" s="26"/>
      <c r="HPK123" s="26"/>
      <c r="HPL123" s="26"/>
      <c r="HPM123" s="26"/>
      <c r="HPN123" s="26"/>
      <c r="HPO123" s="26"/>
      <c r="HPP123" s="26"/>
      <c r="HPQ123" s="26"/>
      <c r="HPR123" s="26"/>
      <c r="HPS123" s="26"/>
      <c r="HPT123" s="26"/>
      <c r="HPU123" s="26"/>
      <c r="HPV123" s="26"/>
      <c r="HPW123" s="26"/>
      <c r="HPX123" s="26"/>
      <c r="HPY123" s="26"/>
      <c r="HPZ123" s="26"/>
      <c r="HQA123" s="26"/>
      <c r="HQB123" s="26"/>
      <c r="HQC123" s="26"/>
      <c r="HQD123" s="26"/>
      <c r="HQE123" s="26"/>
      <c r="HQF123" s="26"/>
      <c r="HQG123" s="26"/>
      <c r="HQH123" s="26"/>
      <c r="HQI123" s="26"/>
      <c r="HQJ123" s="26"/>
      <c r="HQK123" s="26"/>
      <c r="HQL123" s="26"/>
      <c r="HQM123" s="26"/>
      <c r="HQN123" s="26"/>
      <c r="HQO123" s="26"/>
      <c r="HQP123" s="26"/>
      <c r="HQQ123" s="26"/>
      <c r="HQR123" s="26"/>
      <c r="HQS123" s="26"/>
      <c r="HQT123" s="26"/>
      <c r="HQU123" s="26"/>
      <c r="HQV123" s="26"/>
      <c r="HQW123" s="26"/>
      <c r="HQX123" s="26"/>
      <c r="HQY123" s="26"/>
      <c r="HQZ123" s="26"/>
      <c r="HRA123" s="26"/>
      <c r="HRB123" s="26"/>
      <c r="HRC123" s="26"/>
      <c r="HRD123" s="26"/>
      <c r="HRE123" s="26"/>
      <c r="HRF123" s="26"/>
      <c r="HRG123" s="26"/>
      <c r="HRH123" s="26"/>
      <c r="HRI123" s="26"/>
      <c r="HRJ123" s="26"/>
      <c r="HRK123" s="26"/>
      <c r="HRL123" s="26"/>
      <c r="HRM123" s="26"/>
      <c r="HRN123" s="26"/>
      <c r="HRO123" s="26"/>
      <c r="HRP123" s="26"/>
      <c r="HRQ123" s="26"/>
      <c r="HRR123" s="26"/>
      <c r="HRS123" s="26"/>
      <c r="HRT123" s="26"/>
      <c r="HRU123" s="26"/>
      <c r="HRV123" s="26"/>
      <c r="HRW123" s="26"/>
      <c r="HRX123" s="26"/>
      <c r="HRY123" s="26"/>
      <c r="HRZ123" s="26"/>
      <c r="HSA123" s="26"/>
      <c r="HSB123" s="26"/>
      <c r="HSC123" s="26"/>
      <c r="HSD123" s="26"/>
      <c r="HSE123" s="26"/>
      <c r="HSF123" s="26"/>
      <c r="HSG123" s="26"/>
      <c r="HSH123" s="26"/>
      <c r="HSI123" s="26"/>
      <c r="HSJ123" s="26"/>
      <c r="HSK123" s="26"/>
      <c r="HSL123" s="26"/>
      <c r="HSM123" s="26"/>
      <c r="HSN123" s="26"/>
      <c r="HSO123" s="26"/>
      <c r="HSP123" s="26"/>
      <c r="HSQ123" s="26"/>
      <c r="HSR123" s="26"/>
      <c r="HSS123" s="26"/>
      <c r="HST123" s="26"/>
      <c r="HSU123" s="26"/>
      <c r="HSV123" s="26"/>
      <c r="HSW123" s="26"/>
      <c r="HSX123" s="26"/>
      <c r="HSY123" s="26"/>
      <c r="HSZ123" s="26"/>
      <c r="HTA123" s="26"/>
      <c r="HTB123" s="26"/>
      <c r="HTC123" s="26"/>
      <c r="HTD123" s="26"/>
      <c r="HTE123" s="26"/>
      <c r="HTF123" s="26"/>
      <c r="HTG123" s="26"/>
      <c r="HTH123" s="26"/>
      <c r="HTI123" s="26"/>
      <c r="HTJ123" s="26"/>
      <c r="HTK123" s="26"/>
      <c r="HTL123" s="26"/>
      <c r="HTM123" s="26"/>
      <c r="HTN123" s="26"/>
      <c r="HTO123" s="26"/>
      <c r="HTP123" s="26"/>
      <c r="HTQ123" s="26"/>
      <c r="HTR123" s="26"/>
      <c r="HTS123" s="26"/>
      <c r="HTT123" s="26"/>
      <c r="HTU123" s="26"/>
      <c r="HTV123" s="26"/>
      <c r="HTW123" s="26"/>
      <c r="HTX123" s="26"/>
      <c r="HTY123" s="26"/>
      <c r="HTZ123" s="26"/>
      <c r="HUA123" s="26"/>
      <c r="HUB123" s="26"/>
      <c r="HUC123" s="26"/>
      <c r="HUD123" s="26"/>
      <c r="HUE123" s="26"/>
      <c r="HUF123" s="26"/>
      <c r="HUG123" s="26"/>
      <c r="HUH123" s="26"/>
      <c r="HUI123" s="26"/>
      <c r="HUJ123" s="26"/>
      <c r="HUK123" s="26"/>
      <c r="HUL123" s="26"/>
      <c r="HUM123" s="26"/>
      <c r="HUN123" s="26"/>
      <c r="HUO123" s="26"/>
      <c r="HUP123" s="26"/>
      <c r="HUQ123" s="26"/>
      <c r="HUR123" s="26"/>
      <c r="HUS123" s="26"/>
      <c r="HUT123" s="26"/>
      <c r="HUU123" s="26"/>
      <c r="HUV123" s="26"/>
      <c r="HUW123" s="26"/>
      <c r="HUX123" s="26"/>
      <c r="HUY123" s="26"/>
      <c r="HUZ123" s="26"/>
      <c r="HVA123" s="26"/>
      <c r="HVB123" s="26"/>
      <c r="HVC123" s="26"/>
      <c r="HVD123" s="26"/>
      <c r="HVE123" s="26"/>
      <c r="HVF123" s="26"/>
      <c r="HVG123" s="26"/>
      <c r="HVH123" s="26"/>
      <c r="HVI123" s="26"/>
      <c r="HVJ123" s="26"/>
      <c r="HVK123" s="26"/>
      <c r="HVL123" s="26"/>
      <c r="HVM123" s="26"/>
      <c r="HVN123" s="26"/>
      <c r="HVO123" s="26"/>
      <c r="HVP123" s="26"/>
      <c r="HVQ123" s="26"/>
      <c r="HVR123" s="26"/>
      <c r="HVS123" s="26"/>
      <c r="HVT123" s="26"/>
      <c r="HVU123" s="26"/>
      <c r="HVV123" s="26"/>
      <c r="HVW123" s="26"/>
      <c r="HVX123" s="26"/>
      <c r="HVY123" s="26"/>
      <c r="HVZ123" s="26"/>
      <c r="HWA123" s="26"/>
      <c r="HWB123" s="26"/>
      <c r="HWC123" s="26"/>
      <c r="HWD123" s="26"/>
      <c r="HWE123" s="26"/>
      <c r="HWF123" s="26"/>
      <c r="HWG123" s="26"/>
      <c r="HWH123" s="26"/>
      <c r="HWI123" s="26"/>
      <c r="HWJ123" s="26"/>
      <c r="HWK123" s="26"/>
      <c r="HWL123" s="26"/>
      <c r="HWM123" s="26"/>
      <c r="HWN123" s="26"/>
      <c r="HWO123" s="26"/>
      <c r="HWP123" s="26"/>
      <c r="HWQ123" s="26"/>
      <c r="HWR123" s="26"/>
      <c r="HWS123" s="26"/>
      <c r="HWT123" s="26"/>
      <c r="HWU123" s="26"/>
      <c r="HWV123" s="26"/>
      <c r="HWW123" s="26"/>
      <c r="HWX123" s="26"/>
      <c r="HWY123" s="26"/>
      <c r="HWZ123" s="26"/>
      <c r="HXA123" s="26"/>
      <c r="HXB123" s="26"/>
      <c r="HXC123" s="26"/>
      <c r="HXD123" s="26"/>
      <c r="HXE123" s="26"/>
      <c r="HXF123" s="26"/>
      <c r="HXG123" s="26"/>
      <c r="HXH123" s="26"/>
      <c r="HXI123" s="26"/>
      <c r="HXJ123" s="26"/>
      <c r="HXK123" s="26"/>
      <c r="HXL123" s="26"/>
      <c r="HXM123" s="26"/>
      <c r="HXN123" s="26"/>
      <c r="HXO123" s="26"/>
      <c r="HXP123" s="26"/>
      <c r="HXQ123" s="26"/>
      <c r="HXR123" s="26"/>
      <c r="HXS123" s="26"/>
      <c r="HXT123" s="26"/>
      <c r="HXU123" s="26"/>
      <c r="HXV123" s="26"/>
      <c r="HXW123" s="26"/>
      <c r="HXX123" s="26"/>
      <c r="HXY123" s="26"/>
      <c r="HXZ123" s="26"/>
      <c r="HYA123" s="26"/>
      <c r="HYB123" s="26"/>
      <c r="HYC123" s="26"/>
      <c r="HYD123" s="26"/>
      <c r="HYE123" s="26"/>
      <c r="HYF123" s="26"/>
      <c r="HYG123" s="26"/>
      <c r="HYH123" s="26"/>
      <c r="HYI123" s="26"/>
      <c r="HYJ123" s="26"/>
      <c r="HYK123" s="26"/>
      <c r="HYL123" s="26"/>
      <c r="HYM123" s="26"/>
      <c r="HYN123" s="26"/>
      <c r="HYO123" s="26"/>
      <c r="HYP123" s="26"/>
      <c r="HYQ123" s="26"/>
      <c r="HYR123" s="26"/>
      <c r="HYS123" s="26"/>
      <c r="HYT123" s="26"/>
      <c r="HYU123" s="26"/>
      <c r="HYV123" s="26"/>
      <c r="HYW123" s="26"/>
      <c r="HYX123" s="26"/>
      <c r="HYY123" s="26"/>
      <c r="HYZ123" s="26"/>
      <c r="HZA123" s="26"/>
      <c r="HZB123" s="26"/>
      <c r="HZC123" s="26"/>
      <c r="HZD123" s="26"/>
      <c r="HZE123" s="26"/>
      <c r="HZF123" s="26"/>
      <c r="HZG123" s="26"/>
      <c r="HZH123" s="26"/>
      <c r="HZI123" s="26"/>
      <c r="HZJ123" s="26"/>
      <c r="HZK123" s="26"/>
      <c r="HZL123" s="26"/>
      <c r="HZM123" s="26"/>
      <c r="HZN123" s="26"/>
      <c r="HZO123" s="26"/>
      <c r="HZP123" s="26"/>
      <c r="HZQ123" s="26"/>
      <c r="HZR123" s="26"/>
      <c r="HZS123" s="26"/>
      <c r="HZT123" s="26"/>
      <c r="HZU123" s="26"/>
      <c r="HZV123" s="26"/>
      <c r="HZW123" s="26"/>
      <c r="HZX123" s="26"/>
      <c r="HZY123" s="26"/>
      <c r="HZZ123" s="26"/>
      <c r="IAA123" s="26"/>
      <c r="IAB123" s="26"/>
      <c r="IAC123" s="26"/>
      <c r="IAD123" s="26"/>
      <c r="IAE123" s="26"/>
      <c r="IAF123" s="26"/>
      <c r="IAG123" s="26"/>
      <c r="IAH123" s="26"/>
      <c r="IAI123" s="26"/>
      <c r="IAJ123" s="26"/>
      <c r="IAK123" s="26"/>
      <c r="IAL123" s="26"/>
      <c r="IAM123" s="26"/>
      <c r="IAN123" s="26"/>
      <c r="IAO123" s="26"/>
      <c r="IAP123" s="26"/>
      <c r="IAQ123" s="26"/>
      <c r="IAR123" s="26"/>
      <c r="IAS123" s="26"/>
      <c r="IAT123" s="26"/>
      <c r="IAU123" s="26"/>
      <c r="IAV123" s="26"/>
      <c r="IAW123" s="26"/>
      <c r="IAX123" s="26"/>
      <c r="IAY123" s="26"/>
      <c r="IAZ123" s="26"/>
      <c r="IBA123" s="26"/>
      <c r="IBB123" s="26"/>
      <c r="IBC123" s="26"/>
      <c r="IBD123" s="26"/>
      <c r="IBE123" s="26"/>
      <c r="IBF123" s="26"/>
      <c r="IBG123" s="26"/>
      <c r="IBH123" s="26"/>
      <c r="IBI123" s="26"/>
      <c r="IBJ123" s="26"/>
      <c r="IBK123" s="26"/>
      <c r="IBL123" s="26"/>
      <c r="IBM123" s="26"/>
      <c r="IBN123" s="26"/>
      <c r="IBO123" s="26"/>
      <c r="IBP123" s="26"/>
      <c r="IBQ123" s="26"/>
      <c r="IBR123" s="26"/>
      <c r="IBS123" s="26"/>
      <c r="IBT123" s="26"/>
      <c r="IBU123" s="26"/>
      <c r="IBV123" s="26"/>
      <c r="IBW123" s="26"/>
      <c r="IBX123" s="26"/>
      <c r="IBY123" s="26"/>
      <c r="IBZ123" s="26"/>
      <c r="ICA123" s="26"/>
      <c r="ICB123" s="26"/>
      <c r="ICC123" s="26"/>
      <c r="ICD123" s="26"/>
      <c r="ICE123" s="26"/>
      <c r="ICF123" s="26"/>
      <c r="ICG123" s="26"/>
      <c r="ICH123" s="26"/>
      <c r="ICI123" s="26"/>
      <c r="ICJ123" s="26"/>
      <c r="ICK123" s="26"/>
      <c r="ICL123" s="26"/>
      <c r="ICM123" s="26"/>
      <c r="ICN123" s="26"/>
      <c r="ICO123" s="26"/>
      <c r="ICP123" s="26"/>
      <c r="ICQ123" s="26"/>
      <c r="ICR123" s="26"/>
      <c r="ICS123" s="26"/>
      <c r="ICT123" s="26"/>
      <c r="ICU123" s="26"/>
      <c r="ICV123" s="26"/>
      <c r="ICW123" s="26"/>
      <c r="ICX123" s="26"/>
      <c r="ICY123" s="26"/>
      <c r="ICZ123" s="26"/>
      <c r="IDA123" s="26"/>
      <c r="IDB123" s="26"/>
      <c r="IDC123" s="26"/>
      <c r="IDD123" s="26"/>
      <c r="IDE123" s="26"/>
      <c r="IDF123" s="26"/>
      <c r="IDG123" s="26"/>
      <c r="IDH123" s="26"/>
      <c r="IDI123" s="26"/>
      <c r="IDJ123" s="26"/>
      <c r="IDK123" s="26"/>
      <c r="IDL123" s="26"/>
      <c r="IDM123" s="26"/>
      <c r="IDN123" s="26"/>
      <c r="IDO123" s="26"/>
      <c r="IDP123" s="26"/>
      <c r="IDQ123" s="26"/>
      <c r="IDR123" s="26"/>
      <c r="IDS123" s="26"/>
      <c r="IDT123" s="26"/>
      <c r="IDU123" s="26"/>
      <c r="IDV123" s="26"/>
      <c r="IDW123" s="26"/>
      <c r="IDX123" s="26"/>
      <c r="IDY123" s="26"/>
      <c r="IDZ123" s="26"/>
      <c r="IEA123" s="26"/>
      <c r="IEB123" s="26"/>
      <c r="IEC123" s="26"/>
      <c r="IED123" s="26"/>
      <c r="IEE123" s="26"/>
      <c r="IEF123" s="26"/>
      <c r="IEG123" s="26"/>
      <c r="IEH123" s="26"/>
      <c r="IEI123" s="26"/>
      <c r="IEJ123" s="26"/>
      <c r="IEK123" s="26"/>
      <c r="IEL123" s="26"/>
      <c r="IEM123" s="26"/>
      <c r="IEN123" s="26"/>
      <c r="IEO123" s="26"/>
      <c r="IEP123" s="26"/>
      <c r="IEQ123" s="26"/>
      <c r="IER123" s="26"/>
      <c r="IES123" s="26"/>
      <c r="IET123" s="26"/>
      <c r="IEU123" s="26"/>
      <c r="IEV123" s="26"/>
      <c r="IEW123" s="26"/>
      <c r="IEX123" s="26"/>
      <c r="IEY123" s="26"/>
      <c r="IEZ123" s="26"/>
      <c r="IFA123" s="26"/>
      <c r="IFB123" s="26"/>
      <c r="IFC123" s="26"/>
      <c r="IFD123" s="26"/>
      <c r="IFE123" s="26"/>
      <c r="IFF123" s="26"/>
      <c r="IFG123" s="26"/>
      <c r="IFH123" s="26"/>
      <c r="IFI123" s="26"/>
      <c r="IFJ123" s="26"/>
      <c r="IFK123" s="26"/>
      <c r="IFL123" s="26"/>
      <c r="IFM123" s="26"/>
      <c r="IFN123" s="26"/>
      <c r="IFO123" s="26"/>
      <c r="IFP123" s="26"/>
      <c r="IFQ123" s="26"/>
      <c r="IFR123" s="26"/>
      <c r="IFS123" s="26"/>
      <c r="IFT123" s="26"/>
      <c r="IFU123" s="26"/>
      <c r="IFV123" s="26"/>
      <c r="IFW123" s="26"/>
      <c r="IFX123" s="26"/>
      <c r="IFY123" s="26"/>
      <c r="IFZ123" s="26"/>
      <c r="IGA123" s="26"/>
      <c r="IGB123" s="26"/>
      <c r="IGC123" s="26"/>
      <c r="IGD123" s="26"/>
      <c r="IGE123" s="26"/>
      <c r="IGF123" s="26"/>
      <c r="IGG123" s="26"/>
      <c r="IGH123" s="26"/>
      <c r="IGI123" s="26"/>
      <c r="IGJ123" s="26"/>
      <c r="IGK123" s="26"/>
      <c r="IGL123" s="26"/>
      <c r="IGM123" s="26"/>
      <c r="IGN123" s="26"/>
      <c r="IGO123" s="26"/>
      <c r="IGP123" s="26"/>
      <c r="IGQ123" s="26"/>
      <c r="IGR123" s="26"/>
      <c r="IGS123" s="26"/>
      <c r="IGT123" s="26"/>
      <c r="IGU123" s="26"/>
      <c r="IGV123" s="26"/>
      <c r="IGW123" s="26"/>
      <c r="IGX123" s="26"/>
      <c r="IGY123" s="26"/>
      <c r="IGZ123" s="26"/>
      <c r="IHA123" s="26"/>
      <c r="IHB123" s="26"/>
      <c r="IHC123" s="26"/>
      <c r="IHD123" s="26"/>
      <c r="IHE123" s="26"/>
      <c r="IHF123" s="26"/>
      <c r="IHG123" s="26"/>
      <c r="IHH123" s="26"/>
      <c r="IHI123" s="26"/>
      <c r="IHJ123" s="26"/>
      <c r="IHK123" s="26"/>
      <c r="IHL123" s="26"/>
      <c r="IHM123" s="26"/>
      <c r="IHN123" s="26"/>
      <c r="IHO123" s="26"/>
      <c r="IHP123" s="26"/>
      <c r="IHQ123" s="26"/>
      <c r="IHR123" s="26"/>
      <c r="IHS123" s="26"/>
      <c r="IHT123" s="26"/>
      <c r="IHU123" s="26"/>
      <c r="IHV123" s="26"/>
      <c r="IHW123" s="26"/>
      <c r="IHX123" s="26"/>
      <c r="IHY123" s="26"/>
      <c r="IHZ123" s="26"/>
      <c r="IIA123" s="26"/>
      <c r="IIB123" s="26"/>
      <c r="IIC123" s="26"/>
      <c r="IID123" s="26"/>
      <c r="IIE123" s="26"/>
      <c r="IIF123" s="26"/>
      <c r="IIG123" s="26"/>
      <c r="IIH123" s="26"/>
      <c r="III123" s="26"/>
      <c r="IIJ123" s="26"/>
      <c r="IIK123" s="26"/>
      <c r="IIL123" s="26"/>
      <c r="IIM123" s="26"/>
      <c r="IIN123" s="26"/>
      <c r="IIO123" s="26"/>
      <c r="IIP123" s="26"/>
      <c r="IIQ123" s="26"/>
      <c r="IIR123" s="26"/>
      <c r="IIS123" s="26"/>
      <c r="IIT123" s="26"/>
      <c r="IIU123" s="26"/>
      <c r="IIV123" s="26"/>
      <c r="IIW123" s="26"/>
      <c r="IIX123" s="26"/>
      <c r="IIY123" s="26"/>
      <c r="IIZ123" s="26"/>
      <c r="IJA123" s="26"/>
      <c r="IJB123" s="26"/>
      <c r="IJC123" s="26"/>
      <c r="IJD123" s="26"/>
      <c r="IJE123" s="26"/>
      <c r="IJF123" s="26"/>
      <c r="IJG123" s="26"/>
      <c r="IJH123" s="26"/>
      <c r="IJI123" s="26"/>
      <c r="IJJ123" s="26"/>
      <c r="IJK123" s="26"/>
      <c r="IJL123" s="26"/>
      <c r="IJM123" s="26"/>
      <c r="IJN123" s="26"/>
      <c r="IJO123" s="26"/>
      <c r="IJP123" s="26"/>
      <c r="IJQ123" s="26"/>
      <c r="IJR123" s="26"/>
      <c r="IJS123" s="26"/>
      <c r="IJT123" s="26"/>
      <c r="IJU123" s="26"/>
      <c r="IJV123" s="26"/>
      <c r="IJW123" s="26"/>
      <c r="IJX123" s="26"/>
      <c r="IJY123" s="26"/>
      <c r="IJZ123" s="26"/>
      <c r="IKA123" s="26"/>
      <c r="IKB123" s="26"/>
      <c r="IKC123" s="26"/>
      <c r="IKD123" s="26"/>
      <c r="IKE123" s="26"/>
      <c r="IKF123" s="26"/>
      <c r="IKG123" s="26"/>
      <c r="IKH123" s="26"/>
      <c r="IKI123" s="26"/>
      <c r="IKJ123" s="26"/>
      <c r="IKK123" s="26"/>
      <c r="IKL123" s="26"/>
      <c r="IKM123" s="26"/>
      <c r="IKN123" s="26"/>
      <c r="IKO123" s="26"/>
      <c r="IKP123" s="26"/>
      <c r="IKQ123" s="26"/>
      <c r="IKR123" s="26"/>
      <c r="IKS123" s="26"/>
      <c r="IKT123" s="26"/>
      <c r="IKU123" s="26"/>
      <c r="IKV123" s="26"/>
      <c r="IKW123" s="26"/>
      <c r="IKX123" s="26"/>
      <c r="IKY123" s="26"/>
      <c r="IKZ123" s="26"/>
      <c r="ILA123" s="26"/>
      <c r="ILB123" s="26"/>
      <c r="ILC123" s="26"/>
      <c r="ILD123" s="26"/>
      <c r="ILE123" s="26"/>
      <c r="ILF123" s="26"/>
      <c r="ILG123" s="26"/>
      <c r="ILH123" s="26"/>
      <c r="ILI123" s="26"/>
      <c r="ILJ123" s="26"/>
      <c r="ILK123" s="26"/>
      <c r="ILL123" s="26"/>
      <c r="ILM123" s="26"/>
      <c r="ILN123" s="26"/>
      <c r="ILO123" s="26"/>
      <c r="ILP123" s="26"/>
      <c r="ILQ123" s="26"/>
      <c r="ILR123" s="26"/>
      <c r="ILS123" s="26"/>
      <c r="ILT123" s="26"/>
      <c r="ILU123" s="26"/>
      <c r="ILV123" s="26"/>
      <c r="ILW123" s="26"/>
      <c r="ILX123" s="26"/>
      <c r="ILY123" s="26"/>
      <c r="ILZ123" s="26"/>
      <c r="IMA123" s="26"/>
      <c r="IMB123" s="26"/>
      <c r="IMC123" s="26"/>
      <c r="IMD123" s="26"/>
      <c r="IME123" s="26"/>
      <c r="IMF123" s="26"/>
      <c r="IMG123" s="26"/>
      <c r="IMH123" s="26"/>
      <c r="IMI123" s="26"/>
      <c r="IMJ123" s="26"/>
      <c r="IMK123" s="26"/>
      <c r="IML123" s="26"/>
      <c r="IMM123" s="26"/>
      <c r="IMN123" s="26"/>
      <c r="IMO123" s="26"/>
      <c r="IMP123" s="26"/>
      <c r="IMQ123" s="26"/>
      <c r="IMR123" s="26"/>
      <c r="IMS123" s="26"/>
      <c r="IMT123" s="26"/>
      <c r="IMU123" s="26"/>
      <c r="IMV123" s="26"/>
      <c r="IMW123" s="26"/>
      <c r="IMX123" s="26"/>
      <c r="IMY123" s="26"/>
      <c r="IMZ123" s="26"/>
      <c r="INA123" s="26"/>
      <c r="INB123" s="26"/>
      <c r="INC123" s="26"/>
      <c r="IND123" s="26"/>
      <c r="INE123" s="26"/>
      <c r="INF123" s="26"/>
      <c r="ING123" s="26"/>
      <c r="INH123" s="26"/>
      <c r="INI123" s="26"/>
      <c r="INJ123" s="26"/>
      <c r="INK123" s="26"/>
      <c r="INL123" s="26"/>
      <c r="INM123" s="26"/>
      <c r="INN123" s="26"/>
      <c r="INO123" s="26"/>
      <c r="INP123" s="26"/>
      <c r="INQ123" s="26"/>
      <c r="INR123" s="26"/>
      <c r="INS123" s="26"/>
      <c r="INT123" s="26"/>
      <c r="INU123" s="26"/>
      <c r="INV123" s="26"/>
      <c r="INW123" s="26"/>
      <c r="INX123" s="26"/>
      <c r="INY123" s="26"/>
      <c r="INZ123" s="26"/>
      <c r="IOA123" s="26"/>
      <c r="IOB123" s="26"/>
      <c r="IOC123" s="26"/>
      <c r="IOD123" s="26"/>
      <c r="IOE123" s="26"/>
      <c r="IOF123" s="26"/>
      <c r="IOG123" s="26"/>
      <c r="IOH123" s="26"/>
      <c r="IOI123" s="26"/>
      <c r="IOJ123" s="26"/>
      <c r="IOK123" s="26"/>
      <c r="IOL123" s="26"/>
      <c r="IOM123" s="26"/>
      <c r="ION123" s="26"/>
      <c r="IOO123" s="26"/>
      <c r="IOP123" s="26"/>
      <c r="IOQ123" s="26"/>
      <c r="IOR123" s="26"/>
      <c r="IOS123" s="26"/>
      <c r="IOT123" s="26"/>
      <c r="IOU123" s="26"/>
      <c r="IOV123" s="26"/>
      <c r="IOW123" s="26"/>
      <c r="IOX123" s="26"/>
      <c r="IOY123" s="26"/>
      <c r="IOZ123" s="26"/>
      <c r="IPA123" s="26"/>
      <c r="IPB123" s="26"/>
      <c r="IPC123" s="26"/>
      <c r="IPD123" s="26"/>
      <c r="IPE123" s="26"/>
      <c r="IPF123" s="26"/>
      <c r="IPG123" s="26"/>
      <c r="IPH123" s="26"/>
      <c r="IPI123" s="26"/>
      <c r="IPJ123" s="26"/>
      <c r="IPK123" s="26"/>
      <c r="IPL123" s="26"/>
      <c r="IPM123" s="26"/>
      <c r="IPN123" s="26"/>
      <c r="IPO123" s="26"/>
      <c r="IPP123" s="26"/>
      <c r="IPQ123" s="26"/>
      <c r="IPR123" s="26"/>
      <c r="IPS123" s="26"/>
      <c r="IPT123" s="26"/>
      <c r="IPU123" s="26"/>
      <c r="IPV123" s="26"/>
      <c r="IPW123" s="26"/>
      <c r="IPX123" s="26"/>
      <c r="IPY123" s="26"/>
      <c r="IPZ123" s="26"/>
      <c r="IQA123" s="26"/>
      <c r="IQB123" s="26"/>
      <c r="IQC123" s="26"/>
      <c r="IQD123" s="26"/>
      <c r="IQE123" s="26"/>
      <c r="IQF123" s="26"/>
      <c r="IQG123" s="26"/>
      <c r="IQH123" s="26"/>
      <c r="IQI123" s="26"/>
      <c r="IQJ123" s="26"/>
      <c r="IQK123" s="26"/>
      <c r="IQL123" s="26"/>
      <c r="IQM123" s="26"/>
      <c r="IQN123" s="26"/>
      <c r="IQO123" s="26"/>
      <c r="IQP123" s="26"/>
      <c r="IQQ123" s="26"/>
      <c r="IQR123" s="26"/>
      <c r="IQS123" s="26"/>
      <c r="IQT123" s="26"/>
      <c r="IQU123" s="26"/>
      <c r="IQV123" s="26"/>
      <c r="IQW123" s="26"/>
      <c r="IQX123" s="26"/>
      <c r="IQY123" s="26"/>
      <c r="IQZ123" s="26"/>
      <c r="IRA123" s="26"/>
      <c r="IRB123" s="26"/>
      <c r="IRC123" s="26"/>
      <c r="IRD123" s="26"/>
      <c r="IRE123" s="26"/>
      <c r="IRF123" s="26"/>
      <c r="IRG123" s="26"/>
      <c r="IRH123" s="26"/>
      <c r="IRI123" s="26"/>
      <c r="IRJ123" s="26"/>
      <c r="IRK123" s="26"/>
      <c r="IRL123" s="26"/>
      <c r="IRM123" s="26"/>
      <c r="IRN123" s="26"/>
      <c r="IRO123" s="26"/>
      <c r="IRP123" s="26"/>
      <c r="IRQ123" s="26"/>
      <c r="IRR123" s="26"/>
      <c r="IRS123" s="26"/>
      <c r="IRT123" s="26"/>
      <c r="IRU123" s="26"/>
      <c r="IRV123" s="26"/>
      <c r="IRW123" s="26"/>
      <c r="IRX123" s="26"/>
      <c r="IRY123" s="26"/>
      <c r="IRZ123" s="26"/>
      <c r="ISA123" s="26"/>
      <c r="ISB123" s="26"/>
      <c r="ISC123" s="26"/>
      <c r="ISD123" s="26"/>
      <c r="ISE123" s="26"/>
      <c r="ISF123" s="26"/>
      <c r="ISG123" s="26"/>
      <c r="ISH123" s="26"/>
      <c r="ISI123" s="26"/>
      <c r="ISJ123" s="26"/>
      <c r="ISK123" s="26"/>
      <c r="ISL123" s="26"/>
      <c r="ISM123" s="26"/>
      <c r="ISN123" s="26"/>
      <c r="ISO123" s="26"/>
      <c r="ISP123" s="26"/>
      <c r="ISQ123" s="26"/>
      <c r="ISR123" s="26"/>
      <c r="ISS123" s="26"/>
      <c r="IST123" s="26"/>
      <c r="ISU123" s="26"/>
      <c r="ISV123" s="26"/>
      <c r="ISW123" s="26"/>
      <c r="ISX123" s="26"/>
      <c r="ISY123" s="26"/>
      <c r="ISZ123" s="26"/>
      <c r="ITA123" s="26"/>
      <c r="ITB123" s="26"/>
      <c r="ITC123" s="26"/>
      <c r="ITD123" s="26"/>
      <c r="ITE123" s="26"/>
      <c r="ITF123" s="26"/>
      <c r="ITG123" s="26"/>
      <c r="ITH123" s="26"/>
      <c r="ITI123" s="26"/>
      <c r="ITJ123" s="26"/>
      <c r="ITK123" s="26"/>
      <c r="ITL123" s="26"/>
      <c r="ITM123" s="26"/>
      <c r="ITN123" s="26"/>
      <c r="ITO123" s="26"/>
      <c r="ITP123" s="26"/>
      <c r="ITQ123" s="26"/>
      <c r="ITR123" s="26"/>
      <c r="ITS123" s="26"/>
      <c r="ITT123" s="26"/>
      <c r="ITU123" s="26"/>
      <c r="ITV123" s="26"/>
      <c r="ITW123" s="26"/>
      <c r="ITX123" s="26"/>
      <c r="ITY123" s="26"/>
      <c r="ITZ123" s="26"/>
      <c r="IUA123" s="26"/>
      <c r="IUB123" s="26"/>
      <c r="IUC123" s="26"/>
      <c r="IUD123" s="26"/>
      <c r="IUE123" s="26"/>
      <c r="IUF123" s="26"/>
      <c r="IUG123" s="26"/>
      <c r="IUH123" s="26"/>
      <c r="IUI123" s="26"/>
      <c r="IUJ123" s="26"/>
      <c r="IUK123" s="26"/>
      <c r="IUL123" s="26"/>
      <c r="IUM123" s="26"/>
      <c r="IUN123" s="26"/>
      <c r="IUO123" s="26"/>
      <c r="IUP123" s="26"/>
      <c r="IUQ123" s="26"/>
      <c r="IUR123" s="26"/>
      <c r="IUS123" s="26"/>
      <c r="IUT123" s="26"/>
      <c r="IUU123" s="26"/>
      <c r="IUV123" s="26"/>
      <c r="IUW123" s="26"/>
      <c r="IUX123" s="26"/>
      <c r="IUY123" s="26"/>
      <c r="IUZ123" s="26"/>
      <c r="IVA123" s="26"/>
      <c r="IVB123" s="26"/>
      <c r="IVC123" s="26"/>
      <c r="IVD123" s="26"/>
      <c r="IVE123" s="26"/>
      <c r="IVF123" s="26"/>
      <c r="IVG123" s="26"/>
      <c r="IVH123" s="26"/>
      <c r="IVI123" s="26"/>
      <c r="IVJ123" s="26"/>
      <c r="IVK123" s="26"/>
      <c r="IVL123" s="26"/>
      <c r="IVM123" s="26"/>
      <c r="IVN123" s="26"/>
      <c r="IVO123" s="26"/>
      <c r="IVP123" s="26"/>
      <c r="IVQ123" s="26"/>
      <c r="IVR123" s="26"/>
      <c r="IVS123" s="26"/>
      <c r="IVT123" s="26"/>
      <c r="IVU123" s="26"/>
      <c r="IVV123" s="26"/>
      <c r="IVW123" s="26"/>
      <c r="IVX123" s="26"/>
      <c r="IVY123" s="26"/>
      <c r="IVZ123" s="26"/>
      <c r="IWA123" s="26"/>
      <c r="IWB123" s="26"/>
      <c r="IWC123" s="26"/>
      <c r="IWD123" s="26"/>
      <c r="IWE123" s="26"/>
      <c r="IWF123" s="26"/>
      <c r="IWG123" s="26"/>
      <c r="IWH123" s="26"/>
      <c r="IWI123" s="26"/>
      <c r="IWJ123" s="26"/>
      <c r="IWK123" s="26"/>
      <c r="IWL123" s="26"/>
      <c r="IWM123" s="26"/>
      <c r="IWN123" s="26"/>
      <c r="IWO123" s="26"/>
      <c r="IWP123" s="26"/>
      <c r="IWQ123" s="26"/>
      <c r="IWR123" s="26"/>
      <c r="IWS123" s="26"/>
      <c r="IWT123" s="26"/>
      <c r="IWU123" s="26"/>
      <c r="IWV123" s="26"/>
      <c r="IWW123" s="26"/>
      <c r="IWX123" s="26"/>
      <c r="IWY123" s="26"/>
      <c r="IWZ123" s="26"/>
      <c r="IXA123" s="26"/>
      <c r="IXB123" s="26"/>
      <c r="IXC123" s="26"/>
      <c r="IXD123" s="26"/>
      <c r="IXE123" s="26"/>
      <c r="IXF123" s="26"/>
      <c r="IXG123" s="26"/>
      <c r="IXH123" s="26"/>
      <c r="IXI123" s="26"/>
      <c r="IXJ123" s="26"/>
      <c r="IXK123" s="26"/>
      <c r="IXL123" s="26"/>
      <c r="IXM123" s="26"/>
      <c r="IXN123" s="26"/>
      <c r="IXO123" s="26"/>
      <c r="IXP123" s="26"/>
      <c r="IXQ123" s="26"/>
      <c r="IXR123" s="26"/>
      <c r="IXS123" s="26"/>
      <c r="IXT123" s="26"/>
      <c r="IXU123" s="26"/>
      <c r="IXV123" s="26"/>
      <c r="IXW123" s="26"/>
      <c r="IXX123" s="26"/>
      <c r="IXY123" s="26"/>
      <c r="IXZ123" s="26"/>
      <c r="IYA123" s="26"/>
      <c r="IYB123" s="26"/>
      <c r="IYC123" s="26"/>
      <c r="IYD123" s="26"/>
      <c r="IYE123" s="26"/>
      <c r="IYF123" s="26"/>
      <c r="IYG123" s="26"/>
      <c r="IYH123" s="26"/>
      <c r="IYI123" s="26"/>
      <c r="IYJ123" s="26"/>
      <c r="IYK123" s="26"/>
      <c r="IYL123" s="26"/>
      <c r="IYM123" s="26"/>
      <c r="IYN123" s="26"/>
      <c r="IYO123" s="26"/>
      <c r="IYP123" s="26"/>
      <c r="IYQ123" s="26"/>
      <c r="IYR123" s="26"/>
      <c r="IYS123" s="26"/>
      <c r="IYT123" s="26"/>
      <c r="IYU123" s="26"/>
      <c r="IYV123" s="26"/>
      <c r="IYW123" s="26"/>
      <c r="IYX123" s="26"/>
      <c r="IYY123" s="26"/>
      <c r="IYZ123" s="26"/>
      <c r="IZA123" s="26"/>
      <c r="IZB123" s="26"/>
      <c r="IZC123" s="26"/>
      <c r="IZD123" s="26"/>
      <c r="IZE123" s="26"/>
      <c r="IZF123" s="26"/>
      <c r="IZG123" s="26"/>
      <c r="IZH123" s="26"/>
      <c r="IZI123" s="26"/>
      <c r="IZJ123" s="26"/>
      <c r="IZK123" s="26"/>
      <c r="IZL123" s="26"/>
      <c r="IZM123" s="26"/>
      <c r="IZN123" s="26"/>
      <c r="IZO123" s="26"/>
      <c r="IZP123" s="26"/>
      <c r="IZQ123" s="26"/>
      <c r="IZR123" s="26"/>
      <c r="IZS123" s="26"/>
      <c r="IZT123" s="26"/>
      <c r="IZU123" s="26"/>
      <c r="IZV123" s="26"/>
      <c r="IZW123" s="26"/>
      <c r="IZX123" s="26"/>
      <c r="IZY123" s="26"/>
      <c r="IZZ123" s="26"/>
      <c r="JAA123" s="26"/>
      <c r="JAB123" s="26"/>
      <c r="JAC123" s="26"/>
      <c r="JAD123" s="26"/>
      <c r="JAE123" s="26"/>
      <c r="JAF123" s="26"/>
      <c r="JAG123" s="26"/>
      <c r="JAH123" s="26"/>
      <c r="JAI123" s="26"/>
      <c r="JAJ123" s="26"/>
      <c r="JAK123" s="26"/>
      <c r="JAL123" s="26"/>
      <c r="JAM123" s="26"/>
      <c r="JAN123" s="26"/>
      <c r="JAO123" s="26"/>
      <c r="JAP123" s="26"/>
      <c r="JAQ123" s="26"/>
      <c r="JAR123" s="26"/>
      <c r="JAS123" s="26"/>
      <c r="JAT123" s="26"/>
      <c r="JAU123" s="26"/>
      <c r="JAV123" s="26"/>
      <c r="JAW123" s="26"/>
      <c r="JAX123" s="26"/>
      <c r="JAY123" s="26"/>
      <c r="JAZ123" s="26"/>
      <c r="JBA123" s="26"/>
      <c r="JBB123" s="26"/>
      <c r="JBC123" s="26"/>
      <c r="JBD123" s="26"/>
      <c r="JBE123" s="26"/>
      <c r="JBF123" s="26"/>
      <c r="JBG123" s="26"/>
      <c r="JBH123" s="26"/>
      <c r="JBI123" s="26"/>
      <c r="JBJ123" s="26"/>
      <c r="JBK123" s="26"/>
      <c r="JBL123" s="26"/>
      <c r="JBM123" s="26"/>
      <c r="JBN123" s="26"/>
      <c r="JBO123" s="26"/>
      <c r="JBP123" s="26"/>
      <c r="JBQ123" s="26"/>
      <c r="JBR123" s="26"/>
      <c r="JBS123" s="26"/>
      <c r="JBT123" s="26"/>
      <c r="JBU123" s="26"/>
      <c r="JBV123" s="26"/>
      <c r="JBW123" s="26"/>
      <c r="JBX123" s="26"/>
      <c r="JBY123" s="26"/>
      <c r="JBZ123" s="26"/>
      <c r="JCA123" s="26"/>
      <c r="JCB123" s="26"/>
      <c r="JCC123" s="26"/>
      <c r="JCD123" s="26"/>
      <c r="JCE123" s="26"/>
      <c r="JCF123" s="26"/>
      <c r="JCG123" s="26"/>
      <c r="JCH123" s="26"/>
      <c r="JCI123" s="26"/>
      <c r="JCJ123" s="26"/>
      <c r="JCK123" s="26"/>
      <c r="JCL123" s="26"/>
      <c r="JCM123" s="26"/>
      <c r="JCN123" s="26"/>
      <c r="JCO123" s="26"/>
      <c r="JCP123" s="26"/>
      <c r="JCQ123" s="26"/>
      <c r="JCR123" s="26"/>
      <c r="JCS123" s="26"/>
      <c r="JCT123" s="26"/>
      <c r="JCU123" s="26"/>
      <c r="JCV123" s="26"/>
      <c r="JCW123" s="26"/>
      <c r="JCX123" s="26"/>
      <c r="JCY123" s="26"/>
      <c r="JCZ123" s="26"/>
      <c r="JDA123" s="26"/>
      <c r="JDB123" s="26"/>
      <c r="JDC123" s="26"/>
      <c r="JDD123" s="26"/>
      <c r="JDE123" s="26"/>
      <c r="JDF123" s="26"/>
      <c r="JDG123" s="26"/>
      <c r="JDH123" s="26"/>
      <c r="JDI123" s="26"/>
      <c r="JDJ123" s="26"/>
      <c r="JDK123" s="26"/>
      <c r="JDL123" s="26"/>
      <c r="JDM123" s="26"/>
      <c r="JDN123" s="26"/>
      <c r="JDO123" s="26"/>
      <c r="JDP123" s="26"/>
      <c r="JDQ123" s="26"/>
      <c r="JDR123" s="26"/>
      <c r="JDS123" s="26"/>
      <c r="JDT123" s="26"/>
      <c r="JDU123" s="26"/>
      <c r="JDV123" s="26"/>
      <c r="JDW123" s="26"/>
      <c r="JDX123" s="26"/>
      <c r="JDY123" s="26"/>
      <c r="JDZ123" s="26"/>
      <c r="JEA123" s="26"/>
      <c r="JEB123" s="26"/>
      <c r="JEC123" s="26"/>
      <c r="JED123" s="26"/>
      <c r="JEE123" s="26"/>
      <c r="JEF123" s="26"/>
      <c r="JEG123" s="26"/>
      <c r="JEH123" s="26"/>
      <c r="JEI123" s="26"/>
      <c r="JEJ123" s="26"/>
      <c r="JEK123" s="26"/>
      <c r="JEL123" s="26"/>
      <c r="JEM123" s="26"/>
      <c r="JEN123" s="26"/>
      <c r="JEO123" s="26"/>
      <c r="JEP123" s="26"/>
      <c r="JEQ123" s="26"/>
      <c r="JER123" s="26"/>
      <c r="JES123" s="26"/>
      <c r="JET123" s="26"/>
      <c r="JEU123" s="26"/>
      <c r="JEV123" s="26"/>
      <c r="JEW123" s="26"/>
      <c r="JEX123" s="26"/>
      <c r="JEY123" s="26"/>
      <c r="JEZ123" s="26"/>
      <c r="JFA123" s="26"/>
      <c r="JFB123" s="26"/>
      <c r="JFC123" s="26"/>
      <c r="JFD123" s="26"/>
      <c r="JFE123" s="26"/>
      <c r="JFF123" s="26"/>
      <c r="JFG123" s="26"/>
      <c r="JFH123" s="26"/>
      <c r="JFI123" s="26"/>
      <c r="JFJ123" s="26"/>
      <c r="JFK123" s="26"/>
      <c r="JFL123" s="26"/>
      <c r="JFM123" s="26"/>
      <c r="JFN123" s="26"/>
      <c r="JFO123" s="26"/>
      <c r="JFP123" s="26"/>
      <c r="JFQ123" s="26"/>
      <c r="JFR123" s="26"/>
      <c r="JFS123" s="26"/>
      <c r="JFT123" s="26"/>
      <c r="JFU123" s="26"/>
      <c r="JFV123" s="26"/>
      <c r="JFW123" s="26"/>
      <c r="JFX123" s="26"/>
      <c r="JFY123" s="26"/>
      <c r="JFZ123" s="26"/>
      <c r="JGA123" s="26"/>
      <c r="JGB123" s="26"/>
      <c r="JGC123" s="26"/>
      <c r="JGD123" s="26"/>
      <c r="JGE123" s="26"/>
      <c r="JGF123" s="26"/>
      <c r="JGG123" s="26"/>
      <c r="JGH123" s="26"/>
      <c r="JGI123" s="26"/>
      <c r="JGJ123" s="26"/>
      <c r="JGK123" s="26"/>
      <c r="JGL123" s="26"/>
      <c r="JGM123" s="26"/>
      <c r="JGN123" s="26"/>
      <c r="JGO123" s="26"/>
      <c r="JGP123" s="26"/>
      <c r="JGQ123" s="26"/>
      <c r="JGR123" s="26"/>
      <c r="JGS123" s="26"/>
      <c r="JGT123" s="26"/>
      <c r="JGU123" s="26"/>
      <c r="JGV123" s="26"/>
      <c r="JGW123" s="26"/>
      <c r="JGX123" s="26"/>
      <c r="JGY123" s="26"/>
      <c r="JGZ123" s="26"/>
      <c r="JHA123" s="26"/>
      <c r="JHB123" s="26"/>
      <c r="JHC123" s="26"/>
      <c r="JHD123" s="26"/>
      <c r="JHE123" s="26"/>
      <c r="JHF123" s="26"/>
      <c r="JHG123" s="26"/>
      <c r="JHH123" s="26"/>
      <c r="JHI123" s="26"/>
      <c r="JHJ123" s="26"/>
      <c r="JHK123" s="26"/>
      <c r="JHL123" s="26"/>
      <c r="JHM123" s="26"/>
      <c r="JHN123" s="26"/>
      <c r="JHO123" s="26"/>
      <c r="JHP123" s="26"/>
      <c r="JHQ123" s="26"/>
      <c r="JHR123" s="26"/>
      <c r="JHS123" s="26"/>
      <c r="JHT123" s="26"/>
      <c r="JHU123" s="26"/>
      <c r="JHV123" s="26"/>
      <c r="JHW123" s="26"/>
      <c r="JHX123" s="26"/>
      <c r="JHY123" s="26"/>
      <c r="JHZ123" s="26"/>
      <c r="JIA123" s="26"/>
      <c r="JIB123" s="26"/>
      <c r="JIC123" s="26"/>
      <c r="JID123" s="26"/>
      <c r="JIE123" s="26"/>
      <c r="JIF123" s="26"/>
      <c r="JIG123" s="26"/>
      <c r="JIH123" s="26"/>
      <c r="JII123" s="26"/>
      <c r="JIJ123" s="26"/>
      <c r="JIK123" s="26"/>
      <c r="JIL123" s="26"/>
      <c r="JIM123" s="26"/>
      <c r="JIN123" s="26"/>
      <c r="JIO123" s="26"/>
      <c r="JIP123" s="26"/>
      <c r="JIQ123" s="26"/>
      <c r="JIR123" s="26"/>
      <c r="JIS123" s="26"/>
      <c r="JIT123" s="26"/>
      <c r="JIU123" s="26"/>
      <c r="JIV123" s="26"/>
      <c r="JIW123" s="26"/>
      <c r="JIX123" s="26"/>
      <c r="JIY123" s="26"/>
      <c r="JIZ123" s="26"/>
      <c r="JJA123" s="26"/>
      <c r="JJB123" s="26"/>
      <c r="JJC123" s="26"/>
      <c r="JJD123" s="26"/>
      <c r="JJE123" s="26"/>
      <c r="JJF123" s="26"/>
      <c r="JJG123" s="26"/>
      <c r="JJH123" s="26"/>
      <c r="JJI123" s="26"/>
      <c r="JJJ123" s="26"/>
      <c r="JJK123" s="26"/>
      <c r="JJL123" s="26"/>
      <c r="JJM123" s="26"/>
      <c r="JJN123" s="26"/>
      <c r="JJO123" s="26"/>
      <c r="JJP123" s="26"/>
      <c r="JJQ123" s="26"/>
      <c r="JJR123" s="26"/>
      <c r="JJS123" s="26"/>
      <c r="JJT123" s="26"/>
      <c r="JJU123" s="26"/>
      <c r="JJV123" s="26"/>
      <c r="JJW123" s="26"/>
      <c r="JJX123" s="26"/>
      <c r="JJY123" s="26"/>
      <c r="JJZ123" s="26"/>
      <c r="JKA123" s="26"/>
      <c r="JKB123" s="26"/>
      <c r="JKC123" s="26"/>
      <c r="JKD123" s="26"/>
      <c r="JKE123" s="26"/>
      <c r="JKF123" s="26"/>
      <c r="JKG123" s="26"/>
      <c r="JKH123" s="26"/>
      <c r="JKI123" s="26"/>
      <c r="JKJ123" s="26"/>
      <c r="JKK123" s="26"/>
      <c r="JKL123" s="26"/>
      <c r="JKM123" s="26"/>
      <c r="JKN123" s="26"/>
      <c r="JKO123" s="26"/>
      <c r="JKP123" s="26"/>
      <c r="JKQ123" s="26"/>
      <c r="JKR123" s="26"/>
      <c r="JKS123" s="26"/>
      <c r="JKT123" s="26"/>
      <c r="JKU123" s="26"/>
      <c r="JKV123" s="26"/>
      <c r="JKW123" s="26"/>
      <c r="JKX123" s="26"/>
      <c r="JKY123" s="26"/>
      <c r="JKZ123" s="26"/>
      <c r="JLA123" s="26"/>
      <c r="JLB123" s="26"/>
      <c r="JLC123" s="26"/>
      <c r="JLD123" s="26"/>
      <c r="JLE123" s="26"/>
      <c r="JLF123" s="26"/>
      <c r="JLG123" s="26"/>
      <c r="JLH123" s="26"/>
      <c r="JLI123" s="26"/>
      <c r="JLJ123" s="26"/>
      <c r="JLK123" s="26"/>
      <c r="JLL123" s="26"/>
      <c r="JLM123" s="26"/>
      <c r="JLN123" s="26"/>
      <c r="JLO123" s="26"/>
      <c r="JLP123" s="26"/>
      <c r="JLQ123" s="26"/>
      <c r="JLR123" s="26"/>
      <c r="JLS123" s="26"/>
      <c r="JLT123" s="26"/>
      <c r="JLU123" s="26"/>
      <c r="JLV123" s="26"/>
      <c r="JLW123" s="26"/>
      <c r="JLX123" s="26"/>
      <c r="JLY123" s="26"/>
      <c r="JLZ123" s="26"/>
      <c r="JMA123" s="26"/>
      <c r="JMB123" s="26"/>
      <c r="JMC123" s="26"/>
      <c r="JMD123" s="26"/>
      <c r="JME123" s="26"/>
      <c r="JMF123" s="26"/>
      <c r="JMG123" s="26"/>
      <c r="JMH123" s="26"/>
      <c r="JMI123" s="26"/>
      <c r="JMJ123" s="26"/>
      <c r="JMK123" s="26"/>
      <c r="JML123" s="26"/>
      <c r="JMM123" s="26"/>
      <c r="JMN123" s="26"/>
      <c r="JMO123" s="26"/>
      <c r="JMP123" s="26"/>
      <c r="JMQ123" s="26"/>
      <c r="JMR123" s="26"/>
      <c r="JMS123" s="26"/>
      <c r="JMT123" s="26"/>
      <c r="JMU123" s="26"/>
      <c r="JMV123" s="26"/>
      <c r="JMW123" s="26"/>
      <c r="JMX123" s="26"/>
      <c r="JMY123" s="26"/>
      <c r="JMZ123" s="26"/>
      <c r="JNA123" s="26"/>
      <c r="JNB123" s="26"/>
      <c r="JNC123" s="26"/>
      <c r="JND123" s="26"/>
      <c r="JNE123" s="26"/>
      <c r="JNF123" s="26"/>
      <c r="JNG123" s="26"/>
      <c r="JNH123" s="26"/>
      <c r="JNI123" s="26"/>
      <c r="JNJ123" s="26"/>
      <c r="JNK123" s="26"/>
      <c r="JNL123" s="26"/>
      <c r="JNM123" s="26"/>
      <c r="JNN123" s="26"/>
      <c r="JNO123" s="26"/>
      <c r="JNP123" s="26"/>
      <c r="JNQ123" s="26"/>
      <c r="JNR123" s="26"/>
      <c r="JNS123" s="26"/>
      <c r="JNT123" s="26"/>
      <c r="JNU123" s="26"/>
      <c r="JNV123" s="26"/>
      <c r="JNW123" s="26"/>
      <c r="JNX123" s="26"/>
      <c r="JNY123" s="26"/>
      <c r="JNZ123" s="26"/>
      <c r="JOA123" s="26"/>
      <c r="JOB123" s="26"/>
      <c r="JOC123" s="26"/>
      <c r="JOD123" s="26"/>
      <c r="JOE123" s="26"/>
      <c r="JOF123" s="26"/>
      <c r="JOG123" s="26"/>
      <c r="JOH123" s="26"/>
      <c r="JOI123" s="26"/>
      <c r="JOJ123" s="26"/>
      <c r="JOK123" s="26"/>
      <c r="JOL123" s="26"/>
      <c r="JOM123" s="26"/>
      <c r="JON123" s="26"/>
      <c r="JOO123" s="26"/>
      <c r="JOP123" s="26"/>
      <c r="JOQ123" s="26"/>
      <c r="JOR123" s="26"/>
      <c r="JOS123" s="26"/>
      <c r="JOT123" s="26"/>
      <c r="JOU123" s="26"/>
      <c r="JOV123" s="26"/>
      <c r="JOW123" s="26"/>
      <c r="JOX123" s="26"/>
      <c r="JOY123" s="26"/>
      <c r="JOZ123" s="26"/>
      <c r="JPA123" s="26"/>
      <c r="JPB123" s="26"/>
      <c r="JPC123" s="26"/>
      <c r="JPD123" s="26"/>
      <c r="JPE123" s="26"/>
      <c r="JPF123" s="26"/>
      <c r="JPG123" s="26"/>
      <c r="JPH123" s="26"/>
      <c r="JPI123" s="26"/>
      <c r="JPJ123" s="26"/>
      <c r="JPK123" s="26"/>
      <c r="JPL123" s="26"/>
      <c r="JPM123" s="26"/>
      <c r="JPN123" s="26"/>
      <c r="JPO123" s="26"/>
      <c r="JPP123" s="26"/>
      <c r="JPQ123" s="26"/>
      <c r="JPR123" s="26"/>
      <c r="JPS123" s="26"/>
      <c r="JPT123" s="26"/>
      <c r="JPU123" s="26"/>
      <c r="JPV123" s="26"/>
      <c r="JPW123" s="26"/>
      <c r="JPX123" s="26"/>
      <c r="JPY123" s="26"/>
      <c r="JPZ123" s="26"/>
      <c r="JQA123" s="26"/>
      <c r="JQB123" s="26"/>
      <c r="JQC123" s="26"/>
      <c r="JQD123" s="26"/>
      <c r="JQE123" s="26"/>
      <c r="JQF123" s="26"/>
      <c r="JQG123" s="26"/>
      <c r="JQH123" s="26"/>
      <c r="JQI123" s="26"/>
      <c r="JQJ123" s="26"/>
      <c r="JQK123" s="26"/>
      <c r="JQL123" s="26"/>
      <c r="JQM123" s="26"/>
      <c r="JQN123" s="26"/>
      <c r="JQO123" s="26"/>
      <c r="JQP123" s="26"/>
      <c r="JQQ123" s="26"/>
      <c r="JQR123" s="26"/>
      <c r="JQS123" s="26"/>
      <c r="JQT123" s="26"/>
      <c r="JQU123" s="26"/>
      <c r="JQV123" s="26"/>
      <c r="JQW123" s="26"/>
      <c r="JQX123" s="26"/>
      <c r="JQY123" s="26"/>
      <c r="JQZ123" s="26"/>
      <c r="JRA123" s="26"/>
      <c r="JRB123" s="26"/>
      <c r="JRC123" s="26"/>
      <c r="JRD123" s="26"/>
      <c r="JRE123" s="26"/>
      <c r="JRF123" s="26"/>
      <c r="JRG123" s="26"/>
      <c r="JRH123" s="26"/>
      <c r="JRI123" s="26"/>
      <c r="JRJ123" s="26"/>
      <c r="JRK123" s="26"/>
      <c r="JRL123" s="26"/>
      <c r="JRM123" s="26"/>
      <c r="JRN123" s="26"/>
      <c r="JRO123" s="26"/>
      <c r="JRP123" s="26"/>
      <c r="JRQ123" s="26"/>
      <c r="JRR123" s="26"/>
      <c r="JRS123" s="26"/>
      <c r="JRT123" s="26"/>
      <c r="JRU123" s="26"/>
      <c r="JRV123" s="26"/>
      <c r="JRW123" s="26"/>
      <c r="JRX123" s="26"/>
      <c r="JRY123" s="26"/>
      <c r="JRZ123" s="26"/>
      <c r="JSA123" s="26"/>
      <c r="JSB123" s="26"/>
      <c r="JSC123" s="26"/>
      <c r="JSD123" s="26"/>
      <c r="JSE123" s="26"/>
      <c r="JSF123" s="26"/>
      <c r="JSG123" s="26"/>
      <c r="JSH123" s="26"/>
      <c r="JSI123" s="26"/>
      <c r="JSJ123" s="26"/>
      <c r="JSK123" s="26"/>
      <c r="JSL123" s="26"/>
      <c r="JSM123" s="26"/>
      <c r="JSN123" s="26"/>
      <c r="JSO123" s="26"/>
      <c r="JSP123" s="26"/>
      <c r="JSQ123" s="26"/>
      <c r="JSR123" s="26"/>
      <c r="JSS123" s="26"/>
      <c r="JST123" s="26"/>
      <c r="JSU123" s="26"/>
      <c r="JSV123" s="26"/>
      <c r="JSW123" s="26"/>
      <c r="JSX123" s="26"/>
      <c r="JSY123" s="26"/>
      <c r="JSZ123" s="26"/>
      <c r="JTA123" s="26"/>
      <c r="JTB123" s="26"/>
      <c r="JTC123" s="26"/>
      <c r="JTD123" s="26"/>
      <c r="JTE123" s="26"/>
      <c r="JTF123" s="26"/>
      <c r="JTG123" s="26"/>
      <c r="JTH123" s="26"/>
      <c r="JTI123" s="26"/>
      <c r="JTJ123" s="26"/>
      <c r="JTK123" s="26"/>
      <c r="JTL123" s="26"/>
      <c r="JTM123" s="26"/>
      <c r="JTN123" s="26"/>
      <c r="JTO123" s="26"/>
      <c r="JTP123" s="26"/>
      <c r="JTQ123" s="26"/>
      <c r="JTR123" s="26"/>
      <c r="JTS123" s="26"/>
      <c r="JTT123" s="26"/>
      <c r="JTU123" s="26"/>
      <c r="JTV123" s="26"/>
      <c r="JTW123" s="26"/>
      <c r="JTX123" s="26"/>
      <c r="JTY123" s="26"/>
      <c r="JTZ123" s="26"/>
      <c r="JUA123" s="26"/>
      <c r="JUB123" s="26"/>
      <c r="JUC123" s="26"/>
      <c r="JUD123" s="26"/>
      <c r="JUE123" s="26"/>
      <c r="JUF123" s="26"/>
      <c r="JUG123" s="26"/>
      <c r="JUH123" s="26"/>
      <c r="JUI123" s="26"/>
      <c r="JUJ123" s="26"/>
      <c r="JUK123" s="26"/>
      <c r="JUL123" s="26"/>
      <c r="JUM123" s="26"/>
      <c r="JUN123" s="26"/>
      <c r="JUO123" s="26"/>
      <c r="JUP123" s="26"/>
      <c r="JUQ123" s="26"/>
      <c r="JUR123" s="26"/>
      <c r="JUS123" s="26"/>
      <c r="JUT123" s="26"/>
      <c r="JUU123" s="26"/>
      <c r="JUV123" s="26"/>
      <c r="JUW123" s="26"/>
      <c r="JUX123" s="26"/>
      <c r="JUY123" s="26"/>
      <c r="JUZ123" s="26"/>
      <c r="JVA123" s="26"/>
      <c r="JVB123" s="26"/>
      <c r="JVC123" s="26"/>
      <c r="JVD123" s="26"/>
      <c r="JVE123" s="26"/>
      <c r="JVF123" s="26"/>
      <c r="JVG123" s="26"/>
      <c r="JVH123" s="26"/>
      <c r="JVI123" s="26"/>
      <c r="JVJ123" s="26"/>
      <c r="JVK123" s="26"/>
      <c r="JVL123" s="26"/>
      <c r="JVM123" s="26"/>
      <c r="JVN123" s="26"/>
      <c r="JVO123" s="26"/>
      <c r="JVP123" s="26"/>
      <c r="JVQ123" s="26"/>
      <c r="JVR123" s="26"/>
      <c r="JVS123" s="26"/>
      <c r="JVT123" s="26"/>
      <c r="JVU123" s="26"/>
      <c r="JVV123" s="26"/>
      <c r="JVW123" s="26"/>
      <c r="JVX123" s="26"/>
      <c r="JVY123" s="26"/>
      <c r="JVZ123" s="26"/>
      <c r="JWA123" s="26"/>
      <c r="JWB123" s="26"/>
      <c r="JWC123" s="26"/>
      <c r="JWD123" s="26"/>
      <c r="JWE123" s="26"/>
      <c r="JWF123" s="26"/>
      <c r="JWG123" s="26"/>
      <c r="JWH123" s="26"/>
      <c r="JWI123" s="26"/>
      <c r="JWJ123" s="26"/>
      <c r="JWK123" s="26"/>
      <c r="JWL123" s="26"/>
      <c r="JWM123" s="26"/>
      <c r="JWN123" s="26"/>
      <c r="JWO123" s="26"/>
      <c r="JWP123" s="26"/>
      <c r="JWQ123" s="26"/>
      <c r="JWR123" s="26"/>
      <c r="JWS123" s="26"/>
      <c r="JWT123" s="26"/>
      <c r="JWU123" s="26"/>
      <c r="JWV123" s="26"/>
      <c r="JWW123" s="26"/>
      <c r="JWX123" s="26"/>
      <c r="JWY123" s="26"/>
      <c r="JWZ123" s="26"/>
      <c r="JXA123" s="26"/>
      <c r="JXB123" s="26"/>
      <c r="JXC123" s="26"/>
      <c r="JXD123" s="26"/>
      <c r="JXE123" s="26"/>
      <c r="JXF123" s="26"/>
      <c r="JXG123" s="26"/>
      <c r="JXH123" s="26"/>
      <c r="JXI123" s="26"/>
      <c r="JXJ123" s="26"/>
      <c r="JXK123" s="26"/>
      <c r="JXL123" s="26"/>
      <c r="JXM123" s="26"/>
      <c r="JXN123" s="26"/>
      <c r="JXO123" s="26"/>
      <c r="JXP123" s="26"/>
      <c r="JXQ123" s="26"/>
      <c r="JXR123" s="26"/>
      <c r="JXS123" s="26"/>
      <c r="JXT123" s="26"/>
      <c r="JXU123" s="26"/>
      <c r="JXV123" s="26"/>
      <c r="JXW123" s="26"/>
      <c r="JXX123" s="26"/>
      <c r="JXY123" s="26"/>
      <c r="JXZ123" s="26"/>
      <c r="JYA123" s="26"/>
      <c r="JYB123" s="26"/>
      <c r="JYC123" s="26"/>
      <c r="JYD123" s="26"/>
      <c r="JYE123" s="26"/>
      <c r="JYF123" s="26"/>
      <c r="JYG123" s="26"/>
      <c r="JYH123" s="26"/>
      <c r="JYI123" s="26"/>
      <c r="JYJ123" s="26"/>
      <c r="JYK123" s="26"/>
      <c r="JYL123" s="26"/>
      <c r="JYM123" s="26"/>
      <c r="JYN123" s="26"/>
      <c r="JYO123" s="26"/>
      <c r="JYP123" s="26"/>
      <c r="JYQ123" s="26"/>
      <c r="JYR123" s="26"/>
      <c r="JYS123" s="26"/>
      <c r="JYT123" s="26"/>
      <c r="JYU123" s="26"/>
      <c r="JYV123" s="26"/>
      <c r="JYW123" s="26"/>
      <c r="JYX123" s="26"/>
      <c r="JYY123" s="26"/>
      <c r="JYZ123" s="26"/>
      <c r="JZA123" s="26"/>
      <c r="JZB123" s="26"/>
      <c r="JZC123" s="26"/>
      <c r="JZD123" s="26"/>
      <c r="JZE123" s="26"/>
      <c r="JZF123" s="26"/>
      <c r="JZG123" s="26"/>
      <c r="JZH123" s="26"/>
      <c r="JZI123" s="26"/>
      <c r="JZJ123" s="26"/>
      <c r="JZK123" s="26"/>
      <c r="JZL123" s="26"/>
      <c r="JZM123" s="26"/>
      <c r="JZN123" s="26"/>
      <c r="JZO123" s="26"/>
      <c r="JZP123" s="26"/>
      <c r="JZQ123" s="26"/>
      <c r="JZR123" s="26"/>
      <c r="JZS123" s="26"/>
      <c r="JZT123" s="26"/>
      <c r="JZU123" s="26"/>
      <c r="JZV123" s="26"/>
      <c r="JZW123" s="26"/>
      <c r="JZX123" s="26"/>
      <c r="JZY123" s="26"/>
      <c r="JZZ123" s="26"/>
      <c r="KAA123" s="26"/>
      <c r="KAB123" s="26"/>
      <c r="KAC123" s="26"/>
      <c r="KAD123" s="26"/>
      <c r="KAE123" s="26"/>
      <c r="KAF123" s="26"/>
      <c r="KAG123" s="26"/>
      <c r="KAH123" s="26"/>
      <c r="KAI123" s="26"/>
      <c r="KAJ123" s="26"/>
      <c r="KAK123" s="26"/>
      <c r="KAL123" s="26"/>
      <c r="KAM123" s="26"/>
      <c r="KAN123" s="26"/>
      <c r="KAO123" s="26"/>
      <c r="KAP123" s="26"/>
      <c r="KAQ123" s="26"/>
      <c r="KAR123" s="26"/>
      <c r="KAS123" s="26"/>
      <c r="KAT123" s="26"/>
      <c r="KAU123" s="26"/>
      <c r="KAV123" s="26"/>
      <c r="KAW123" s="26"/>
      <c r="KAX123" s="26"/>
      <c r="KAY123" s="26"/>
      <c r="KAZ123" s="26"/>
      <c r="KBA123" s="26"/>
      <c r="KBB123" s="26"/>
      <c r="KBC123" s="26"/>
      <c r="KBD123" s="26"/>
      <c r="KBE123" s="26"/>
      <c r="KBF123" s="26"/>
      <c r="KBG123" s="26"/>
      <c r="KBH123" s="26"/>
      <c r="KBI123" s="26"/>
      <c r="KBJ123" s="26"/>
      <c r="KBK123" s="26"/>
      <c r="KBL123" s="26"/>
      <c r="KBM123" s="26"/>
      <c r="KBN123" s="26"/>
      <c r="KBO123" s="26"/>
      <c r="KBP123" s="26"/>
      <c r="KBQ123" s="26"/>
      <c r="KBR123" s="26"/>
      <c r="KBS123" s="26"/>
      <c r="KBT123" s="26"/>
      <c r="KBU123" s="26"/>
      <c r="KBV123" s="26"/>
      <c r="KBW123" s="26"/>
      <c r="KBX123" s="26"/>
      <c r="KBY123" s="26"/>
      <c r="KBZ123" s="26"/>
      <c r="KCA123" s="26"/>
      <c r="KCB123" s="26"/>
      <c r="KCC123" s="26"/>
      <c r="KCD123" s="26"/>
      <c r="KCE123" s="26"/>
      <c r="KCF123" s="26"/>
      <c r="KCG123" s="26"/>
      <c r="KCH123" s="26"/>
      <c r="KCI123" s="26"/>
      <c r="KCJ123" s="26"/>
      <c r="KCK123" s="26"/>
      <c r="KCL123" s="26"/>
      <c r="KCM123" s="26"/>
      <c r="KCN123" s="26"/>
      <c r="KCO123" s="26"/>
      <c r="KCP123" s="26"/>
      <c r="KCQ123" s="26"/>
      <c r="KCR123" s="26"/>
      <c r="KCS123" s="26"/>
      <c r="KCT123" s="26"/>
      <c r="KCU123" s="26"/>
      <c r="KCV123" s="26"/>
      <c r="KCW123" s="26"/>
      <c r="KCX123" s="26"/>
      <c r="KCY123" s="26"/>
      <c r="KCZ123" s="26"/>
      <c r="KDA123" s="26"/>
      <c r="KDB123" s="26"/>
      <c r="KDC123" s="26"/>
      <c r="KDD123" s="26"/>
      <c r="KDE123" s="26"/>
      <c r="KDF123" s="26"/>
      <c r="KDG123" s="26"/>
      <c r="KDH123" s="26"/>
      <c r="KDI123" s="26"/>
      <c r="KDJ123" s="26"/>
      <c r="KDK123" s="26"/>
      <c r="KDL123" s="26"/>
      <c r="KDM123" s="26"/>
      <c r="KDN123" s="26"/>
      <c r="KDO123" s="26"/>
      <c r="KDP123" s="26"/>
      <c r="KDQ123" s="26"/>
      <c r="KDR123" s="26"/>
      <c r="KDS123" s="26"/>
      <c r="KDT123" s="26"/>
      <c r="KDU123" s="26"/>
      <c r="KDV123" s="26"/>
      <c r="KDW123" s="26"/>
      <c r="KDX123" s="26"/>
      <c r="KDY123" s="26"/>
      <c r="KDZ123" s="26"/>
      <c r="KEA123" s="26"/>
      <c r="KEB123" s="26"/>
      <c r="KEC123" s="26"/>
      <c r="KED123" s="26"/>
      <c r="KEE123" s="26"/>
      <c r="KEF123" s="26"/>
      <c r="KEG123" s="26"/>
      <c r="KEH123" s="26"/>
      <c r="KEI123" s="26"/>
      <c r="KEJ123" s="26"/>
      <c r="KEK123" s="26"/>
      <c r="KEL123" s="26"/>
      <c r="KEM123" s="26"/>
      <c r="KEN123" s="26"/>
      <c r="KEO123" s="26"/>
      <c r="KEP123" s="26"/>
      <c r="KEQ123" s="26"/>
      <c r="KER123" s="26"/>
      <c r="KES123" s="26"/>
      <c r="KET123" s="26"/>
      <c r="KEU123" s="26"/>
      <c r="KEV123" s="26"/>
      <c r="KEW123" s="26"/>
      <c r="KEX123" s="26"/>
      <c r="KEY123" s="26"/>
      <c r="KEZ123" s="26"/>
      <c r="KFA123" s="26"/>
      <c r="KFB123" s="26"/>
      <c r="KFC123" s="26"/>
      <c r="KFD123" s="26"/>
      <c r="KFE123" s="26"/>
      <c r="KFF123" s="26"/>
      <c r="KFG123" s="26"/>
      <c r="KFH123" s="26"/>
      <c r="KFI123" s="26"/>
      <c r="KFJ123" s="26"/>
      <c r="KFK123" s="26"/>
      <c r="KFL123" s="26"/>
      <c r="KFM123" s="26"/>
      <c r="KFN123" s="26"/>
      <c r="KFO123" s="26"/>
      <c r="KFP123" s="26"/>
      <c r="KFQ123" s="26"/>
      <c r="KFR123" s="26"/>
      <c r="KFS123" s="26"/>
      <c r="KFT123" s="26"/>
      <c r="KFU123" s="26"/>
      <c r="KFV123" s="26"/>
      <c r="KFW123" s="26"/>
      <c r="KFX123" s="26"/>
      <c r="KFY123" s="26"/>
      <c r="KFZ123" s="26"/>
      <c r="KGA123" s="26"/>
      <c r="KGB123" s="26"/>
      <c r="KGC123" s="26"/>
      <c r="KGD123" s="26"/>
      <c r="KGE123" s="26"/>
      <c r="KGF123" s="26"/>
      <c r="KGG123" s="26"/>
      <c r="KGH123" s="26"/>
      <c r="KGI123" s="26"/>
      <c r="KGJ123" s="26"/>
      <c r="KGK123" s="26"/>
      <c r="KGL123" s="26"/>
      <c r="KGM123" s="26"/>
      <c r="KGN123" s="26"/>
      <c r="KGO123" s="26"/>
      <c r="KGP123" s="26"/>
      <c r="KGQ123" s="26"/>
      <c r="KGR123" s="26"/>
      <c r="KGS123" s="26"/>
      <c r="KGT123" s="26"/>
      <c r="KGU123" s="26"/>
      <c r="KGV123" s="26"/>
      <c r="KGW123" s="26"/>
      <c r="KGX123" s="26"/>
      <c r="KGY123" s="26"/>
      <c r="KGZ123" s="26"/>
      <c r="KHA123" s="26"/>
      <c r="KHB123" s="26"/>
      <c r="KHC123" s="26"/>
      <c r="KHD123" s="26"/>
      <c r="KHE123" s="26"/>
      <c r="KHF123" s="26"/>
      <c r="KHG123" s="26"/>
      <c r="KHH123" s="26"/>
      <c r="KHI123" s="26"/>
      <c r="KHJ123" s="26"/>
      <c r="KHK123" s="26"/>
      <c r="KHL123" s="26"/>
      <c r="KHM123" s="26"/>
      <c r="KHN123" s="26"/>
      <c r="KHO123" s="26"/>
      <c r="KHP123" s="26"/>
      <c r="KHQ123" s="26"/>
      <c r="KHR123" s="26"/>
      <c r="KHS123" s="26"/>
      <c r="KHT123" s="26"/>
      <c r="KHU123" s="26"/>
      <c r="KHV123" s="26"/>
      <c r="KHW123" s="26"/>
      <c r="KHX123" s="26"/>
      <c r="KHY123" s="26"/>
      <c r="KHZ123" s="26"/>
      <c r="KIA123" s="26"/>
      <c r="KIB123" s="26"/>
      <c r="KIC123" s="26"/>
      <c r="KID123" s="26"/>
      <c r="KIE123" s="26"/>
      <c r="KIF123" s="26"/>
      <c r="KIG123" s="26"/>
      <c r="KIH123" s="26"/>
      <c r="KII123" s="26"/>
      <c r="KIJ123" s="26"/>
      <c r="KIK123" s="26"/>
      <c r="KIL123" s="26"/>
      <c r="KIM123" s="26"/>
      <c r="KIN123" s="26"/>
      <c r="KIO123" s="26"/>
      <c r="KIP123" s="26"/>
      <c r="KIQ123" s="26"/>
      <c r="KIR123" s="26"/>
      <c r="KIS123" s="26"/>
      <c r="KIT123" s="26"/>
      <c r="KIU123" s="26"/>
      <c r="KIV123" s="26"/>
      <c r="KIW123" s="26"/>
      <c r="KIX123" s="26"/>
      <c r="KIY123" s="26"/>
      <c r="KIZ123" s="26"/>
      <c r="KJA123" s="26"/>
      <c r="KJB123" s="26"/>
      <c r="KJC123" s="26"/>
      <c r="KJD123" s="26"/>
      <c r="KJE123" s="26"/>
      <c r="KJF123" s="26"/>
      <c r="KJG123" s="26"/>
      <c r="KJH123" s="26"/>
      <c r="KJI123" s="26"/>
      <c r="KJJ123" s="26"/>
      <c r="KJK123" s="26"/>
      <c r="KJL123" s="26"/>
      <c r="KJM123" s="26"/>
      <c r="KJN123" s="26"/>
      <c r="KJO123" s="26"/>
      <c r="KJP123" s="26"/>
      <c r="KJQ123" s="26"/>
      <c r="KJR123" s="26"/>
      <c r="KJS123" s="26"/>
      <c r="KJT123" s="26"/>
      <c r="KJU123" s="26"/>
      <c r="KJV123" s="26"/>
      <c r="KJW123" s="26"/>
      <c r="KJX123" s="26"/>
      <c r="KJY123" s="26"/>
      <c r="KJZ123" s="26"/>
      <c r="KKA123" s="26"/>
      <c r="KKB123" s="26"/>
      <c r="KKC123" s="26"/>
      <c r="KKD123" s="26"/>
      <c r="KKE123" s="26"/>
      <c r="KKF123" s="26"/>
      <c r="KKG123" s="26"/>
      <c r="KKH123" s="26"/>
      <c r="KKI123" s="26"/>
      <c r="KKJ123" s="26"/>
      <c r="KKK123" s="26"/>
      <c r="KKL123" s="26"/>
      <c r="KKM123" s="26"/>
      <c r="KKN123" s="26"/>
      <c r="KKO123" s="26"/>
      <c r="KKP123" s="26"/>
      <c r="KKQ123" s="26"/>
      <c r="KKR123" s="26"/>
      <c r="KKS123" s="26"/>
      <c r="KKT123" s="26"/>
      <c r="KKU123" s="26"/>
      <c r="KKV123" s="26"/>
      <c r="KKW123" s="26"/>
      <c r="KKX123" s="26"/>
      <c r="KKY123" s="26"/>
      <c r="KKZ123" s="26"/>
      <c r="KLA123" s="26"/>
      <c r="KLB123" s="26"/>
      <c r="KLC123" s="26"/>
      <c r="KLD123" s="26"/>
      <c r="KLE123" s="26"/>
      <c r="KLF123" s="26"/>
      <c r="KLG123" s="26"/>
      <c r="KLH123" s="26"/>
      <c r="KLI123" s="26"/>
      <c r="KLJ123" s="26"/>
      <c r="KLK123" s="26"/>
      <c r="KLL123" s="26"/>
      <c r="KLM123" s="26"/>
      <c r="KLN123" s="26"/>
      <c r="KLO123" s="26"/>
      <c r="KLP123" s="26"/>
      <c r="KLQ123" s="26"/>
      <c r="KLR123" s="26"/>
      <c r="KLS123" s="26"/>
      <c r="KLT123" s="26"/>
      <c r="KLU123" s="26"/>
      <c r="KLV123" s="26"/>
      <c r="KLW123" s="26"/>
      <c r="KLX123" s="26"/>
      <c r="KLY123" s="26"/>
      <c r="KLZ123" s="26"/>
      <c r="KMA123" s="26"/>
      <c r="KMB123" s="26"/>
      <c r="KMC123" s="26"/>
      <c r="KMD123" s="26"/>
      <c r="KME123" s="26"/>
      <c r="KMF123" s="26"/>
      <c r="KMG123" s="26"/>
      <c r="KMH123" s="26"/>
      <c r="KMI123" s="26"/>
      <c r="KMJ123" s="26"/>
      <c r="KMK123" s="26"/>
      <c r="KML123" s="26"/>
      <c r="KMM123" s="26"/>
      <c r="KMN123" s="26"/>
      <c r="KMO123" s="26"/>
      <c r="KMP123" s="26"/>
      <c r="KMQ123" s="26"/>
      <c r="KMR123" s="26"/>
      <c r="KMS123" s="26"/>
      <c r="KMT123" s="26"/>
      <c r="KMU123" s="26"/>
      <c r="KMV123" s="26"/>
      <c r="KMW123" s="26"/>
      <c r="KMX123" s="26"/>
      <c r="KMY123" s="26"/>
      <c r="KMZ123" s="26"/>
      <c r="KNA123" s="26"/>
      <c r="KNB123" s="26"/>
      <c r="KNC123" s="26"/>
      <c r="KND123" s="26"/>
      <c r="KNE123" s="26"/>
      <c r="KNF123" s="26"/>
      <c r="KNG123" s="26"/>
      <c r="KNH123" s="26"/>
      <c r="KNI123" s="26"/>
      <c r="KNJ123" s="26"/>
      <c r="KNK123" s="26"/>
      <c r="KNL123" s="26"/>
      <c r="KNM123" s="26"/>
      <c r="KNN123" s="26"/>
      <c r="KNO123" s="26"/>
      <c r="KNP123" s="26"/>
      <c r="KNQ123" s="26"/>
      <c r="KNR123" s="26"/>
      <c r="KNS123" s="26"/>
      <c r="KNT123" s="26"/>
      <c r="KNU123" s="26"/>
      <c r="KNV123" s="26"/>
      <c r="KNW123" s="26"/>
      <c r="KNX123" s="26"/>
      <c r="KNY123" s="26"/>
      <c r="KNZ123" s="26"/>
      <c r="KOA123" s="26"/>
      <c r="KOB123" s="26"/>
      <c r="KOC123" s="26"/>
      <c r="KOD123" s="26"/>
      <c r="KOE123" s="26"/>
      <c r="KOF123" s="26"/>
      <c r="KOG123" s="26"/>
      <c r="KOH123" s="26"/>
      <c r="KOI123" s="26"/>
      <c r="KOJ123" s="26"/>
      <c r="KOK123" s="26"/>
      <c r="KOL123" s="26"/>
      <c r="KOM123" s="26"/>
      <c r="KON123" s="26"/>
      <c r="KOO123" s="26"/>
      <c r="KOP123" s="26"/>
      <c r="KOQ123" s="26"/>
      <c r="KOR123" s="26"/>
      <c r="KOS123" s="26"/>
      <c r="KOT123" s="26"/>
      <c r="KOU123" s="26"/>
      <c r="KOV123" s="26"/>
      <c r="KOW123" s="26"/>
      <c r="KOX123" s="26"/>
      <c r="KOY123" s="26"/>
      <c r="KOZ123" s="26"/>
      <c r="KPA123" s="26"/>
      <c r="KPB123" s="26"/>
      <c r="KPC123" s="26"/>
      <c r="KPD123" s="26"/>
      <c r="KPE123" s="26"/>
      <c r="KPF123" s="26"/>
      <c r="KPG123" s="26"/>
      <c r="KPH123" s="26"/>
      <c r="KPI123" s="26"/>
      <c r="KPJ123" s="26"/>
      <c r="KPK123" s="26"/>
      <c r="KPL123" s="26"/>
      <c r="KPM123" s="26"/>
      <c r="KPN123" s="26"/>
      <c r="KPO123" s="26"/>
      <c r="KPP123" s="26"/>
      <c r="KPQ123" s="26"/>
      <c r="KPR123" s="26"/>
      <c r="KPS123" s="26"/>
      <c r="KPT123" s="26"/>
      <c r="KPU123" s="26"/>
      <c r="KPV123" s="26"/>
      <c r="KPW123" s="26"/>
      <c r="KPX123" s="26"/>
      <c r="KPY123" s="26"/>
      <c r="KPZ123" s="26"/>
      <c r="KQA123" s="26"/>
      <c r="KQB123" s="26"/>
      <c r="KQC123" s="26"/>
      <c r="KQD123" s="26"/>
      <c r="KQE123" s="26"/>
      <c r="KQF123" s="26"/>
      <c r="KQG123" s="26"/>
      <c r="KQH123" s="26"/>
      <c r="KQI123" s="26"/>
      <c r="KQJ123" s="26"/>
      <c r="KQK123" s="26"/>
      <c r="KQL123" s="26"/>
      <c r="KQM123" s="26"/>
      <c r="KQN123" s="26"/>
      <c r="KQO123" s="26"/>
      <c r="KQP123" s="26"/>
      <c r="KQQ123" s="26"/>
      <c r="KQR123" s="26"/>
      <c r="KQS123" s="26"/>
      <c r="KQT123" s="26"/>
      <c r="KQU123" s="26"/>
      <c r="KQV123" s="26"/>
      <c r="KQW123" s="26"/>
      <c r="KQX123" s="26"/>
      <c r="KQY123" s="26"/>
      <c r="KQZ123" s="26"/>
      <c r="KRA123" s="26"/>
      <c r="KRB123" s="26"/>
      <c r="KRC123" s="26"/>
      <c r="KRD123" s="26"/>
      <c r="KRE123" s="26"/>
      <c r="KRF123" s="26"/>
      <c r="KRG123" s="26"/>
      <c r="KRH123" s="26"/>
      <c r="KRI123" s="26"/>
      <c r="KRJ123" s="26"/>
      <c r="KRK123" s="26"/>
      <c r="KRL123" s="26"/>
      <c r="KRM123" s="26"/>
      <c r="KRN123" s="26"/>
      <c r="KRO123" s="26"/>
      <c r="KRP123" s="26"/>
      <c r="KRQ123" s="26"/>
      <c r="KRR123" s="26"/>
      <c r="KRS123" s="26"/>
      <c r="KRT123" s="26"/>
      <c r="KRU123" s="26"/>
      <c r="KRV123" s="26"/>
      <c r="KRW123" s="26"/>
      <c r="KRX123" s="26"/>
      <c r="KRY123" s="26"/>
      <c r="KRZ123" s="26"/>
      <c r="KSA123" s="26"/>
      <c r="KSB123" s="26"/>
      <c r="KSC123" s="26"/>
      <c r="KSD123" s="26"/>
      <c r="KSE123" s="26"/>
      <c r="KSF123" s="26"/>
      <c r="KSG123" s="26"/>
      <c r="KSH123" s="26"/>
      <c r="KSI123" s="26"/>
      <c r="KSJ123" s="26"/>
      <c r="KSK123" s="26"/>
      <c r="KSL123" s="26"/>
      <c r="KSM123" s="26"/>
      <c r="KSN123" s="26"/>
      <c r="KSO123" s="26"/>
      <c r="KSP123" s="26"/>
      <c r="KSQ123" s="26"/>
      <c r="KSR123" s="26"/>
      <c r="KSS123" s="26"/>
      <c r="KST123" s="26"/>
      <c r="KSU123" s="26"/>
      <c r="KSV123" s="26"/>
      <c r="KSW123" s="26"/>
      <c r="KSX123" s="26"/>
      <c r="KSY123" s="26"/>
      <c r="KSZ123" s="26"/>
      <c r="KTA123" s="26"/>
      <c r="KTB123" s="26"/>
      <c r="KTC123" s="26"/>
      <c r="KTD123" s="26"/>
      <c r="KTE123" s="26"/>
      <c r="KTF123" s="26"/>
      <c r="KTG123" s="26"/>
      <c r="KTH123" s="26"/>
      <c r="KTI123" s="26"/>
      <c r="KTJ123" s="26"/>
      <c r="KTK123" s="26"/>
      <c r="KTL123" s="26"/>
      <c r="KTM123" s="26"/>
      <c r="KTN123" s="26"/>
      <c r="KTO123" s="26"/>
      <c r="KTP123" s="26"/>
      <c r="KTQ123" s="26"/>
      <c r="KTR123" s="26"/>
      <c r="KTS123" s="26"/>
      <c r="KTT123" s="26"/>
      <c r="KTU123" s="26"/>
      <c r="KTV123" s="26"/>
      <c r="KTW123" s="26"/>
      <c r="KTX123" s="26"/>
      <c r="KTY123" s="26"/>
      <c r="KTZ123" s="26"/>
      <c r="KUA123" s="26"/>
      <c r="KUB123" s="26"/>
      <c r="KUC123" s="26"/>
      <c r="KUD123" s="26"/>
      <c r="KUE123" s="26"/>
      <c r="KUF123" s="26"/>
      <c r="KUG123" s="26"/>
      <c r="KUH123" s="26"/>
      <c r="KUI123" s="26"/>
      <c r="KUJ123" s="26"/>
      <c r="KUK123" s="26"/>
      <c r="KUL123" s="26"/>
      <c r="KUM123" s="26"/>
      <c r="KUN123" s="26"/>
      <c r="KUO123" s="26"/>
      <c r="KUP123" s="26"/>
      <c r="KUQ123" s="26"/>
      <c r="KUR123" s="26"/>
      <c r="KUS123" s="26"/>
      <c r="KUT123" s="26"/>
      <c r="KUU123" s="26"/>
      <c r="KUV123" s="26"/>
      <c r="KUW123" s="26"/>
      <c r="KUX123" s="26"/>
      <c r="KUY123" s="26"/>
      <c r="KUZ123" s="26"/>
      <c r="KVA123" s="26"/>
      <c r="KVB123" s="26"/>
      <c r="KVC123" s="26"/>
      <c r="KVD123" s="26"/>
      <c r="KVE123" s="26"/>
      <c r="KVF123" s="26"/>
      <c r="KVG123" s="26"/>
      <c r="KVH123" s="26"/>
      <c r="KVI123" s="26"/>
      <c r="KVJ123" s="26"/>
      <c r="KVK123" s="26"/>
      <c r="KVL123" s="26"/>
      <c r="KVM123" s="26"/>
      <c r="KVN123" s="26"/>
      <c r="KVO123" s="26"/>
      <c r="KVP123" s="26"/>
      <c r="KVQ123" s="26"/>
      <c r="KVR123" s="26"/>
      <c r="KVS123" s="26"/>
      <c r="KVT123" s="26"/>
      <c r="KVU123" s="26"/>
      <c r="KVV123" s="26"/>
      <c r="KVW123" s="26"/>
      <c r="KVX123" s="26"/>
      <c r="KVY123" s="26"/>
      <c r="KVZ123" s="26"/>
      <c r="KWA123" s="26"/>
      <c r="KWB123" s="26"/>
      <c r="KWC123" s="26"/>
      <c r="KWD123" s="26"/>
      <c r="KWE123" s="26"/>
      <c r="KWF123" s="26"/>
      <c r="KWG123" s="26"/>
      <c r="KWH123" s="26"/>
      <c r="KWI123" s="26"/>
      <c r="KWJ123" s="26"/>
      <c r="KWK123" s="26"/>
      <c r="KWL123" s="26"/>
      <c r="KWM123" s="26"/>
      <c r="KWN123" s="26"/>
      <c r="KWO123" s="26"/>
      <c r="KWP123" s="26"/>
      <c r="KWQ123" s="26"/>
      <c r="KWR123" s="26"/>
      <c r="KWS123" s="26"/>
      <c r="KWT123" s="26"/>
      <c r="KWU123" s="26"/>
      <c r="KWV123" s="26"/>
      <c r="KWW123" s="26"/>
      <c r="KWX123" s="26"/>
      <c r="KWY123" s="26"/>
      <c r="KWZ123" s="26"/>
      <c r="KXA123" s="26"/>
      <c r="KXB123" s="26"/>
      <c r="KXC123" s="26"/>
      <c r="KXD123" s="26"/>
      <c r="KXE123" s="26"/>
      <c r="KXF123" s="26"/>
      <c r="KXG123" s="26"/>
      <c r="KXH123" s="26"/>
      <c r="KXI123" s="26"/>
      <c r="KXJ123" s="26"/>
      <c r="KXK123" s="26"/>
      <c r="KXL123" s="26"/>
      <c r="KXM123" s="26"/>
      <c r="KXN123" s="26"/>
      <c r="KXO123" s="26"/>
      <c r="KXP123" s="26"/>
      <c r="KXQ123" s="26"/>
      <c r="KXR123" s="26"/>
      <c r="KXS123" s="26"/>
      <c r="KXT123" s="26"/>
      <c r="KXU123" s="26"/>
      <c r="KXV123" s="26"/>
      <c r="KXW123" s="26"/>
      <c r="KXX123" s="26"/>
      <c r="KXY123" s="26"/>
      <c r="KXZ123" s="26"/>
      <c r="KYA123" s="26"/>
      <c r="KYB123" s="26"/>
      <c r="KYC123" s="26"/>
      <c r="KYD123" s="26"/>
      <c r="KYE123" s="26"/>
      <c r="KYF123" s="26"/>
      <c r="KYG123" s="26"/>
      <c r="KYH123" s="26"/>
      <c r="KYI123" s="26"/>
      <c r="KYJ123" s="26"/>
      <c r="KYK123" s="26"/>
      <c r="KYL123" s="26"/>
      <c r="KYM123" s="26"/>
      <c r="KYN123" s="26"/>
      <c r="KYO123" s="26"/>
      <c r="KYP123" s="26"/>
      <c r="KYQ123" s="26"/>
      <c r="KYR123" s="26"/>
      <c r="KYS123" s="26"/>
      <c r="KYT123" s="26"/>
      <c r="KYU123" s="26"/>
      <c r="KYV123" s="26"/>
      <c r="KYW123" s="26"/>
      <c r="KYX123" s="26"/>
      <c r="KYY123" s="26"/>
      <c r="KYZ123" s="26"/>
      <c r="KZA123" s="26"/>
      <c r="KZB123" s="26"/>
      <c r="KZC123" s="26"/>
      <c r="KZD123" s="26"/>
      <c r="KZE123" s="26"/>
      <c r="KZF123" s="26"/>
      <c r="KZG123" s="26"/>
      <c r="KZH123" s="26"/>
      <c r="KZI123" s="26"/>
      <c r="KZJ123" s="26"/>
      <c r="KZK123" s="26"/>
      <c r="KZL123" s="26"/>
      <c r="KZM123" s="26"/>
      <c r="KZN123" s="26"/>
      <c r="KZO123" s="26"/>
      <c r="KZP123" s="26"/>
      <c r="KZQ123" s="26"/>
      <c r="KZR123" s="26"/>
      <c r="KZS123" s="26"/>
      <c r="KZT123" s="26"/>
      <c r="KZU123" s="26"/>
      <c r="KZV123" s="26"/>
      <c r="KZW123" s="26"/>
      <c r="KZX123" s="26"/>
      <c r="KZY123" s="26"/>
      <c r="KZZ123" s="26"/>
      <c r="LAA123" s="26"/>
      <c r="LAB123" s="26"/>
      <c r="LAC123" s="26"/>
      <c r="LAD123" s="26"/>
      <c r="LAE123" s="26"/>
      <c r="LAF123" s="26"/>
      <c r="LAG123" s="26"/>
      <c r="LAH123" s="26"/>
      <c r="LAI123" s="26"/>
      <c r="LAJ123" s="26"/>
      <c r="LAK123" s="26"/>
      <c r="LAL123" s="26"/>
      <c r="LAM123" s="26"/>
      <c r="LAN123" s="26"/>
      <c r="LAO123" s="26"/>
      <c r="LAP123" s="26"/>
      <c r="LAQ123" s="26"/>
      <c r="LAR123" s="26"/>
      <c r="LAS123" s="26"/>
      <c r="LAT123" s="26"/>
      <c r="LAU123" s="26"/>
      <c r="LAV123" s="26"/>
      <c r="LAW123" s="26"/>
      <c r="LAX123" s="26"/>
      <c r="LAY123" s="26"/>
      <c r="LAZ123" s="26"/>
      <c r="LBA123" s="26"/>
      <c r="LBB123" s="26"/>
      <c r="LBC123" s="26"/>
      <c r="LBD123" s="26"/>
      <c r="LBE123" s="26"/>
      <c r="LBF123" s="26"/>
      <c r="LBG123" s="26"/>
      <c r="LBH123" s="26"/>
      <c r="LBI123" s="26"/>
      <c r="LBJ123" s="26"/>
      <c r="LBK123" s="26"/>
      <c r="LBL123" s="26"/>
      <c r="LBM123" s="26"/>
      <c r="LBN123" s="26"/>
      <c r="LBO123" s="26"/>
      <c r="LBP123" s="26"/>
      <c r="LBQ123" s="26"/>
      <c r="LBR123" s="26"/>
      <c r="LBS123" s="26"/>
      <c r="LBT123" s="26"/>
      <c r="LBU123" s="26"/>
      <c r="LBV123" s="26"/>
      <c r="LBW123" s="26"/>
      <c r="LBX123" s="26"/>
      <c r="LBY123" s="26"/>
      <c r="LBZ123" s="26"/>
      <c r="LCA123" s="26"/>
      <c r="LCB123" s="26"/>
      <c r="LCC123" s="26"/>
      <c r="LCD123" s="26"/>
      <c r="LCE123" s="26"/>
      <c r="LCF123" s="26"/>
      <c r="LCG123" s="26"/>
      <c r="LCH123" s="26"/>
      <c r="LCI123" s="26"/>
      <c r="LCJ123" s="26"/>
      <c r="LCK123" s="26"/>
      <c r="LCL123" s="26"/>
      <c r="LCM123" s="26"/>
      <c r="LCN123" s="26"/>
      <c r="LCO123" s="26"/>
      <c r="LCP123" s="26"/>
      <c r="LCQ123" s="26"/>
      <c r="LCR123" s="26"/>
      <c r="LCS123" s="26"/>
      <c r="LCT123" s="26"/>
      <c r="LCU123" s="26"/>
      <c r="LCV123" s="26"/>
      <c r="LCW123" s="26"/>
      <c r="LCX123" s="26"/>
      <c r="LCY123" s="26"/>
      <c r="LCZ123" s="26"/>
      <c r="LDA123" s="26"/>
      <c r="LDB123" s="26"/>
      <c r="LDC123" s="26"/>
      <c r="LDD123" s="26"/>
      <c r="LDE123" s="26"/>
      <c r="LDF123" s="26"/>
      <c r="LDG123" s="26"/>
      <c r="LDH123" s="26"/>
      <c r="LDI123" s="26"/>
      <c r="LDJ123" s="26"/>
      <c r="LDK123" s="26"/>
      <c r="LDL123" s="26"/>
      <c r="LDM123" s="26"/>
      <c r="LDN123" s="26"/>
      <c r="LDO123" s="26"/>
      <c r="LDP123" s="26"/>
      <c r="LDQ123" s="26"/>
      <c r="LDR123" s="26"/>
      <c r="LDS123" s="26"/>
      <c r="LDT123" s="26"/>
      <c r="LDU123" s="26"/>
      <c r="LDV123" s="26"/>
      <c r="LDW123" s="26"/>
      <c r="LDX123" s="26"/>
      <c r="LDY123" s="26"/>
      <c r="LDZ123" s="26"/>
      <c r="LEA123" s="26"/>
      <c r="LEB123" s="26"/>
      <c r="LEC123" s="26"/>
      <c r="LED123" s="26"/>
      <c r="LEE123" s="26"/>
      <c r="LEF123" s="26"/>
      <c r="LEG123" s="26"/>
      <c r="LEH123" s="26"/>
      <c r="LEI123" s="26"/>
      <c r="LEJ123" s="26"/>
      <c r="LEK123" s="26"/>
      <c r="LEL123" s="26"/>
      <c r="LEM123" s="26"/>
      <c r="LEN123" s="26"/>
      <c r="LEO123" s="26"/>
      <c r="LEP123" s="26"/>
      <c r="LEQ123" s="26"/>
      <c r="LER123" s="26"/>
      <c r="LES123" s="26"/>
      <c r="LET123" s="26"/>
      <c r="LEU123" s="26"/>
      <c r="LEV123" s="26"/>
      <c r="LEW123" s="26"/>
      <c r="LEX123" s="26"/>
      <c r="LEY123" s="26"/>
      <c r="LEZ123" s="26"/>
      <c r="LFA123" s="26"/>
      <c r="LFB123" s="26"/>
      <c r="LFC123" s="26"/>
      <c r="LFD123" s="26"/>
      <c r="LFE123" s="26"/>
      <c r="LFF123" s="26"/>
      <c r="LFG123" s="26"/>
      <c r="LFH123" s="26"/>
      <c r="LFI123" s="26"/>
      <c r="LFJ123" s="26"/>
      <c r="LFK123" s="26"/>
      <c r="LFL123" s="26"/>
      <c r="LFM123" s="26"/>
      <c r="LFN123" s="26"/>
      <c r="LFO123" s="26"/>
      <c r="LFP123" s="26"/>
      <c r="LFQ123" s="26"/>
      <c r="LFR123" s="26"/>
      <c r="LFS123" s="26"/>
      <c r="LFT123" s="26"/>
      <c r="LFU123" s="26"/>
      <c r="LFV123" s="26"/>
      <c r="LFW123" s="26"/>
      <c r="LFX123" s="26"/>
      <c r="LFY123" s="26"/>
      <c r="LFZ123" s="26"/>
      <c r="LGA123" s="26"/>
      <c r="LGB123" s="26"/>
      <c r="LGC123" s="26"/>
      <c r="LGD123" s="26"/>
      <c r="LGE123" s="26"/>
      <c r="LGF123" s="26"/>
      <c r="LGG123" s="26"/>
      <c r="LGH123" s="26"/>
      <c r="LGI123" s="26"/>
      <c r="LGJ123" s="26"/>
      <c r="LGK123" s="26"/>
      <c r="LGL123" s="26"/>
      <c r="LGM123" s="26"/>
      <c r="LGN123" s="26"/>
      <c r="LGO123" s="26"/>
      <c r="LGP123" s="26"/>
      <c r="LGQ123" s="26"/>
      <c r="LGR123" s="26"/>
      <c r="LGS123" s="26"/>
      <c r="LGT123" s="26"/>
      <c r="LGU123" s="26"/>
      <c r="LGV123" s="26"/>
      <c r="LGW123" s="26"/>
      <c r="LGX123" s="26"/>
      <c r="LGY123" s="26"/>
      <c r="LGZ123" s="26"/>
      <c r="LHA123" s="26"/>
      <c r="LHB123" s="26"/>
      <c r="LHC123" s="26"/>
      <c r="LHD123" s="26"/>
      <c r="LHE123" s="26"/>
      <c r="LHF123" s="26"/>
      <c r="LHG123" s="26"/>
      <c r="LHH123" s="26"/>
      <c r="LHI123" s="26"/>
      <c r="LHJ123" s="26"/>
      <c r="LHK123" s="26"/>
      <c r="LHL123" s="26"/>
      <c r="LHM123" s="26"/>
      <c r="LHN123" s="26"/>
      <c r="LHO123" s="26"/>
      <c r="LHP123" s="26"/>
      <c r="LHQ123" s="26"/>
      <c r="LHR123" s="26"/>
      <c r="LHS123" s="26"/>
      <c r="LHT123" s="26"/>
      <c r="LHU123" s="26"/>
      <c r="LHV123" s="26"/>
      <c r="LHW123" s="26"/>
      <c r="LHX123" s="26"/>
      <c r="LHY123" s="26"/>
      <c r="LHZ123" s="26"/>
      <c r="LIA123" s="26"/>
      <c r="LIB123" s="26"/>
      <c r="LIC123" s="26"/>
      <c r="LID123" s="26"/>
      <c r="LIE123" s="26"/>
      <c r="LIF123" s="26"/>
      <c r="LIG123" s="26"/>
      <c r="LIH123" s="26"/>
      <c r="LII123" s="26"/>
      <c r="LIJ123" s="26"/>
      <c r="LIK123" s="26"/>
      <c r="LIL123" s="26"/>
      <c r="LIM123" s="26"/>
      <c r="LIN123" s="26"/>
      <c r="LIO123" s="26"/>
      <c r="LIP123" s="26"/>
      <c r="LIQ123" s="26"/>
      <c r="LIR123" s="26"/>
      <c r="LIS123" s="26"/>
      <c r="LIT123" s="26"/>
      <c r="LIU123" s="26"/>
      <c r="LIV123" s="26"/>
      <c r="LIW123" s="26"/>
      <c r="LIX123" s="26"/>
      <c r="LIY123" s="26"/>
      <c r="LIZ123" s="26"/>
      <c r="LJA123" s="26"/>
      <c r="LJB123" s="26"/>
      <c r="LJC123" s="26"/>
      <c r="LJD123" s="26"/>
      <c r="LJE123" s="26"/>
      <c r="LJF123" s="26"/>
      <c r="LJG123" s="26"/>
      <c r="LJH123" s="26"/>
      <c r="LJI123" s="26"/>
      <c r="LJJ123" s="26"/>
      <c r="LJK123" s="26"/>
      <c r="LJL123" s="26"/>
      <c r="LJM123" s="26"/>
      <c r="LJN123" s="26"/>
      <c r="LJO123" s="26"/>
      <c r="LJP123" s="26"/>
      <c r="LJQ123" s="26"/>
      <c r="LJR123" s="26"/>
      <c r="LJS123" s="26"/>
      <c r="LJT123" s="26"/>
      <c r="LJU123" s="26"/>
      <c r="LJV123" s="26"/>
      <c r="LJW123" s="26"/>
      <c r="LJX123" s="26"/>
      <c r="LJY123" s="26"/>
      <c r="LJZ123" s="26"/>
      <c r="LKA123" s="26"/>
      <c r="LKB123" s="26"/>
      <c r="LKC123" s="26"/>
      <c r="LKD123" s="26"/>
      <c r="LKE123" s="26"/>
      <c r="LKF123" s="26"/>
      <c r="LKG123" s="26"/>
      <c r="LKH123" s="26"/>
      <c r="LKI123" s="26"/>
      <c r="LKJ123" s="26"/>
      <c r="LKK123" s="26"/>
      <c r="LKL123" s="26"/>
      <c r="LKM123" s="26"/>
      <c r="LKN123" s="26"/>
      <c r="LKO123" s="26"/>
      <c r="LKP123" s="26"/>
      <c r="LKQ123" s="26"/>
      <c r="LKR123" s="26"/>
      <c r="LKS123" s="26"/>
      <c r="LKT123" s="26"/>
      <c r="LKU123" s="26"/>
      <c r="LKV123" s="26"/>
      <c r="LKW123" s="26"/>
      <c r="LKX123" s="26"/>
      <c r="LKY123" s="26"/>
      <c r="LKZ123" s="26"/>
      <c r="LLA123" s="26"/>
      <c r="LLB123" s="26"/>
      <c r="LLC123" s="26"/>
      <c r="LLD123" s="26"/>
      <c r="LLE123" s="26"/>
      <c r="LLF123" s="26"/>
      <c r="LLG123" s="26"/>
      <c r="LLH123" s="26"/>
      <c r="LLI123" s="26"/>
      <c r="LLJ123" s="26"/>
      <c r="LLK123" s="26"/>
      <c r="LLL123" s="26"/>
      <c r="LLM123" s="26"/>
      <c r="LLN123" s="26"/>
      <c r="LLO123" s="26"/>
      <c r="LLP123" s="26"/>
      <c r="LLQ123" s="26"/>
      <c r="LLR123" s="26"/>
      <c r="LLS123" s="26"/>
      <c r="LLT123" s="26"/>
      <c r="LLU123" s="26"/>
      <c r="LLV123" s="26"/>
      <c r="LLW123" s="26"/>
      <c r="LLX123" s="26"/>
      <c r="LLY123" s="26"/>
      <c r="LLZ123" s="26"/>
      <c r="LMA123" s="26"/>
      <c r="LMB123" s="26"/>
      <c r="LMC123" s="26"/>
      <c r="LMD123" s="26"/>
      <c r="LME123" s="26"/>
      <c r="LMF123" s="26"/>
      <c r="LMG123" s="26"/>
      <c r="LMH123" s="26"/>
      <c r="LMI123" s="26"/>
      <c r="LMJ123" s="26"/>
      <c r="LMK123" s="26"/>
      <c r="LML123" s="26"/>
      <c r="LMM123" s="26"/>
      <c r="LMN123" s="26"/>
      <c r="LMO123" s="26"/>
      <c r="LMP123" s="26"/>
      <c r="LMQ123" s="26"/>
      <c r="LMR123" s="26"/>
      <c r="LMS123" s="26"/>
      <c r="LMT123" s="26"/>
      <c r="LMU123" s="26"/>
      <c r="LMV123" s="26"/>
      <c r="LMW123" s="26"/>
      <c r="LMX123" s="26"/>
      <c r="LMY123" s="26"/>
      <c r="LMZ123" s="26"/>
      <c r="LNA123" s="26"/>
      <c r="LNB123" s="26"/>
      <c r="LNC123" s="26"/>
      <c r="LND123" s="26"/>
      <c r="LNE123" s="26"/>
      <c r="LNF123" s="26"/>
      <c r="LNG123" s="26"/>
      <c r="LNH123" s="26"/>
      <c r="LNI123" s="26"/>
      <c r="LNJ123" s="26"/>
      <c r="LNK123" s="26"/>
      <c r="LNL123" s="26"/>
      <c r="LNM123" s="26"/>
      <c r="LNN123" s="26"/>
      <c r="LNO123" s="26"/>
      <c r="LNP123" s="26"/>
      <c r="LNQ123" s="26"/>
      <c r="LNR123" s="26"/>
      <c r="LNS123" s="26"/>
      <c r="LNT123" s="26"/>
      <c r="LNU123" s="26"/>
      <c r="LNV123" s="26"/>
      <c r="LNW123" s="26"/>
      <c r="LNX123" s="26"/>
      <c r="LNY123" s="26"/>
      <c r="LNZ123" s="26"/>
      <c r="LOA123" s="26"/>
      <c r="LOB123" s="26"/>
      <c r="LOC123" s="26"/>
      <c r="LOD123" s="26"/>
      <c r="LOE123" s="26"/>
      <c r="LOF123" s="26"/>
      <c r="LOG123" s="26"/>
      <c r="LOH123" s="26"/>
      <c r="LOI123" s="26"/>
      <c r="LOJ123" s="26"/>
      <c r="LOK123" s="26"/>
      <c r="LOL123" s="26"/>
      <c r="LOM123" s="26"/>
      <c r="LON123" s="26"/>
      <c r="LOO123" s="26"/>
      <c r="LOP123" s="26"/>
      <c r="LOQ123" s="26"/>
      <c r="LOR123" s="26"/>
      <c r="LOS123" s="26"/>
      <c r="LOT123" s="26"/>
      <c r="LOU123" s="26"/>
      <c r="LOV123" s="26"/>
      <c r="LOW123" s="26"/>
      <c r="LOX123" s="26"/>
      <c r="LOY123" s="26"/>
      <c r="LOZ123" s="26"/>
      <c r="LPA123" s="26"/>
      <c r="LPB123" s="26"/>
      <c r="LPC123" s="26"/>
      <c r="LPD123" s="26"/>
      <c r="LPE123" s="26"/>
      <c r="LPF123" s="26"/>
      <c r="LPG123" s="26"/>
      <c r="LPH123" s="26"/>
      <c r="LPI123" s="26"/>
      <c r="LPJ123" s="26"/>
      <c r="LPK123" s="26"/>
      <c r="LPL123" s="26"/>
      <c r="LPM123" s="26"/>
      <c r="LPN123" s="26"/>
      <c r="LPO123" s="26"/>
      <c r="LPP123" s="26"/>
      <c r="LPQ123" s="26"/>
      <c r="LPR123" s="26"/>
      <c r="LPS123" s="26"/>
      <c r="LPT123" s="26"/>
      <c r="LPU123" s="26"/>
      <c r="LPV123" s="26"/>
      <c r="LPW123" s="26"/>
      <c r="LPX123" s="26"/>
      <c r="LPY123" s="26"/>
      <c r="LPZ123" s="26"/>
      <c r="LQA123" s="26"/>
      <c r="LQB123" s="26"/>
      <c r="LQC123" s="26"/>
      <c r="LQD123" s="26"/>
      <c r="LQE123" s="26"/>
      <c r="LQF123" s="26"/>
      <c r="LQG123" s="26"/>
      <c r="LQH123" s="26"/>
      <c r="LQI123" s="26"/>
      <c r="LQJ123" s="26"/>
      <c r="LQK123" s="26"/>
      <c r="LQL123" s="26"/>
      <c r="LQM123" s="26"/>
      <c r="LQN123" s="26"/>
      <c r="LQO123" s="26"/>
      <c r="LQP123" s="26"/>
      <c r="LQQ123" s="26"/>
      <c r="LQR123" s="26"/>
      <c r="LQS123" s="26"/>
      <c r="LQT123" s="26"/>
      <c r="LQU123" s="26"/>
      <c r="LQV123" s="26"/>
      <c r="LQW123" s="26"/>
      <c r="LQX123" s="26"/>
      <c r="LQY123" s="26"/>
      <c r="LQZ123" s="26"/>
      <c r="LRA123" s="26"/>
      <c r="LRB123" s="26"/>
      <c r="LRC123" s="26"/>
      <c r="LRD123" s="26"/>
      <c r="LRE123" s="26"/>
      <c r="LRF123" s="26"/>
      <c r="LRG123" s="26"/>
      <c r="LRH123" s="26"/>
      <c r="LRI123" s="26"/>
      <c r="LRJ123" s="26"/>
      <c r="LRK123" s="26"/>
      <c r="LRL123" s="26"/>
      <c r="LRM123" s="26"/>
      <c r="LRN123" s="26"/>
      <c r="LRO123" s="26"/>
      <c r="LRP123" s="26"/>
      <c r="LRQ123" s="26"/>
      <c r="LRR123" s="26"/>
      <c r="LRS123" s="26"/>
      <c r="LRT123" s="26"/>
      <c r="LRU123" s="26"/>
      <c r="LRV123" s="26"/>
      <c r="LRW123" s="26"/>
      <c r="LRX123" s="26"/>
      <c r="LRY123" s="26"/>
      <c r="LRZ123" s="26"/>
      <c r="LSA123" s="26"/>
      <c r="LSB123" s="26"/>
      <c r="LSC123" s="26"/>
      <c r="LSD123" s="26"/>
      <c r="LSE123" s="26"/>
      <c r="LSF123" s="26"/>
      <c r="LSG123" s="26"/>
      <c r="LSH123" s="26"/>
      <c r="LSI123" s="26"/>
      <c r="LSJ123" s="26"/>
      <c r="LSK123" s="26"/>
      <c r="LSL123" s="26"/>
      <c r="LSM123" s="26"/>
      <c r="LSN123" s="26"/>
      <c r="LSO123" s="26"/>
      <c r="LSP123" s="26"/>
      <c r="LSQ123" s="26"/>
      <c r="LSR123" s="26"/>
      <c r="LSS123" s="26"/>
      <c r="LST123" s="26"/>
      <c r="LSU123" s="26"/>
      <c r="LSV123" s="26"/>
      <c r="LSW123" s="26"/>
      <c r="LSX123" s="26"/>
      <c r="LSY123" s="26"/>
      <c r="LSZ123" s="26"/>
      <c r="LTA123" s="26"/>
      <c r="LTB123" s="26"/>
      <c r="LTC123" s="26"/>
      <c r="LTD123" s="26"/>
      <c r="LTE123" s="26"/>
      <c r="LTF123" s="26"/>
      <c r="LTG123" s="26"/>
      <c r="LTH123" s="26"/>
      <c r="LTI123" s="26"/>
      <c r="LTJ123" s="26"/>
      <c r="LTK123" s="26"/>
      <c r="LTL123" s="26"/>
      <c r="LTM123" s="26"/>
      <c r="LTN123" s="26"/>
      <c r="LTO123" s="26"/>
      <c r="LTP123" s="26"/>
      <c r="LTQ123" s="26"/>
      <c r="LTR123" s="26"/>
      <c r="LTS123" s="26"/>
      <c r="LTT123" s="26"/>
      <c r="LTU123" s="26"/>
      <c r="LTV123" s="26"/>
      <c r="LTW123" s="26"/>
      <c r="LTX123" s="26"/>
      <c r="LTY123" s="26"/>
      <c r="LTZ123" s="26"/>
      <c r="LUA123" s="26"/>
      <c r="LUB123" s="26"/>
      <c r="LUC123" s="26"/>
      <c r="LUD123" s="26"/>
      <c r="LUE123" s="26"/>
      <c r="LUF123" s="26"/>
      <c r="LUG123" s="26"/>
      <c r="LUH123" s="26"/>
      <c r="LUI123" s="26"/>
      <c r="LUJ123" s="26"/>
      <c r="LUK123" s="26"/>
      <c r="LUL123" s="26"/>
      <c r="LUM123" s="26"/>
      <c r="LUN123" s="26"/>
      <c r="LUO123" s="26"/>
      <c r="LUP123" s="26"/>
      <c r="LUQ123" s="26"/>
      <c r="LUR123" s="26"/>
      <c r="LUS123" s="26"/>
      <c r="LUT123" s="26"/>
      <c r="LUU123" s="26"/>
      <c r="LUV123" s="26"/>
      <c r="LUW123" s="26"/>
      <c r="LUX123" s="26"/>
      <c r="LUY123" s="26"/>
      <c r="LUZ123" s="26"/>
      <c r="LVA123" s="26"/>
      <c r="LVB123" s="26"/>
      <c r="LVC123" s="26"/>
      <c r="LVD123" s="26"/>
      <c r="LVE123" s="26"/>
      <c r="LVF123" s="26"/>
      <c r="LVG123" s="26"/>
      <c r="LVH123" s="26"/>
      <c r="LVI123" s="26"/>
      <c r="LVJ123" s="26"/>
      <c r="LVK123" s="26"/>
      <c r="LVL123" s="26"/>
      <c r="LVM123" s="26"/>
      <c r="LVN123" s="26"/>
      <c r="LVO123" s="26"/>
      <c r="LVP123" s="26"/>
      <c r="LVQ123" s="26"/>
      <c r="LVR123" s="26"/>
      <c r="LVS123" s="26"/>
      <c r="LVT123" s="26"/>
      <c r="LVU123" s="26"/>
      <c r="LVV123" s="26"/>
      <c r="LVW123" s="26"/>
      <c r="LVX123" s="26"/>
      <c r="LVY123" s="26"/>
      <c r="LVZ123" s="26"/>
      <c r="LWA123" s="26"/>
      <c r="LWB123" s="26"/>
      <c r="LWC123" s="26"/>
      <c r="LWD123" s="26"/>
      <c r="LWE123" s="26"/>
      <c r="LWF123" s="26"/>
      <c r="LWG123" s="26"/>
      <c r="LWH123" s="26"/>
      <c r="LWI123" s="26"/>
      <c r="LWJ123" s="26"/>
      <c r="LWK123" s="26"/>
      <c r="LWL123" s="26"/>
      <c r="LWM123" s="26"/>
      <c r="LWN123" s="26"/>
      <c r="LWO123" s="26"/>
      <c r="LWP123" s="26"/>
      <c r="LWQ123" s="26"/>
      <c r="LWR123" s="26"/>
      <c r="LWS123" s="26"/>
      <c r="LWT123" s="26"/>
      <c r="LWU123" s="26"/>
      <c r="LWV123" s="26"/>
      <c r="LWW123" s="26"/>
      <c r="LWX123" s="26"/>
      <c r="LWY123" s="26"/>
      <c r="LWZ123" s="26"/>
      <c r="LXA123" s="26"/>
      <c r="LXB123" s="26"/>
      <c r="LXC123" s="26"/>
      <c r="LXD123" s="26"/>
      <c r="LXE123" s="26"/>
      <c r="LXF123" s="26"/>
      <c r="LXG123" s="26"/>
      <c r="LXH123" s="26"/>
      <c r="LXI123" s="26"/>
      <c r="LXJ123" s="26"/>
      <c r="LXK123" s="26"/>
      <c r="LXL123" s="26"/>
      <c r="LXM123" s="26"/>
      <c r="LXN123" s="26"/>
      <c r="LXO123" s="26"/>
      <c r="LXP123" s="26"/>
      <c r="LXQ123" s="26"/>
      <c r="LXR123" s="26"/>
      <c r="LXS123" s="26"/>
      <c r="LXT123" s="26"/>
      <c r="LXU123" s="26"/>
      <c r="LXV123" s="26"/>
      <c r="LXW123" s="26"/>
      <c r="LXX123" s="26"/>
      <c r="LXY123" s="26"/>
      <c r="LXZ123" s="26"/>
      <c r="LYA123" s="26"/>
      <c r="LYB123" s="26"/>
      <c r="LYC123" s="26"/>
      <c r="LYD123" s="26"/>
      <c r="LYE123" s="26"/>
      <c r="LYF123" s="26"/>
      <c r="LYG123" s="26"/>
      <c r="LYH123" s="26"/>
      <c r="LYI123" s="26"/>
      <c r="LYJ123" s="26"/>
      <c r="LYK123" s="26"/>
      <c r="LYL123" s="26"/>
      <c r="LYM123" s="26"/>
      <c r="LYN123" s="26"/>
      <c r="LYO123" s="26"/>
      <c r="LYP123" s="26"/>
      <c r="LYQ123" s="26"/>
      <c r="LYR123" s="26"/>
      <c r="LYS123" s="26"/>
      <c r="LYT123" s="26"/>
      <c r="LYU123" s="26"/>
      <c r="LYV123" s="26"/>
      <c r="LYW123" s="26"/>
      <c r="LYX123" s="26"/>
      <c r="LYY123" s="26"/>
      <c r="LYZ123" s="26"/>
      <c r="LZA123" s="26"/>
      <c r="LZB123" s="26"/>
      <c r="LZC123" s="26"/>
      <c r="LZD123" s="26"/>
      <c r="LZE123" s="26"/>
      <c r="LZF123" s="26"/>
      <c r="LZG123" s="26"/>
      <c r="LZH123" s="26"/>
      <c r="LZI123" s="26"/>
      <c r="LZJ123" s="26"/>
      <c r="LZK123" s="26"/>
      <c r="LZL123" s="26"/>
      <c r="LZM123" s="26"/>
      <c r="LZN123" s="26"/>
      <c r="LZO123" s="26"/>
      <c r="LZP123" s="26"/>
      <c r="LZQ123" s="26"/>
      <c r="LZR123" s="26"/>
      <c r="LZS123" s="26"/>
      <c r="LZT123" s="26"/>
      <c r="LZU123" s="26"/>
      <c r="LZV123" s="26"/>
      <c r="LZW123" s="26"/>
      <c r="LZX123" s="26"/>
      <c r="LZY123" s="26"/>
      <c r="LZZ123" s="26"/>
      <c r="MAA123" s="26"/>
      <c r="MAB123" s="26"/>
      <c r="MAC123" s="26"/>
      <c r="MAD123" s="26"/>
      <c r="MAE123" s="26"/>
      <c r="MAF123" s="26"/>
      <c r="MAG123" s="26"/>
      <c r="MAH123" s="26"/>
      <c r="MAI123" s="26"/>
      <c r="MAJ123" s="26"/>
      <c r="MAK123" s="26"/>
      <c r="MAL123" s="26"/>
      <c r="MAM123" s="26"/>
      <c r="MAN123" s="26"/>
      <c r="MAO123" s="26"/>
      <c r="MAP123" s="26"/>
      <c r="MAQ123" s="26"/>
      <c r="MAR123" s="26"/>
      <c r="MAS123" s="26"/>
      <c r="MAT123" s="26"/>
      <c r="MAU123" s="26"/>
      <c r="MAV123" s="26"/>
      <c r="MAW123" s="26"/>
      <c r="MAX123" s="26"/>
      <c r="MAY123" s="26"/>
      <c r="MAZ123" s="26"/>
      <c r="MBA123" s="26"/>
      <c r="MBB123" s="26"/>
      <c r="MBC123" s="26"/>
      <c r="MBD123" s="26"/>
      <c r="MBE123" s="26"/>
      <c r="MBF123" s="26"/>
      <c r="MBG123" s="26"/>
      <c r="MBH123" s="26"/>
      <c r="MBI123" s="26"/>
      <c r="MBJ123" s="26"/>
      <c r="MBK123" s="26"/>
      <c r="MBL123" s="26"/>
      <c r="MBM123" s="26"/>
      <c r="MBN123" s="26"/>
      <c r="MBO123" s="26"/>
      <c r="MBP123" s="26"/>
      <c r="MBQ123" s="26"/>
      <c r="MBR123" s="26"/>
      <c r="MBS123" s="26"/>
      <c r="MBT123" s="26"/>
      <c r="MBU123" s="26"/>
      <c r="MBV123" s="26"/>
      <c r="MBW123" s="26"/>
      <c r="MBX123" s="26"/>
      <c r="MBY123" s="26"/>
      <c r="MBZ123" s="26"/>
      <c r="MCA123" s="26"/>
      <c r="MCB123" s="26"/>
      <c r="MCC123" s="26"/>
      <c r="MCD123" s="26"/>
      <c r="MCE123" s="26"/>
      <c r="MCF123" s="26"/>
      <c r="MCG123" s="26"/>
      <c r="MCH123" s="26"/>
      <c r="MCI123" s="26"/>
      <c r="MCJ123" s="26"/>
      <c r="MCK123" s="26"/>
      <c r="MCL123" s="26"/>
      <c r="MCM123" s="26"/>
      <c r="MCN123" s="26"/>
      <c r="MCO123" s="26"/>
      <c r="MCP123" s="26"/>
      <c r="MCQ123" s="26"/>
      <c r="MCR123" s="26"/>
      <c r="MCS123" s="26"/>
      <c r="MCT123" s="26"/>
      <c r="MCU123" s="26"/>
      <c r="MCV123" s="26"/>
      <c r="MCW123" s="26"/>
      <c r="MCX123" s="26"/>
      <c r="MCY123" s="26"/>
      <c r="MCZ123" s="26"/>
      <c r="MDA123" s="26"/>
      <c r="MDB123" s="26"/>
      <c r="MDC123" s="26"/>
      <c r="MDD123" s="26"/>
      <c r="MDE123" s="26"/>
      <c r="MDF123" s="26"/>
      <c r="MDG123" s="26"/>
      <c r="MDH123" s="26"/>
      <c r="MDI123" s="26"/>
      <c r="MDJ123" s="26"/>
      <c r="MDK123" s="26"/>
      <c r="MDL123" s="26"/>
      <c r="MDM123" s="26"/>
      <c r="MDN123" s="26"/>
      <c r="MDO123" s="26"/>
      <c r="MDP123" s="26"/>
      <c r="MDQ123" s="26"/>
      <c r="MDR123" s="26"/>
      <c r="MDS123" s="26"/>
      <c r="MDT123" s="26"/>
      <c r="MDU123" s="26"/>
      <c r="MDV123" s="26"/>
      <c r="MDW123" s="26"/>
      <c r="MDX123" s="26"/>
      <c r="MDY123" s="26"/>
      <c r="MDZ123" s="26"/>
      <c r="MEA123" s="26"/>
      <c r="MEB123" s="26"/>
      <c r="MEC123" s="26"/>
      <c r="MED123" s="26"/>
      <c r="MEE123" s="26"/>
      <c r="MEF123" s="26"/>
      <c r="MEG123" s="26"/>
      <c r="MEH123" s="26"/>
      <c r="MEI123" s="26"/>
      <c r="MEJ123" s="26"/>
      <c r="MEK123" s="26"/>
      <c r="MEL123" s="26"/>
      <c r="MEM123" s="26"/>
      <c r="MEN123" s="26"/>
      <c r="MEO123" s="26"/>
      <c r="MEP123" s="26"/>
      <c r="MEQ123" s="26"/>
      <c r="MER123" s="26"/>
      <c r="MES123" s="26"/>
      <c r="MET123" s="26"/>
      <c r="MEU123" s="26"/>
      <c r="MEV123" s="26"/>
      <c r="MEW123" s="26"/>
      <c r="MEX123" s="26"/>
      <c r="MEY123" s="26"/>
      <c r="MEZ123" s="26"/>
      <c r="MFA123" s="26"/>
      <c r="MFB123" s="26"/>
      <c r="MFC123" s="26"/>
      <c r="MFD123" s="26"/>
      <c r="MFE123" s="26"/>
      <c r="MFF123" s="26"/>
      <c r="MFG123" s="26"/>
      <c r="MFH123" s="26"/>
      <c r="MFI123" s="26"/>
      <c r="MFJ123" s="26"/>
      <c r="MFK123" s="26"/>
      <c r="MFL123" s="26"/>
      <c r="MFM123" s="26"/>
      <c r="MFN123" s="26"/>
      <c r="MFO123" s="26"/>
      <c r="MFP123" s="26"/>
      <c r="MFQ123" s="26"/>
      <c r="MFR123" s="26"/>
      <c r="MFS123" s="26"/>
      <c r="MFT123" s="26"/>
      <c r="MFU123" s="26"/>
      <c r="MFV123" s="26"/>
      <c r="MFW123" s="26"/>
      <c r="MFX123" s="26"/>
      <c r="MFY123" s="26"/>
      <c r="MFZ123" s="26"/>
      <c r="MGA123" s="26"/>
      <c r="MGB123" s="26"/>
      <c r="MGC123" s="26"/>
      <c r="MGD123" s="26"/>
      <c r="MGE123" s="26"/>
      <c r="MGF123" s="26"/>
      <c r="MGG123" s="26"/>
      <c r="MGH123" s="26"/>
      <c r="MGI123" s="26"/>
      <c r="MGJ123" s="26"/>
      <c r="MGK123" s="26"/>
      <c r="MGL123" s="26"/>
      <c r="MGM123" s="26"/>
      <c r="MGN123" s="26"/>
      <c r="MGO123" s="26"/>
      <c r="MGP123" s="26"/>
      <c r="MGQ123" s="26"/>
      <c r="MGR123" s="26"/>
      <c r="MGS123" s="26"/>
      <c r="MGT123" s="26"/>
      <c r="MGU123" s="26"/>
      <c r="MGV123" s="26"/>
      <c r="MGW123" s="26"/>
      <c r="MGX123" s="26"/>
      <c r="MGY123" s="26"/>
      <c r="MGZ123" s="26"/>
      <c r="MHA123" s="26"/>
      <c r="MHB123" s="26"/>
      <c r="MHC123" s="26"/>
      <c r="MHD123" s="26"/>
      <c r="MHE123" s="26"/>
      <c r="MHF123" s="26"/>
      <c r="MHG123" s="26"/>
      <c r="MHH123" s="26"/>
      <c r="MHI123" s="26"/>
      <c r="MHJ123" s="26"/>
      <c r="MHK123" s="26"/>
      <c r="MHL123" s="26"/>
      <c r="MHM123" s="26"/>
      <c r="MHN123" s="26"/>
      <c r="MHO123" s="26"/>
      <c r="MHP123" s="26"/>
      <c r="MHQ123" s="26"/>
      <c r="MHR123" s="26"/>
      <c r="MHS123" s="26"/>
      <c r="MHT123" s="26"/>
      <c r="MHU123" s="26"/>
      <c r="MHV123" s="26"/>
      <c r="MHW123" s="26"/>
      <c r="MHX123" s="26"/>
      <c r="MHY123" s="26"/>
      <c r="MHZ123" s="26"/>
      <c r="MIA123" s="26"/>
      <c r="MIB123" s="26"/>
      <c r="MIC123" s="26"/>
      <c r="MID123" s="26"/>
      <c r="MIE123" s="26"/>
      <c r="MIF123" s="26"/>
      <c r="MIG123" s="26"/>
      <c r="MIH123" s="26"/>
      <c r="MII123" s="26"/>
      <c r="MIJ123" s="26"/>
      <c r="MIK123" s="26"/>
      <c r="MIL123" s="26"/>
      <c r="MIM123" s="26"/>
      <c r="MIN123" s="26"/>
      <c r="MIO123" s="26"/>
      <c r="MIP123" s="26"/>
      <c r="MIQ123" s="26"/>
      <c r="MIR123" s="26"/>
      <c r="MIS123" s="26"/>
      <c r="MIT123" s="26"/>
      <c r="MIU123" s="26"/>
      <c r="MIV123" s="26"/>
      <c r="MIW123" s="26"/>
      <c r="MIX123" s="26"/>
      <c r="MIY123" s="26"/>
      <c r="MIZ123" s="26"/>
      <c r="MJA123" s="26"/>
      <c r="MJB123" s="26"/>
      <c r="MJC123" s="26"/>
      <c r="MJD123" s="26"/>
      <c r="MJE123" s="26"/>
      <c r="MJF123" s="26"/>
      <c r="MJG123" s="26"/>
      <c r="MJH123" s="26"/>
      <c r="MJI123" s="26"/>
      <c r="MJJ123" s="26"/>
      <c r="MJK123" s="26"/>
      <c r="MJL123" s="26"/>
      <c r="MJM123" s="26"/>
      <c r="MJN123" s="26"/>
      <c r="MJO123" s="26"/>
      <c r="MJP123" s="26"/>
      <c r="MJQ123" s="26"/>
      <c r="MJR123" s="26"/>
      <c r="MJS123" s="26"/>
      <c r="MJT123" s="26"/>
      <c r="MJU123" s="26"/>
      <c r="MJV123" s="26"/>
      <c r="MJW123" s="26"/>
      <c r="MJX123" s="26"/>
      <c r="MJY123" s="26"/>
      <c r="MJZ123" s="26"/>
      <c r="MKA123" s="26"/>
      <c r="MKB123" s="26"/>
      <c r="MKC123" s="26"/>
      <c r="MKD123" s="26"/>
      <c r="MKE123" s="26"/>
      <c r="MKF123" s="26"/>
      <c r="MKG123" s="26"/>
      <c r="MKH123" s="26"/>
      <c r="MKI123" s="26"/>
      <c r="MKJ123" s="26"/>
      <c r="MKK123" s="26"/>
      <c r="MKL123" s="26"/>
      <c r="MKM123" s="26"/>
      <c r="MKN123" s="26"/>
      <c r="MKO123" s="26"/>
      <c r="MKP123" s="26"/>
      <c r="MKQ123" s="26"/>
      <c r="MKR123" s="26"/>
      <c r="MKS123" s="26"/>
      <c r="MKT123" s="26"/>
      <c r="MKU123" s="26"/>
      <c r="MKV123" s="26"/>
      <c r="MKW123" s="26"/>
      <c r="MKX123" s="26"/>
      <c r="MKY123" s="26"/>
      <c r="MKZ123" s="26"/>
      <c r="MLA123" s="26"/>
      <c r="MLB123" s="26"/>
      <c r="MLC123" s="26"/>
      <c r="MLD123" s="26"/>
      <c r="MLE123" s="26"/>
      <c r="MLF123" s="26"/>
      <c r="MLG123" s="26"/>
      <c r="MLH123" s="26"/>
      <c r="MLI123" s="26"/>
      <c r="MLJ123" s="26"/>
      <c r="MLK123" s="26"/>
      <c r="MLL123" s="26"/>
      <c r="MLM123" s="26"/>
      <c r="MLN123" s="26"/>
      <c r="MLO123" s="26"/>
      <c r="MLP123" s="26"/>
      <c r="MLQ123" s="26"/>
      <c r="MLR123" s="26"/>
      <c r="MLS123" s="26"/>
      <c r="MLT123" s="26"/>
      <c r="MLU123" s="26"/>
      <c r="MLV123" s="26"/>
      <c r="MLW123" s="26"/>
      <c r="MLX123" s="26"/>
      <c r="MLY123" s="26"/>
      <c r="MLZ123" s="26"/>
      <c r="MMA123" s="26"/>
      <c r="MMB123" s="26"/>
      <c r="MMC123" s="26"/>
      <c r="MMD123" s="26"/>
      <c r="MME123" s="26"/>
      <c r="MMF123" s="26"/>
      <c r="MMG123" s="26"/>
      <c r="MMH123" s="26"/>
      <c r="MMI123" s="26"/>
      <c r="MMJ123" s="26"/>
      <c r="MMK123" s="26"/>
      <c r="MML123" s="26"/>
      <c r="MMM123" s="26"/>
      <c r="MMN123" s="26"/>
      <c r="MMO123" s="26"/>
      <c r="MMP123" s="26"/>
      <c r="MMQ123" s="26"/>
      <c r="MMR123" s="26"/>
      <c r="MMS123" s="26"/>
      <c r="MMT123" s="26"/>
      <c r="MMU123" s="26"/>
      <c r="MMV123" s="26"/>
      <c r="MMW123" s="26"/>
      <c r="MMX123" s="26"/>
      <c r="MMY123" s="26"/>
      <c r="MMZ123" s="26"/>
      <c r="MNA123" s="26"/>
      <c r="MNB123" s="26"/>
      <c r="MNC123" s="26"/>
      <c r="MND123" s="26"/>
      <c r="MNE123" s="26"/>
      <c r="MNF123" s="26"/>
      <c r="MNG123" s="26"/>
      <c r="MNH123" s="26"/>
      <c r="MNI123" s="26"/>
      <c r="MNJ123" s="26"/>
      <c r="MNK123" s="26"/>
      <c r="MNL123" s="26"/>
      <c r="MNM123" s="26"/>
      <c r="MNN123" s="26"/>
      <c r="MNO123" s="26"/>
      <c r="MNP123" s="26"/>
      <c r="MNQ123" s="26"/>
      <c r="MNR123" s="26"/>
      <c r="MNS123" s="26"/>
      <c r="MNT123" s="26"/>
      <c r="MNU123" s="26"/>
      <c r="MNV123" s="26"/>
      <c r="MNW123" s="26"/>
      <c r="MNX123" s="26"/>
      <c r="MNY123" s="26"/>
      <c r="MNZ123" s="26"/>
      <c r="MOA123" s="26"/>
      <c r="MOB123" s="26"/>
      <c r="MOC123" s="26"/>
      <c r="MOD123" s="26"/>
      <c r="MOE123" s="26"/>
      <c r="MOF123" s="26"/>
      <c r="MOG123" s="26"/>
      <c r="MOH123" s="26"/>
      <c r="MOI123" s="26"/>
      <c r="MOJ123" s="26"/>
      <c r="MOK123" s="26"/>
      <c r="MOL123" s="26"/>
      <c r="MOM123" s="26"/>
      <c r="MON123" s="26"/>
      <c r="MOO123" s="26"/>
      <c r="MOP123" s="26"/>
      <c r="MOQ123" s="26"/>
      <c r="MOR123" s="26"/>
      <c r="MOS123" s="26"/>
      <c r="MOT123" s="26"/>
      <c r="MOU123" s="26"/>
      <c r="MOV123" s="26"/>
      <c r="MOW123" s="26"/>
      <c r="MOX123" s="26"/>
      <c r="MOY123" s="26"/>
      <c r="MOZ123" s="26"/>
      <c r="MPA123" s="26"/>
      <c r="MPB123" s="26"/>
      <c r="MPC123" s="26"/>
      <c r="MPD123" s="26"/>
      <c r="MPE123" s="26"/>
      <c r="MPF123" s="26"/>
      <c r="MPG123" s="26"/>
      <c r="MPH123" s="26"/>
      <c r="MPI123" s="26"/>
      <c r="MPJ123" s="26"/>
      <c r="MPK123" s="26"/>
      <c r="MPL123" s="26"/>
      <c r="MPM123" s="26"/>
      <c r="MPN123" s="26"/>
      <c r="MPO123" s="26"/>
      <c r="MPP123" s="26"/>
      <c r="MPQ123" s="26"/>
      <c r="MPR123" s="26"/>
      <c r="MPS123" s="26"/>
      <c r="MPT123" s="26"/>
      <c r="MPU123" s="26"/>
      <c r="MPV123" s="26"/>
      <c r="MPW123" s="26"/>
      <c r="MPX123" s="26"/>
      <c r="MPY123" s="26"/>
      <c r="MPZ123" s="26"/>
      <c r="MQA123" s="26"/>
      <c r="MQB123" s="26"/>
      <c r="MQC123" s="26"/>
      <c r="MQD123" s="26"/>
      <c r="MQE123" s="26"/>
      <c r="MQF123" s="26"/>
      <c r="MQG123" s="26"/>
      <c r="MQH123" s="26"/>
      <c r="MQI123" s="26"/>
      <c r="MQJ123" s="26"/>
      <c r="MQK123" s="26"/>
      <c r="MQL123" s="26"/>
      <c r="MQM123" s="26"/>
      <c r="MQN123" s="26"/>
      <c r="MQO123" s="26"/>
      <c r="MQP123" s="26"/>
      <c r="MQQ123" s="26"/>
      <c r="MQR123" s="26"/>
      <c r="MQS123" s="26"/>
      <c r="MQT123" s="26"/>
      <c r="MQU123" s="26"/>
      <c r="MQV123" s="26"/>
      <c r="MQW123" s="26"/>
      <c r="MQX123" s="26"/>
      <c r="MQY123" s="26"/>
      <c r="MQZ123" s="26"/>
      <c r="MRA123" s="26"/>
      <c r="MRB123" s="26"/>
      <c r="MRC123" s="26"/>
      <c r="MRD123" s="26"/>
      <c r="MRE123" s="26"/>
      <c r="MRF123" s="26"/>
      <c r="MRG123" s="26"/>
      <c r="MRH123" s="26"/>
      <c r="MRI123" s="26"/>
      <c r="MRJ123" s="26"/>
      <c r="MRK123" s="26"/>
      <c r="MRL123" s="26"/>
      <c r="MRM123" s="26"/>
      <c r="MRN123" s="26"/>
      <c r="MRO123" s="26"/>
      <c r="MRP123" s="26"/>
      <c r="MRQ123" s="26"/>
      <c r="MRR123" s="26"/>
      <c r="MRS123" s="26"/>
      <c r="MRT123" s="26"/>
      <c r="MRU123" s="26"/>
      <c r="MRV123" s="26"/>
      <c r="MRW123" s="26"/>
      <c r="MRX123" s="26"/>
      <c r="MRY123" s="26"/>
      <c r="MRZ123" s="26"/>
      <c r="MSA123" s="26"/>
      <c r="MSB123" s="26"/>
      <c r="MSC123" s="26"/>
      <c r="MSD123" s="26"/>
      <c r="MSE123" s="26"/>
      <c r="MSF123" s="26"/>
      <c r="MSG123" s="26"/>
      <c r="MSH123" s="26"/>
      <c r="MSI123" s="26"/>
      <c r="MSJ123" s="26"/>
      <c r="MSK123" s="26"/>
      <c r="MSL123" s="26"/>
      <c r="MSM123" s="26"/>
      <c r="MSN123" s="26"/>
      <c r="MSO123" s="26"/>
      <c r="MSP123" s="26"/>
      <c r="MSQ123" s="26"/>
      <c r="MSR123" s="26"/>
      <c r="MSS123" s="26"/>
      <c r="MST123" s="26"/>
      <c r="MSU123" s="26"/>
      <c r="MSV123" s="26"/>
      <c r="MSW123" s="26"/>
      <c r="MSX123" s="26"/>
      <c r="MSY123" s="26"/>
      <c r="MSZ123" s="26"/>
      <c r="MTA123" s="26"/>
      <c r="MTB123" s="26"/>
      <c r="MTC123" s="26"/>
      <c r="MTD123" s="26"/>
      <c r="MTE123" s="26"/>
      <c r="MTF123" s="26"/>
      <c r="MTG123" s="26"/>
      <c r="MTH123" s="26"/>
      <c r="MTI123" s="26"/>
      <c r="MTJ123" s="26"/>
      <c r="MTK123" s="26"/>
      <c r="MTL123" s="26"/>
      <c r="MTM123" s="26"/>
      <c r="MTN123" s="26"/>
      <c r="MTO123" s="26"/>
      <c r="MTP123" s="26"/>
      <c r="MTQ123" s="26"/>
      <c r="MTR123" s="26"/>
      <c r="MTS123" s="26"/>
      <c r="MTT123" s="26"/>
      <c r="MTU123" s="26"/>
      <c r="MTV123" s="26"/>
      <c r="MTW123" s="26"/>
      <c r="MTX123" s="26"/>
      <c r="MTY123" s="26"/>
      <c r="MTZ123" s="26"/>
      <c r="MUA123" s="26"/>
      <c r="MUB123" s="26"/>
      <c r="MUC123" s="26"/>
      <c r="MUD123" s="26"/>
      <c r="MUE123" s="26"/>
      <c r="MUF123" s="26"/>
      <c r="MUG123" s="26"/>
      <c r="MUH123" s="26"/>
      <c r="MUI123" s="26"/>
      <c r="MUJ123" s="26"/>
      <c r="MUK123" s="26"/>
      <c r="MUL123" s="26"/>
      <c r="MUM123" s="26"/>
      <c r="MUN123" s="26"/>
      <c r="MUO123" s="26"/>
      <c r="MUP123" s="26"/>
      <c r="MUQ123" s="26"/>
      <c r="MUR123" s="26"/>
      <c r="MUS123" s="26"/>
      <c r="MUT123" s="26"/>
      <c r="MUU123" s="26"/>
      <c r="MUV123" s="26"/>
      <c r="MUW123" s="26"/>
      <c r="MUX123" s="26"/>
      <c r="MUY123" s="26"/>
      <c r="MUZ123" s="26"/>
      <c r="MVA123" s="26"/>
      <c r="MVB123" s="26"/>
      <c r="MVC123" s="26"/>
      <c r="MVD123" s="26"/>
      <c r="MVE123" s="26"/>
      <c r="MVF123" s="26"/>
      <c r="MVG123" s="26"/>
      <c r="MVH123" s="26"/>
      <c r="MVI123" s="26"/>
      <c r="MVJ123" s="26"/>
      <c r="MVK123" s="26"/>
      <c r="MVL123" s="26"/>
      <c r="MVM123" s="26"/>
      <c r="MVN123" s="26"/>
      <c r="MVO123" s="26"/>
      <c r="MVP123" s="26"/>
      <c r="MVQ123" s="26"/>
      <c r="MVR123" s="26"/>
      <c r="MVS123" s="26"/>
      <c r="MVT123" s="26"/>
      <c r="MVU123" s="26"/>
      <c r="MVV123" s="26"/>
      <c r="MVW123" s="26"/>
      <c r="MVX123" s="26"/>
      <c r="MVY123" s="26"/>
      <c r="MVZ123" s="26"/>
      <c r="MWA123" s="26"/>
      <c r="MWB123" s="26"/>
      <c r="MWC123" s="26"/>
      <c r="MWD123" s="26"/>
      <c r="MWE123" s="26"/>
      <c r="MWF123" s="26"/>
      <c r="MWG123" s="26"/>
      <c r="MWH123" s="26"/>
      <c r="MWI123" s="26"/>
      <c r="MWJ123" s="26"/>
      <c r="MWK123" s="26"/>
      <c r="MWL123" s="26"/>
      <c r="MWM123" s="26"/>
      <c r="MWN123" s="26"/>
      <c r="MWO123" s="26"/>
      <c r="MWP123" s="26"/>
      <c r="MWQ123" s="26"/>
      <c r="MWR123" s="26"/>
      <c r="MWS123" s="26"/>
      <c r="MWT123" s="26"/>
      <c r="MWU123" s="26"/>
      <c r="MWV123" s="26"/>
      <c r="MWW123" s="26"/>
      <c r="MWX123" s="26"/>
      <c r="MWY123" s="26"/>
      <c r="MWZ123" s="26"/>
      <c r="MXA123" s="26"/>
      <c r="MXB123" s="26"/>
      <c r="MXC123" s="26"/>
      <c r="MXD123" s="26"/>
      <c r="MXE123" s="26"/>
      <c r="MXF123" s="26"/>
      <c r="MXG123" s="26"/>
      <c r="MXH123" s="26"/>
      <c r="MXI123" s="26"/>
      <c r="MXJ123" s="26"/>
      <c r="MXK123" s="26"/>
      <c r="MXL123" s="26"/>
      <c r="MXM123" s="26"/>
      <c r="MXN123" s="26"/>
      <c r="MXO123" s="26"/>
      <c r="MXP123" s="26"/>
      <c r="MXQ123" s="26"/>
      <c r="MXR123" s="26"/>
      <c r="MXS123" s="26"/>
      <c r="MXT123" s="26"/>
      <c r="MXU123" s="26"/>
      <c r="MXV123" s="26"/>
      <c r="MXW123" s="26"/>
      <c r="MXX123" s="26"/>
      <c r="MXY123" s="26"/>
      <c r="MXZ123" s="26"/>
      <c r="MYA123" s="26"/>
      <c r="MYB123" s="26"/>
      <c r="MYC123" s="26"/>
      <c r="MYD123" s="26"/>
      <c r="MYE123" s="26"/>
      <c r="MYF123" s="26"/>
      <c r="MYG123" s="26"/>
      <c r="MYH123" s="26"/>
      <c r="MYI123" s="26"/>
      <c r="MYJ123" s="26"/>
      <c r="MYK123" s="26"/>
      <c r="MYL123" s="26"/>
      <c r="MYM123" s="26"/>
      <c r="MYN123" s="26"/>
      <c r="MYO123" s="26"/>
      <c r="MYP123" s="26"/>
      <c r="MYQ123" s="26"/>
      <c r="MYR123" s="26"/>
      <c r="MYS123" s="26"/>
      <c r="MYT123" s="26"/>
      <c r="MYU123" s="26"/>
      <c r="MYV123" s="26"/>
      <c r="MYW123" s="26"/>
      <c r="MYX123" s="26"/>
      <c r="MYY123" s="26"/>
      <c r="MYZ123" s="26"/>
      <c r="MZA123" s="26"/>
      <c r="MZB123" s="26"/>
      <c r="MZC123" s="26"/>
      <c r="MZD123" s="26"/>
      <c r="MZE123" s="26"/>
      <c r="MZF123" s="26"/>
      <c r="MZG123" s="26"/>
      <c r="MZH123" s="26"/>
      <c r="MZI123" s="26"/>
      <c r="MZJ123" s="26"/>
      <c r="MZK123" s="26"/>
      <c r="MZL123" s="26"/>
      <c r="MZM123" s="26"/>
      <c r="MZN123" s="26"/>
      <c r="MZO123" s="26"/>
      <c r="MZP123" s="26"/>
      <c r="MZQ123" s="26"/>
      <c r="MZR123" s="26"/>
      <c r="MZS123" s="26"/>
      <c r="MZT123" s="26"/>
      <c r="MZU123" s="26"/>
      <c r="MZV123" s="26"/>
      <c r="MZW123" s="26"/>
      <c r="MZX123" s="26"/>
      <c r="MZY123" s="26"/>
      <c r="MZZ123" s="26"/>
      <c r="NAA123" s="26"/>
      <c r="NAB123" s="26"/>
      <c r="NAC123" s="26"/>
      <c r="NAD123" s="26"/>
      <c r="NAE123" s="26"/>
      <c r="NAF123" s="26"/>
      <c r="NAG123" s="26"/>
      <c r="NAH123" s="26"/>
      <c r="NAI123" s="26"/>
      <c r="NAJ123" s="26"/>
      <c r="NAK123" s="26"/>
      <c r="NAL123" s="26"/>
      <c r="NAM123" s="26"/>
      <c r="NAN123" s="26"/>
      <c r="NAO123" s="26"/>
      <c r="NAP123" s="26"/>
      <c r="NAQ123" s="26"/>
      <c r="NAR123" s="26"/>
      <c r="NAS123" s="26"/>
      <c r="NAT123" s="26"/>
      <c r="NAU123" s="26"/>
      <c r="NAV123" s="26"/>
      <c r="NAW123" s="26"/>
      <c r="NAX123" s="26"/>
      <c r="NAY123" s="26"/>
      <c r="NAZ123" s="26"/>
      <c r="NBA123" s="26"/>
      <c r="NBB123" s="26"/>
      <c r="NBC123" s="26"/>
      <c r="NBD123" s="26"/>
      <c r="NBE123" s="26"/>
      <c r="NBF123" s="26"/>
      <c r="NBG123" s="26"/>
      <c r="NBH123" s="26"/>
      <c r="NBI123" s="26"/>
      <c r="NBJ123" s="26"/>
      <c r="NBK123" s="26"/>
      <c r="NBL123" s="26"/>
      <c r="NBM123" s="26"/>
      <c r="NBN123" s="26"/>
      <c r="NBO123" s="26"/>
      <c r="NBP123" s="26"/>
      <c r="NBQ123" s="26"/>
      <c r="NBR123" s="26"/>
      <c r="NBS123" s="26"/>
      <c r="NBT123" s="26"/>
      <c r="NBU123" s="26"/>
      <c r="NBV123" s="26"/>
      <c r="NBW123" s="26"/>
      <c r="NBX123" s="26"/>
      <c r="NBY123" s="26"/>
      <c r="NBZ123" s="26"/>
      <c r="NCA123" s="26"/>
      <c r="NCB123" s="26"/>
      <c r="NCC123" s="26"/>
      <c r="NCD123" s="26"/>
      <c r="NCE123" s="26"/>
      <c r="NCF123" s="26"/>
      <c r="NCG123" s="26"/>
      <c r="NCH123" s="26"/>
      <c r="NCI123" s="26"/>
      <c r="NCJ123" s="26"/>
      <c r="NCK123" s="26"/>
      <c r="NCL123" s="26"/>
      <c r="NCM123" s="26"/>
      <c r="NCN123" s="26"/>
      <c r="NCO123" s="26"/>
      <c r="NCP123" s="26"/>
      <c r="NCQ123" s="26"/>
      <c r="NCR123" s="26"/>
      <c r="NCS123" s="26"/>
      <c r="NCT123" s="26"/>
      <c r="NCU123" s="26"/>
      <c r="NCV123" s="26"/>
      <c r="NCW123" s="26"/>
      <c r="NCX123" s="26"/>
      <c r="NCY123" s="26"/>
      <c r="NCZ123" s="26"/>
      <c r="NDA123" s="26"/>
      <c r="NDB123" s="26"/>
      <c r="NDC123" s="26"/>
      <c r="NDD123" s="26"/>
      <c r="NDE123" s="26"/>
      <c r="NDF123" s="26"/>
      <c r="NDG123" s="26"/>
      <c r="NDH123" s="26"/>
      <c r="NDI123" s="26"/>
      <c r="NDJ123" s="26"/>
      <c r="NDK123" s="26"/>
      <c r="NDL123" s="26"/>
      <c r="NDM123" s="26"/>
      <c r="NDN123" s="26"/>
      <c r="NDO123" s="26"/>
      <c r="NDP123" s="26"/>
      <c r="NDQ123" s="26"/>
      <c r="NDR123" s="26"/>
      <c r="NDS123" s="26"/>
      <c r="NDT123" s="26"/>
      <c r="NDU123" s="26"/>
      <c r="NDV123" s="26"/>
      <c r="NDW123" s="26"/>
      <c r="NDX123" s="26"/>
      <c r="NDY123" s="26"/>
      <c r="NDZ123" s="26"/>
      <c r="NEA123" s="26"/>
      <c r="NEB123" s="26"/>
      <c r="NEC123" s="26"/>
      <c r="NED123" s="26"/>
      <c r="NEE123" s="26"/>
      <c r="NEF123" s="26"/>
      <c r="NEG123" s="26"/>
      <c r="NEH123" s="26"/>
      <c r="NEI123" s="26"/>
      <c r="NEJ123" s="26"/>
      <c r="NEK123" s="26"/>
      <c r="NEL123" s="26"/>
      <c r="NEM123" s="26"/>
      <c r="NEN123" s="26"/>
      <c r="NEO123" s="26"/>
      <c r="NEP123" s="26"/>
      <c r="NEQ123" s="26"/>
      <c r="NER123" s="26"/>
      <c r="NES123" s="26"/>
      <c r="NET123" s="26"/>
      <c r="NEU123" s="26"/>
      <c r="NEV123" s="26"/>
      <c r="NEW123" s="26"/>
      <c r="NEX123" s="26"/>
      <c r="NEY123" s="26"/>
      <c r="NEZ123" s="26"/>
      <c r="NFA123" s="26"/>
      <c r="NFB123" s="26"/>
      <c r="NFC123" s="26"/>
      <c r="NFD123" s="26"/>
      <c r="NFE123" s="26"/>
      <c r="NFF123" s="26"/>
      <c r="NFG123" s="26"/>
      <c r="NFH123" s="26"/>
      <c r="NFI123" s="26"/>
      <c r="NFJ123" s="26"/>
      <c r="NFK123" s="26"/>
      <c r="NFL123" s="26"/>
      <c r="NFM123" s="26"/>
      <c r="NFN123" s="26"/>
      <c r="NFO123" s="26"/>
      <c r="NFP123" s="26"/>
      <c r="NFQ123" s="26"/>
      <c r="NFR123" s="26"/>
      <c r="NFS123" s="26"/>
      <c r="NFT123" s="26"/>
      <c r="NFU123" s="26"/>
      <c r="NFV123" s="26"/>
      <c r="NFW123" s="26"/>
      <c r="NFX123" s="26"/>
      <c r="NFY123" s="26"/>
      <c r="NFZ123" s="26"/>
      <c r="NGA123" s="26"/>
      <c r="NGB123" s="26"/>
      <c r="NGC123" s="26"/>
      <c r="NGD123" s="26"/>
      <c r="NGE123" s="26"/>
      <c r="NGF123" s="26"/>
      <c r="NGG123" s="26"/>
      <c r="NGH123" s="26"/>
      <c r="NGI123" s="26"/>
      <c r="NGJ123" s="26"/>
      <c r="NGK123" s="26"/>
      <c r="NGL123" s="26"/>
      <c r="NGM123" s="26"/>
      <c r="NGN123" s="26"/>
      <c r="NGO123" s="26"/>
      <c r="NGP123" s="26"/>
      <c r="NGQ123" s="26"/>
      <c r="NGR123" s="26"/>
      <c r="NGS123" s="26"/>
      <c r="NGT123" s="26"/>
      <c r="NGU123" s="26"/>
      <c r="NGV123" s="26"/>
      <c r="NGW123" s="26"/>
      <c r="NGX123" s="26"/>
      <c r="NGY123" s="26"/>
      <c r="NGZ123" s="26"/>
      <c r="NHA123" s="26"/>
      <c r="NHB123" s="26"/>
      <c r="NHC123" s="26"/>
      <c r="NHD123" s="26"/>
      <c r="NHE123" s="26"/>
      <c r="NHF123" s="26"/>
      <c r="NHG123" s="26"/>
      <c r="NHH123" s="26"/>
      <c r="NHI123" s="26"/>
      <c r="NHJ123" s="26"/>
      <c r="NHK123" s="26"/>
      <c r="NHL123" s="26"/>
      <c r="NHM123" s="26"/>
      <c r="NHN123" s="26"/>
      <c r="NHO123" s="26"/>
      <c r="NHP123" s="26"/>
      <c r="NHQ123" s="26"/>
      <c r="NHR123" s="26"/>
      <c r="NHS123" s="26"/>
      <c r="NHT123" s="26"/>
      <c r="NHU123" s="26"/>
      <c r="NHV123" s="26"/>
      <c r="NHW123" s="26"/>
      <c r="NHX123" s="26"/>
      <c r="NHY123" s="26"/>
      <c r="NHZ123" s="26"/>
      <c r="NIA123" s="26"/>
      <c r="NIB123" s="26"/>
      <c r="NIC123" s="26"/>
      <c r="NID123" s="26"/>
      <c r="NIE123" s="26"/>
      <c r="NIF123" s="26"/>
      <c r="NIG123" s="26"/>
      <c r="NIH123" s="26"/>
      <c r="NII123" s="26"/>
      <c r="NIJ123" s="26"/>
      <c r="NIK123" s="26"/>
      <c r="NIL123" s="26"/>
      <c r="NIM123" s="26"/>
      <c r="NIN123" s="26"/>
      <c r="NIO123" s="26"/>
      <c r="NIP123" s="26"/>
      <c r="NIQ123" s="26"/>
      <c r="NIR123" s="26"/>
      <c r="NIS123" s="26"/>
      <c r="NIT123" s="26"/>
      <c r="NIU123" s="26"/>
      <c r="NIV123" s="26"/>
      <c r="NIW123" s="26"/>
      <c r="NIX123" s="26"/>
      <c r="NIY123" s="26"/>
      <c r="NIZ123" s="26"/>
      <c r="NJA123" s="26"/>
      <c r="NJB123" s="26"/>
      <c r="NJC123" s="26"/>
      <c r="NJD123" s="26"/>
      <c r="NJE123" s="26"/>
      <c r="NJF123" s="26"/>
      <c r="NJG123" s="26"/>
      <c r="NJH123" s="26"/>
      <c r="NJI123" s="26"/>
      <c r="NJJ123" s="26"/>
      <c r="NJK123" s="26"/>
      <c r="NJL123" s="26"/>
      <c r="NJM123" s="26"/>
      <c r="NJN123" s="26"/>
      <c r="NJO123" s="26"/>
      <c r="NJP123" s="26"/>
      <c r="NJQ123" s="26"/>
      <c r="NJR123" s="26"/>
      <c r="NJS123" s="26"/>
      <c r="NJT123" s="26"/>
      <c r="NJU123" s="26"/>
      <c r="NJV123" s="26"/>
      <c r="NJW123" s="26"/>
      <c r="NJX123" s="26"/>
      <c r="NJY123" s="26"/>
      <c r="NJZ123" s="26"/>
      <c r="NKA123" s="26"/>
      <c r="NKB123" s="26"/>
      <c r="NKC123" s="26"/>
      <c r="NKD123" s="26"/>
      <c r="NKE123" s="26"/>
      <c r="NKF123" s="26"/>
      <c r="NKG123" s="26"/>
      <c r="NKH123" s="26"/>
      <c r="NKI123" s="26"/>
      <c r="NKJ123" s="26"/>
      <c r="NKK123" s="26"/>
      <c r="NKL123" s="26"/>
      <c r="NKM123" s="26"/>
      <c r="NKN123" s="26"/>
      <c r="NKO123" s="26"/>
      <c r="NKP123" s="26"/>
      <c r="NKQ123" s="26"/>
      <c r="NKR123" s="26"/>
      <c r="NKS123" s="26"/>
      <c r="NKT123" s="26"/>
      <c r="NKU123" s="26"/>
      <c r="NKV123" s="26"/>
      <c r="NKW123" s="26"/>
      <c r="NKX123" s="26"/>
      <c r="NKY123" s="26"/>
      <c r="NKZ123" s="26"/>
      <c r="NLA123" s="26"/>
      <c r="NLB123" s="26"/>
      <c r="NLC123" s="26"/>
      <c r="NLD123" s="26"/>
      <c r="NLE123" s="26"/>
      <c r="NLF123" s="26"/>
      <c r="NLG123" s="26"/>
      <c r="NLH123" s="26"/>
      <c r="NLI123" s="26"/>
      <c r="NLJ123" s="26"/>
      <c r="NLK123" s="26"/>
      <c r="NLL123" s="26"/>
      <c r="NLM123" s="26"/>
      <c r="NLN123" s="26"/>
      <c r="NLO123" s="26"/>
      <c r="NLP123" s="26"/>
      <c r="NLQ123" s="26"/>
      <c r="NLR123" s="26"/>
      <c r="NLS123" s="26"/>
      <c r="NLT123" s="26"/>
      <c r="NLU123" s="26"/>
      <c r="NLV123" s="26"/>
      <c r="NLW123" s="26"/>
      <c r="NLX123" s="26"/>
      <c r="NLY123" s="26"/>
      <c r="NLZ123" s="26"/>
      <c r="NMA123" s="26"/>
      <c r="NMB123" s="26"/>
      <c r="NMC123" s="26"/>
      <c r="NMD123" s="26"/>
      <c r="NME123" s="26"/>
      <c r="NMF123" s="26"/>
      <c r="NMG123" s="26"/>
      <c r="NMH123" s="26"/>
      <c r="NMI123" s="26"/>
      <c r="NMJ123" s="26"/>
      <c r="NMK123" s="26"/>
      <c r="NML123" s="26"/>
      <c r="NMM123" s="26"/>
      <c r="NMN123" s="26"/>
      <c r="NMO123" s="26"/>
      <c r="NMP123" s="26"/>
      <c r="NMQ123" s="26"/>
      <c r="NMR123" s="26"/>
      <c r="NMS123" s="26"/>
      <c r="NMT123" s="26"/>
      <c r="NMU123" s="26"/>
      <c r="NMV123" s="26"/>
      <c r="NMW123" s="26"/>
      <c r="NMX123" s="26"/>
      <c r="NMY123" s="26"/>
      <c r="NMZ123" s="26"/>
      <c r="NNA123" s="26"/>
      <c r="NNB123" s="26"/>
      <c r="NNC123" s="26"/>
      <c r="NND123" s="26"/>
      <c r="NNE123" s="26"/>
      <c r="NNF123" s="26"/>
      <c r="NNG123" s="26"/>
      <c r="NNH123" s="26"/>
      <c r="NNI123" s="26"/>
      <c r="NNJ123" s="26"/>
      <c r="NNK123" s="26"/>
      <c r="NNL123" s="26"/>
      <c r="NNM123" s="26"/>
      <c r="NNN123" s="26"/>
      <c r="NNO123" s="26"/>
      <c r="NNP123" s="26"/>
      <c r="NNQ123" s="26"/>
      <c r="NNR123" s="26"/>
      <c r="NNS123" s="26"/>
      <c r="NNT123" s="26"/>
      <c r="NNU123" s="26"/>
      <c r="NNV123" s="26"/>
      <c r="NNW123" s="26"/>
      <c r="NNX123" s="26"/>
      <c r="NNY123" s="26"/>
      <c r="NNZ123" s="26"/>
      <c r="NOA123" s="26"/>
      <c r="NOB123" s="26"/>
      <c r="NOC123" s="26"/>
      <c r="NOD123" s="26"/>
      <c r="NOE123" s="26"/>
      <c r="NOF123" s="26"/>
      <c r="NOG123" s="26"/>
      <c r="NOH123" s="26"/>
      <c r="NOI123" s="26"/>
      <c r="NOJ123" s="26"/>
      <c r="NOK123" s="26"/>
      <c r="NOL123" s="26"/>
      <c r="NOM123" s="26"/>
      <c r="NON123" s="26"/>
      <c r="NOO123" s="26"/>
      <c r="NOP123" s="26"/>
      <c r="NOQ123" s="26"/>
      <c r="NOR123" s="26"/>
      <c r="NOS123" s="26"/>
      <c r="NOT123" s="26"/>
      <c r="NOU123" s="26"/>
      <c r="NOV123" s="26"/>
      <c r="NOW123" s="26"/>
      <c r="NOX123" s="26"/>
      <c r="NOY123" s="26"/>
      <c r="NOZ123" s="26"/>
      <c r="NPA123" s="26"/>
      <c r="NPB123" s="26"/>
      <c r="NPC123" s="26"/>
      <c r="NPD123" s="26"/>
      <c r="NPE123" s="26"/>
      <c r="NPF123" s="26"/>
      <c r="NPG123" s="26"/>
      <c r="NPH123" s="26"/>
      <c r="NPI123" s="26"/>
      <c r="NPJ123" s="26"/>
      <c r="NPK123" s="26"/>
      <c r="NPL123" s="26"/>
      <c r="NPM123" s="26"/>
      <c r="NPN123" s="26"/>
      <c r="NPO123" s="26"/>
      <c r="NPP123" s="26"/>
      <c r="NPQ123" s="26"/>
      <c r="NPR123" s="26"/>
      <c r="NPS123" s="26"/>
      <c r="NPT123" s="26"/>
      <c r="NPU123" s="26"/>
      <c r="NPV123" s="26"/>
      <c r="NPW123" s="26"/>
      <c r="NPX123" s="26"/>
      <c r="NPY123" s="26"/>
      <c r="NPZ123" s="26"/>
      <c r="NQA123" s="26"/>
      <c r="NQB123" s="26"/>
      <c r="NQC123" s="26"/>
      <c r="NQD123" s="26"/>
      <c r="NQE123" s="26"/>
      <c r="NQF123" s="26"/>
      <c r="NQG123" s="26"/>
      <c r="NQH123" s="26"/>
      <c r="NQI123" s="26"/>
      <c r="NQJ123" s="26"/>
      <c r="NQK123" s="26"/>
      <c r="NQL123" s="26"/>
      <c r="NQM123" s="26"/>
      <c r="NQN123" s="26"/>
      <c r="NQO123" s="26"/>
      <c r="NQP123" s="26"/>
      <c r="NQQ123" s="26"/>
      <c r="NQR123" s="26"/>
      <c r="NQS123" s="26"/>
      <c r="NQT123" s="26"/>
      <c r="NQU123" s="26"/>
      <c r="NQV123" s="26"/>
      <c r="NQW123" s="26"/>
      <c r="NQX123" s="26"/>
      <c r="NQY123" s="26"/>
      <c r="NQZ123" s="26"/>
      <c r="NRA123" s="26"/>
      <c r="NRB123" s="26"/>
      <c r="NRC123" s="26"/>
      <c r="NRD123" s="26"/>
      <c r="NRE123" s="26"/>
      <c r="NRF123" s="26"/>
      <c r="NRG123" s="26"/>
      <c r="NRH123" s="26"/>
      <c r="NRI123" s="26"/>
      <c r="NRJ123" s="26"/>
      <c r="NRK123" s="26"/>
      <c r="NRL123" s="26"/>
      <c r="NRM123" s="26"/>
      <c r="NRN123" s="26"/>
      <c r="NRO123" s="26"/>
      <c r="NRP123" s="26"/>
      <c r="NRQ123" s="26"/>
      <c r="NRR123" s="26"/>
      <c r="NRS123" s="26"/>
      <c r="NRT123" s="26"/>
      <c r="NRU123" s="26"/>
      <c r="NRV123" s="26"/>
      <c r="NRW123" s="26"/>
      <c r="NRX123" s="26"/>
      <c r="NRY123" s="26"/>
      <c r="NRZ123" s="26"/>
      <c r="NSA123" s="26"/>
      <c r="NSB123" s="26"/>
      <c r="NSC123" s="26"/>
      <c r="NSD123" s="26"/>
      <c r="NSE123" s="26"/>
      <c r="NSF123" s="26"/>
      <c r="NSG123" s="26"/>
      <c r="NSH123" s="26"/>
      <c r="NSI123" s="26"/>
      <c r="NSJ123" s="26"/>
      <c r="NSK123" s="26"/>
      <c r="NSL123" s="26"/>
      <c r="NSM123" s="26"/>
      <c r="NSN123" s="26"/>
      <c r="NSO123" s="26"/>
      <c r="NSP123" s="26"/>
      <c r="NSQ123" s="26"/>
      <c r="NSR123" s="26"/>
      <c r="NSS123" s="26"/>
      <c r="NST123" s="26"/>
      <c r="NSU123" s="26"/>
      <c r="NSV123" s="26"/>
      <c r="NSW123" s="26"/>
      <c r="NSX123" s="26"/>
      <c r="NSY123" s="26"/>
      <c r="NSZ123" s="26"/>
      <c r="NTA123" s="26"/>
      <c r="NTB123" s="26"/>
      <c r="NTC123" s="26"/>
      <c r="NTD123" s="26"/>
      <c r="NTE123" s="26"/>
      <c r="NTF123" s="26"/>
      <c r="NTG123" s="26"/>
      <c r="NTH123" s="26"/>
      <c r="NTI123" s="26"/>
      <c r="NTJ123" s="26"/>
      <c r="NTK123" s="26"/>
      <c r="NTL123" s="26"/>
      <c r="NTM123" s="26"/>
      <c r="NTN123" s="26"/>
      <c r="NTO123" s="26"/>
      <c r="NTP123" s="26"/>
      <c r="NTQ123" s="26"/>
      <c r="NTR123" s="26"/>
      <c r="NTS123" s="26"/>
      <c r="NTT123" s="26"/>
      <c r="NTU123" s="26"/>
      <c r="NTV123" s="26"/>
      <c r="NTW123" s="26"/>
      <c r="NTX123" s="26"/>
      <c r="NTY123" s="26"/>
      <c r="NTZ123" s="26"/>
      <c r="NUA123" s="26"/>
      <c r="NUB123" s="26"/>
      <c r="NUC123" s="26"/>
      <c r="NUD123" s="26"/>
      <c r="NUE123" s="26"/>
      <c r="NUF123" s="26"/>
      <c r="NUG123" s="26"/>
      <c r="NUH123" s="26"/>
      <c r="NUI123" s="26"/>
      <c r="NUJ123" s="26"/>
      <c r="NUK123" s="26"/>
      <c r="NUL123" s="26"/>
      <c r="NUM123" s="26"/>
      <c r="NUN123" s="26"/>
      <c r="NUO123" s="26"/>
      <c r="NUP123" s="26"/>
      <c r="NUQ123" s="26"/>
      <c r="NUR123" s="26"/>
      <c r="NUS123" s="26"/>
      <c r="NUT123" s="26"/>
      <c r="NUU123" s="26"/>
      <c r="NUV123" s="26"/>
      <c r="NUW123" s="26"/>
      <c r="NUX123" s="26"/>
      <c r="NUY123" s="26"/>
      <c r="NUZ123" s="26"/>
      <c r="NVA123" s="26"/>
      <c r="NVB123" s="26"/>
      <c r="NVC123" s="26"/>
      <c r="NVD123" s="26"/>
      <c r="NVE123" s="26"/>
      <c r="NVF123" s="26"/>
      <c r="NVG123" s="26"/>
      <c r="NVH123" s="26"/>
      <c r="NVI123" s="26"/>
      <c r="NVJ123" s="26"/>
      <c r="NVK123" s="26"/>
      <c r="NVL123" s="26"/>
      <c r="NVM123" s="26"/>
      <c r="NVN123" s="26"/>
      <c r="NVO123" s="26"/>
      <c r="NVP123" s="26"/>
      <c r="NVQ123" s="26"/>
      <c r="NVR123" s="26"/>
      <c r="NVS123" s="26"/>
      <c r="NVT123" s="26"/>
      <c r="NVU123" s="26"/>
      <c r="NVV123" s="26"/>
      <c r="NVW123" s="26"/>
      <c r="NVX123" s="26"/>
      <c r="NVY123" s="26"/>
      <c r="NVZ123" s="26"/>
      <c r="NWA123" s="26"/>
      <c r="NWB123" s="26"/>
      <c r="NWC123" s="26"/>
      <c r="NWD123" s="26"/>
      <c r="NWE123" s="26"/>
      <c r="NWF123" s="26"/>
      <c r="NWG123" s="26"/>
      <c r="NWH123" s="26"/>
      <c r="NWI123" s="26"/>
      <c r="NWJ123" s="26"/>
      <c r="NWK123" s="26"/>
      <c r="NWL123" s="26"/>
      <c r="NWM123" s="26"/>
      <c r="NWN123" s="26"/>
      <c r="NWO123" s="26"/>
      <c r="NWP123" s="26"/>
      <c r="NWQ123" s="26"/>
      <c r="NWR123" s="26"/>
      <c r="NWS123" s="26"/>
      <c r="NWT123" s="26"/>
      <c r="NWU123" s="26"/>
      <c r="NWV123" s="26"/>
      <c r="NWW123" s="26"/>
      <c r="NWX123" s="26"/>
      <c r="NWY123" s="26"/>
      <c r="NWZ123" s="26"/>
      <c r="NXA123" s="26"/>
      <c r="NXB123" s="26"/>
      <c r="NXC123" s="26"/>
      <c r="NXD123" s="26"/>
      <c r="NXE123" s="26"/>
      <c r="NXF123" s="26"/>
      <c r="NXG123" s="26"/>
      <c r="NXH123" s="26"/>
      <c r="NXI123" s="26"/>
      <c r="NXJ123" s="26"/>
      <c r="NXK123" s="26"/>
      <c r="NXL123" s="26"/>
      <c r="NXM123" s="26"/>
      <c r="NXN123" s="26"/>
      <c r="NXO123" s="26"/>
      <c r="NXP123" s="26"/>
      <c r="NXQ123" s="26"/>
      <c r="NXR123" s="26"/>
      <c r="NXS123" s="26"/>
      <c r="NXT123" s="26"/>
      <c r="NXU123" s="26"/>
      <c r="NXV123" s="26"/>
      <c r="NXW123" s="26"/>
      <c r="NXX123" s="26"/>
      <c r="NXY123" s="26"/>
      <c r="NXZ123" s="26"/>
      <c r="NYA123" s="26"/>
      <c r="NYB123" s="26"/>
      <c r="NYC123" s="26"/>
      <c r="NYD123" s="26"/>
      <c r="NYE123" s="26"/>
      <c r="NYF123" s="26"/>
      <c r="NYG123" s="26"/>
      <c r="NYH123" s="26"/>
      <c r="NYI123" s="26"/>
      <c r="NYJ123" s="26"/>
      <c r="NYK123" s="26"/>
      <c r="NYL123" s="26"/>
      <c r="NYM123" s="26"/>
      <c r="NYN123" s="26"/>
      <c r="NYO123" s="26"/>
      <c r="NYP123" s="26"/>
      <c r="NYQ123" s="26"/>
      <c r="NYR123" s="26"/>
      <c r="NYS123" s="26"/>
      <c r="NYT123" s="26"/>
      <c r="NYU123" s="26"/>
      <c r="NYV123" s="26"/>
      <c r="NYW123" s="26"/>
      <c r="NYX123" s="26"/>
      <c r="NYY123" s="26"/>
      <c r="NYZ123" s="26"/>
      <c r="NZA123" s="26"/>
      <c r="NZB123" s="26"/>
      <c r="NZC123" s="26"/>
      <c r="NZD123" s="26"/>
      <c r="NZE123" s="26"/>
      <c r="NZF123" s="26"/>
      <c r="NZG123" s="26"/>
      <c r="NZH123" s="26"/>
      <c r="NZI123" s="26"/>
      <c r="NZJ123" s="26"/>
      <c r="NZK123" s="26"/>
      <c r="NZL123" s="26"/>
      <c r="NZM123" s="26"/>
      <c r="NZN123" s="26"/>
      <c r="NZO123" s="26"/>
      <c r="NZP123" s="26"/>
      <c r="NZQ123" s="26"/>
      <c r="NZR123" s="26"/>
      <c r="NZS123" s="26"/>
      <c r="NZT123" s="26"/>
      <c r="NZU123" s="26"/>
      <c r="NZV123" s="26"/>
      <c r="NZW123" s="26"/>
      <c r="NZX123" s="26"/>
      <c r="NZY123" s="26"/>
      <c r="NZZ123" s="26"/>
      <c r="OAA123" s="26"/>
      <c r="OAB123" s="26"/>
      <c r="OAC123" s="26"/>
      <c r="OAD123" s="26"/>
      <c r="OAE123" s="26"/>
      <c r="OAF123" s="26"/>
      <c r="OAG123" s="26"/>
      <c r="OAH123" s="26"/>
      <c r="OAI123" s="26"/>
      <c r="OAJ123" s="26"/>
      <c r="OAK123" s="26"/>
      <c r="OAL123" s="26"/>
      <c r="OAM123" s="26"/>
      <c r="OAN123" s="26"/>
      <c r="OAO123" s="26"/>
      <c r="OAP123" s="26"/>
      <c r="OAQ123" s="26"/>
      <c r="OAR123" s="26"/>
      <c r="OAS123" s="26"/>
      <c r="OAT123" s="26"/>
      <c r="OAU123" s="26"/>
      <c r="OAV123" s="26"/>
      <c r="OAW123" s="26"/>
      <c r="OAX123" s="26"/>
      <c r="OAY123" s="26"/>
      <c r="OAZ123" s="26"/>
      <c r="OBA123" s="26"/>
      <c r="OBB123" s="26"/>
      <c r="OBC123" s="26"/>
      <c r="OBD123" s="26"/>
      <c r="OBE123" s="26"/>
      <c r="OBF123" s="26"/>
      <c r="OBG123" s="26"/>
      <c r="OBH123" s="26"/>
      <c r="OBI123" s="26"/>
      <c r="OBJ123" s="26"/>
      <c r="OBK123" s="26"/>
      <c r="OBL123" s="26"/>
      <c r="OBM123" s="26"/>
      <c r="OBN123" s="26"/>
      <c r="OBO123" s="26"/>
      <c r="OBP123" s="26"/>
      <c r="OBQ123" s="26"/>
      <c r="OBR123" s="26"/>
      <c r="OBS123" s="26"/>
      <c r="OBT123" s="26"/>
      <c r="OBU123" s="26"/>
      <c r="OBV123" s="26"/>
      <c r="OBW123" s="26"/>
      <c r="OBX123" s="26"/>
      <c r="OBY123" s="26"/>
      <c r="OBZ123" s="26"/>
      <c r="OCA123" s="26"/>
      <c r="OCB123" s="26"/>
      <c r="OCC123" s="26"/>
      <c r="OCD123" s="26"/>
      <c r="OCE123" s="26"/>
      <c r="OCF123" s="26"/>
      <c r="OCG123" s="26"/>
      <c r="OCH123" s="26"/>
      <c r="OCI123" s="26"/>
      <c r="OCJ123" s="26"/>
      <c r="OCK123" s="26"/>
      <c r="OCL123" s="26"/>
      <c r="OCM123" s="26"/>
      <c r="OCN123" s="26"/>
      <c r="OCO123" s="26"/>
      <c r="OCP123" s="26"/>
      <c r="OCQ123" s="26"/>
      <c r="OCR123" s="26"/>
      <c r="OCS123" s="26"/>
      <c r="OCT123" s="26"/>
      <c r="OCU123" s="26"/>
      <c r="OCV123" s="26"/>
      <c r="OCW123" s="26"/>
      <c r="OCX123" s="26"/>
      <c r="OCY123" s="26"/>
      <c r="OCZ123" s="26"/>
      <c r="ODA123" s="26"/>
      <c r="ODB123" s="26"/>
      <c r="ODC123" s="26"/>
      <c r="ODD123" s="26"/>
      <c r="ODE123" s="26"/>
      <c r="ODF123" s="26"/>
      <c r="ODG123" s="26"/>
      <c r="ODH123" s="26"/>
      <c r="ODI123" s="26"/>
      <c r="ODJ123" s="26"/>
      <c r="ODK123" s="26"/>
      <c r="ODL123" s="26"/>
      <c r="ODM123" s="26"/>
      <c r="ODN123" s="26"/>
      <c r="ODO123" s="26"/>
      <c r="ODP123" s="26"/>
      <c r="ODQ123" s="26"/>
      <c r="ODR123" s="26"/>
      <c r="ODS123" s="26"/>
      <c r="ODT123" s="26"/>
      <c r="ODU123" s="26"/>
      <c r="ODV123" s="26"/>
      <c r="ODW123" s="26"/>
      <c r="ODX123" s="26"/>
      <c r="ODY123" s="26"/>
      <c r="ODZ123" s="26"/>
      <c r="OEA123" s="26"/>
      <c r="OEB123" s="26"/>
      <c r="OEC123" s="26"/>
      <c r="OED123" s="26"/>
      <c r="OEE123" s="26"/>
      <c r="OEF123" s="26"/>
      <c r="OEG123" s="26"/>
      <c r="OEH123" s="26"/>
      <c r="OEI123" s="26"/>
      <c r="OEJ123" s="26"/>
      <c r="OEK123" s="26"/>
      <c r="OEL123" s="26"/>
      <c r="OEM123" s="26"/>
      <c r="OEN123" s="26"/>
      <c r="OEO123" s="26"/>
      <c r="OEP123" s="26"/>
      <c r="OEQ123" s="26"/>
      <c r="OER123" s="26"/>
      <c r="OES123" s="26"/>
      <c r="OET123" s="26"/>
      <c r="OEU123" s="26"/>
      <c r="OEV123" s="26"/>
      <c r="OEW123" s="26"/>
      <c r="OEX123" s="26"/>
      <c r="OEY123" s="26"/>
      <c r="OEZ123" s="26"/>
      <c r="OFA123" s="26"/>
      <c r="OFB123" s="26"/>
      <c r="OFC123" s="26"/>
      <c r="OFD123" s="26"/>
      <c r="OFE123" s="26"/>
      <c r="OFF123" s="26"/>
      <c r="OFG123" s="26"/>
      <c r="OFH123" s="26"/>
      <c r="OFI123" s="26"/>
      <c r="OFJ123" s="26"/>
      <c r="OFK123" s="26"/>
      <c r="OFL123" s="26"/>
      <c r="OFM123" s="26"/>
      <c r="OFN123" s="26"/>
      <c r="OFO123" s="26"/>
      <c r="OFP123" s="26"/>
      <c r="OFQ123" s="26"/>
      <c r="OFR123" s="26"/>
      <c r="OFS123" s="26"/>
      <c r="OFT123" s="26"/>
      <c r="OFU123" s="26"/>
      <c r="OFV123" s="26"/>
      <c r="OFW123" s="26"/>
      <c r="OFX123" s="26"/>
      <c r="OFY123" s="26"/>
      <c r="OFZ123" s="26"/>
      <c r="OGA123" s="26"/>
      <c r="OGB123" s="26"/>
      <c r="OGC123" s="26"/>
      <c r="OGD123" s="26"/>
      <c r="OGE123" s="26"/>
      <c r="OGF123" s="26"/>
      <c r="OGG123" s="26"/>
      <c r="OGH123" s="26"/>
      <c r="OGI123" s="26"/>
      <c r="OGJ123" s="26"/>
      <c r="OGK123" s="26"/>
      <c r="OGL123" s="26"/>
      <c r="OGM123" s="26"/>
      <c r="OGN123" s="26"/>
      <c r="OGO123" s="26"/>
      <c r="OGP123" s="26"/>
      <c r="OGQ123" s="26"/>
      <c r="OGR123" s="26"/>
      <c r="OGS123" s="26"/>
      <c r="OGT123" s="26"/>
      <c r="OGU123" s="26"/>
      <c r="OGV123" s="26"/>
      <c r="OGW123" s="26"/>
      <c r="OGX123" s="26"/>
      <c r="OGY123" s="26"/>
      <c r="OGZ123" s="26"/>
      <c r="OHA123" s="26"/>
      <c r="OHB123" s="26"/>
      <c r="OHC123" s="26"/>
      <c r="OHD123" s="26"/>
      <c r="OHE123" s="26"/>
      <c r="OHF123" s="26"/>
      <c r="OHG123" s="26"/>
      <c r="OHH123" s="26"/>
      <c r="OHI123" s="26"/>
      <c r="OHJ123" s="26"/>
      <c r="OHK123" s="26"/>
      <c r="OHL123" s="26"/>
      <c r="OHM123" s="26"/>
      <c r="OHN123" s="26"/>
      <c r="OHO123" s="26"/>
      <c r="OHP123" s="26"/>
      <c r="OHQ123" s="26"/>
      <c r="OHR123" s="26"/>
      <c r="OHS123" s="26"/>
      <c r="OHT123" s="26"/>
      <c r="OHU123" s="26"/>
      <c r="OHV123" s="26"/>
      <c r="OHW123" s="26"/>
      <c r="OHX123" s="26"/>
      <c r="OHY123" s="26"/>
      <c r="OHZ123" s="26"/>
      <c r="OIA123" s="26"/>
      <c r="OIB123" s="26"/>
      <c r="OIC123" s="26"/>
      <c r="OID123" s="26"/>
      <c r="OIE123" s="26"/>
      <c r="OIF123" s="26"/>
      <c r="OIG123" s="26"/>
      <c r="OIH123" s="26"/>
      <c r="OII123" s="26"/>
      <c r="OIJ123" s="26"/>
      <c r="OIK123" s="26"/>
      <c r="OIL123" s="26"/>
      <c r="OIM123" s="26"/>
      <c r="OIN123" s="26"/>
      <c r="OIO123" s="26"/>
      <c r="OIP123" s="26"/>
      <c r="OIQ123" s="26"/>
      <c r="OIR123" s="26"/>
      <c r="OIS123" s="26"/>
      <c r="OIT123" s="26"/>
      <c r="OIU123" s="26"/>
      <c r="OIV123" s="26"/>
      <c r="OIW123" s="26"/>
      <c r="OIX123" s="26"/>
      <c r="OIY123" s="26"/>
      <c r="OIZ123" s="26"/>
      <c r="OJA123" s="26"/>
      <c r="OJB123" s="26"/>
      <c r="OJC123" s="26"/>
      <c r="OJD123" s="26"/>
      <c r="OJE123" s="26"/>
      <c r="OJF123" s="26"/>
      <c r="OJG123" s="26"/>
      <c r="OJH123" s="26"/>
      <c r="OJI123" s="26"/>
      <c r="OJJ123" s="26"/>
      <c r="OJK123" s="26"/>
      <c r="OJL123" s="26"/>
      <c r="OJM123" s="26"/>
      <c r="OJN123" s="26"/>
      <c r="OJO123" s="26"/>
      <c r="OJP123" s="26"/>
      <c r="OJQ123" s="26"/>
      <c r="OJR123" s="26"/>
      <c r="OJS123" s="26"/>
      <c r="OJT123" s="26"/>
      <c r="OJU123" s="26"/>
      <c r="OJV123" s="26"/>
      <c r="OJW123" s="26"/>
      <c r="OJX123" s="26"/>
      <c r="OJY123" s="26"/>
      <c r="OJZ123" s="26"/>
      <c r="OKA123" s="26"/>
      <c r="OKB123" s="26"/>
      <c r="OKC123" s="26"/>
      <c r="OKD123" s="26"/>
      <c r="OKE123" s="26"/>
      <c r="OKF123" s="26"/>
      <c r="OKG123" s="26"/>
      <c r="OKH123" s="26"/>
      <c r="OKI123" s="26"/>
      <c r="OKJ123" s="26"/>
      <c r="OKK123" s="26"/>
      <c r="OKL123" s="26"/>
      <c r="OKM123" s="26"/>
      <c r="OKN123" s="26"/>
      <c r="OKO123" s="26"/>
      <c r="OKP123" s="26"/>
      <c r="OKQ123" s="26"/>
      <c r="OKR123" s="26"/>
      <c r="OKS123" s="26"/>
      <c r="OKT123" s="26"/>
      <c r="OKU123" s="26"/>
      <c r="OKV123" s="26"/>
      <c r="OKW123" s="26"/>
      <c r="OKX123" s="26"/>
      <c r="OKY123" s="26"/>
      <c r="OKZ123" s="26"/>
      <c r="OLA123" s="26"/>
      <c r="OLB123" s="26"/>
      <c r="OLC123" s="26"/>
      <c r="OLD123" s="26"/>
      <c r="OLE123" s="26"/>
      <c r="OLF123" s="26"/>
      <c r="OLG123" s="26"/>
      <c r="OLH123" s="26"/>
      <c r="OLI123" s="26"/>
      <c r="OLJ123" s="26"/>
      <c r="OLK123" s="26"/>
      <c r="OLL123" s="26"/>
      <c r="OLM123" s="26"/>
      <c r="OLN123" s="26"/>
      <c r="OLO123" s="26"/>
      <c r="OLP123" s="26"/>
      <c r="OLQ123" s="26"/>
      <c r="OLR123" s="26"/>
      <c r="OLS123" s="26"/>
      <c r="OLT123" s="26"/>
      <c r="OLU123" s="26"/>
      <c r="OLV123" s="26"/>
      <c r="OLW123" s="26"/>
      <c r="OLX123" s="26"/>
      <c r="OLY123" s="26"/>
      <c r="OLZ123" s="26"/>
      <c r="OMA123" s="26"/>
      <c r="OMB123" s="26"/>
      <c r="OMC123" s="26"/>
      <c r="OMD123" s="26"/>
      <c r="OME123" s="26"/>
      <c r="OMF123" s="26"/>
      <c r="OMG123" s="26"/>
      <c r="OMH123" s="26"/>
      <c r="OMI123" s="26"/>
      <c r="OMJ123" s="26"/>
      <c r="OMK123" s="26"/>
      <c r="OML123" s="26"/>
      <c r="OMM123" s="26"/>
      <c r="OMN123" s="26"/>
      <c r="OMO123" s="26"/>
      <c r="OMP123" s="26"/>
      <c r="OMQ123" s="26"/>
      <c r="OMR123" s="26"/>
      <c r="OMS123" s="26"/>
      <c r="OMT123" s="26"/>
      <c r="OMU123" s="26"/>
      <c r="OMV123" s="26"/>
      <c r="OMW123" s="26"/>
      <c r="OMX123" s="26"/>
      <c r="OMY123" s="26"/>
      <c r="OMZ123" s="26"/>
      <c r="ONA123" s="26"/>
      <c r="ONB123" s="26"/>
      <c r="ONC123" s="26"/>
      <c r="OND123" s="26"/>
      <c r="ONE123" s="26"/>
      <c r="ONF123" s="26"/>
      <c r="ONG123" s="26"/>
      <c r="ONH123" s="26"/>
      <c r="ONI123" s="26"/>
      <c r="ONJ123" s="26"/>
      <c r="ONK123" s="26"/>
      <c r="ONL123" s="26"/>
      <c r="ONM123" s="26"/>
      <c r="ONN123" s="26"/>
      <c r="ONO123" s="26"/>
      <c r="ONP123" s="26"/>
      <c r="ONQ123" s="26"/>
      <c r="ONR123" s="26"/>
      <c r="ONS123" s="26"/>
      <c r="ONT123" s="26"/>
      <c r="ONU123" s="26"/>
      <c r="ONV123" s="26"/>
      <c r="ONW123" s="26"/>
      <c r="ONX123" s="26"/>
      <c r="ONY123" s="26"/>
      <c r="ONZ123" s="26"/>
      <c r="OOA123" s="26"/>
      <c r="OOB123" s="26"/>
      <c r="OOC123" s="26"/>
      <c r="OOD123" s="26"/>
      <c r="OOE123" s="26"/>
      <c r="OOF123" s="26"/>
      <c r="OOG123" s="26"/>
      <c r="OOH123" s="26"/>
      <c r="OOI123" s="26"/>
      <c r="OOJ123" s="26"/>
      <c r="OOK123" s="26"/>
      <c r="OOL123" s="26"/>
      <c r="OOM123" s="26"/>
      <c r="OON123" s="26"/>
      <c r="OOO123" s="26"/>
      <c r="OOP123" s="26"/>
      <c r="OOQ123" s="26"/>
      <c r="OOR123" s="26"/>
      <c r="OOS123" s="26"/>
      <c r="OOT123" s="26"/>
      <c r="OOU123" s="26"/>
      <c r="OOV123" s="26"/>
      <c r="OOW123" s="26"/>
      <c r="OOX123" s="26"/>
      <c r="OOY123" s="26"/>
      <c r="OOZ123" s="26"/>
      <c r="OPA123" s="26"/>
      <c r="OPB123" s="26"/>
      <c r="OPC123" s="26"/>
      <c r="OPD123" s="26"/>
      <c r="OPE123" s="26"/>
      <c r="OPF123" s="26"/>
      <c r="OPG123" s="26"/>
      <c r="OPH123" s="26"/>
      <c r="OPI123" s="26"/>
      <c r="OPJ123" s="26"/>
      <c r="OPK123" s="26"/>
      <c r="OPL123" s="26"/>
      <c r="OPM123" s="26"/>
      <c r="OPN123" s="26"/>
      <c r="OPO123" s="26"/>
      <c r="OPP123" s="26"/>
      <c r="OPQ123" s="26"/>
      <c r="OPR123" s="26"/>
      <c r="OPS123" s="26"/>
      <c r="OPT123" s="26"/>
      <c r="OPU123" s="26"/>
      <c r="OPV123" s="26"/>
      <c r="OPW123" s="26"/>
      <c r="OPX123" s="26"/>
      <c r="OPY123" s="26"/>
      <c r="OPZ123" s="26"/>
      <c r="OQA123" s="26"/>
      <c r="OQB123" s="26"/>
      <c r="OQC123" s="26"/>
      <c r="OQD123" s="26"/>
      <c r="OQE123" s="26"/>
      <c r="OQF123" s="26"/>
      <c r="OQG123" s="26"/>
      <c r="OQH123" s="26"/>
      <c r="OQI123" s="26"/>
      <c r="OQJ123" s="26"/>
      <c r="OQK123" s="26"/>
      <c r="OQL123" s="26"/>
      <c r="OQM123" s="26"/>
      <c r="OQN123" s="26"/>
      <c r="OQO123" s="26"/>
      <c r="OQP123" s="26"/>
      <c r="OQQ123" s="26"/>
      <c r="OQR123" s="26"/>
      <c r="OQS123" s="26"/>
      <c r="OQT123" s="26"/>
      <c r="OQU123" s="26"/>
      <c r="OQV123" s="26"/>
      <c r="OQW123" s="26"/>
      <c r="OQX123" s="26"/>
      <c r="OQY123" s="26"/>
      <c r="OQZ123" s="26"/>
      <c r="ORA123" s="26"/>
      <c r="ORB123" s="26"/>
      <c r="ORC123" s="26"/>
      <c r="ORD123" s="26"/>
      <c r="ORE123" s="26"/>
      <c r="ORF123" s="26"/>
      <c r="ORG123" s="26"/>
      <c r="ORH123" s="26"/>
      <c r="ORI123" s="26"/>
      <c r="ORJ123" s="26"/>
      <c r="ORK123" s="26"/>
      <c r="ORL123" s="26"/>
      <c r="ORM123" s="26"/>
      <c r="ORN123" s="26"/>
      <c r="ORO123" s="26"/>
      <c r="ORP123" s="26"/>
      <c r="ORQ123" s="26"/>
      <c r="ORR123" s="26"/>
      <c r="ORS123" s="26"/>
      <c r="ORT123" s="26"/>
      <c r="ORU123" s="26"/>
      <c r="ORV123" s="26"/>
      <c r="ORW123" s="26"/>
      <c r="ORX123" s="26"/>
      <c r="ORY123" s="26"/>
      <c r="ORZ123" s="26"/>
      <c r="OSA123" s="26"/>
      <c r="OSB123" s="26"/>
      <c r="OSC123" s="26"/>
      <c r="OSD123" s="26"/>
      <c r="OSE123" s="26"/>
      <c r="OSF123" s="26"/>
      <c r="OSG123" s="26"/>
      <c r="OSH123" s="26"/>
      <c r="OSI123" s="26"/>
      <c r="OSJ123" s="26"/>
      <c r="OSK123" s="26"/>
      <c r="OSL123" s="26"/>
      <c r="OSM123" s="26"/>
      <c r="OSN123" s="26"/>
      <c r="OSO123" s="26"/>
      <c r="OSP123" s="26"/>
      <c r="OSQ123" s="26"/>
      <c r="OSR123" s="26"/>
      <c r="OSS123" s="26"/>
      <c r="OST123" s="26"/>
      <c r="OSU123" s="26"/>
      <c r="OSV123" s="26"/>
      <c r="OSW123" s="26"/>
      <c r="OSX123" s="26"/>
      <c r="OSY123" s="26"/>
      <c r="OSZ123" s="26"/>
      <c r="OTA123" s="26"/>
      <c r="OTB123" s="26"/>
      <c r="OTC123" s="26"/>
      <c r="OTD123" s="26"/>
      <c r="OTE123" s="26"/>
      <c r="OTF123" s="26"/>
      <c r="OTG123" s="26"/>
      <c r="OTH123" s="26"/>
      <c r="OTI123" s="26"/>
      <c r="OTJ123" s="26"/>
      <c r="OTK123" s="26"/>
      <c r="OTL123" s="26"/>
      <c r="OTM123" s="26"/>
      <c r="OTN123" s="26"/>
      <c r="OTO123" s="26"/>
      <c r="OTP123" s="26"/>
      <c r="OTQ123" s="26"/>
      <c r="OTR123" s="26"/>
      <c r="OTS123" s="26"/>
      <c r="OTT123" s="26"/>
      <c r="OTU123" s="26"/>
      <c r="OTV123" s="26"/>
      <c r="OTW123" s="26"/>
      <c r="OTX123" s="26"/>
      <c r="OTY123" s="26"/>
      <c r="OTZ123" s="26"/>
      <c r="OUA123" s="26"/>
      <c r="OUB123" s="26"/>
      <c r="OUC123" s="26"/>
      <c r="OUD123" s="26"/>
      <c r="OUE123" s="26"/>
      <c r="OUF123" s="26"/>
      <c r="OUG123" s="26"/>
      <c r="OUH123" s="26"/>
      <c r="OUI123" s="26"/>
      <c r="OUJ123" s="26"/>
      <c r="OUK123" s="26"/>
      <c r="OUL123" s="26"/>
      <c r="OUM123" s="26"/>
      <c r="OUN123" s="26"/>
      <c r="OUO123" s="26"/>
      <c r="OUP123" s="26"/>
      <c r="OUQ123" s="26"/>
      <c r="OUR123" s="26"/>
      <c r="OUS123" s="26"/>
      <c r="OUT123" s="26"/>
      <c r="OUU123" s="26"/>
      <c r="OUV123" s="26"/>
      <c r="OUW123" s="26"/>
      <c r="OUX123" s="26"/>
      <c r="OUY123" s="26"/>
      <c r="OUZ123" s="26"/>
      <c r="OVA123" s="26"/>
      <c r="OVB123" s="26"/>
      <c r="OVC123" s="26"/>
      <c r="OVD123" s="26"/>
      <c r="OVE123" s="26"/>
      <c r="OVF123" s="26"/>
      <c r="OVG123" s="26"/>
      <c r="OVH123" s="26"/>
      <c r="OVI123" s="26"/>
      <c r="OVJ123" s="26"/>
      <c r="OVK123" s="26"/>
      <c r="OVL123" s="26"/>
      <c r="OVM123" s="26"/>
      <c r="OVN123" s="26"/>
      <c r="OVO123" s="26"/>
      <c r="OVP123" s="26"/>
      <c r="OVQ123" s="26"/>
      <c r="OVR123" s="26"/>
      <c r="OVS123" s="26"/>
      <c r="OVT123" s="26"/>
      <c r="OVU123" s="26"/>
      <c r="OVV123" s="26"/>
      <c r="OVW123" s="26"/>
      <c r="OVX123" s="26"/>
      <c r="OVY123" s="26"/>
      <c r="OVZ123" s="26"/>
      <c r="OWA123" s="26"/>
      <c r="OWB123" s="26"/>
      <c r="OWC123" s="26"/>
      <c r="OWD123" s="26"/>
      <c r="OWE123" s="26"/>
      <c r="OWF123" s="26"/>
      <c r="OWG123" s="26"/>
      <c r="OWH123" s="26"/>
      <c r="OWI123" s="26"/>
      <c r="OWJ123" s="26"/>
      <c r="OWK123" s="26"/>
      <c r="OWL123" s="26"/>
      <c r="OWM123" s="26"/>
      <c r="OWN123" s="26"/>
      <c r="OWO123" s="26"/>
      <c r="OWP123" s="26"/>
      <c r="OWQ123" s="26"/>
      <c r="OWR123" s="26"/>
      <c r="OWS123" s="26"/>
      <c r="OWT123" s="26"/>
      <c r="OWU123" s="26"/>
      <c r="OWV123" s="26"/>
      <c r="OWW123" s="26"/>
      <c r="OWX123" s="26"/>
      <c r="OWY123" s="26"/>
      <c r="OWZ123" s="26"/>
      <c r="OXA123" s="26"/>
      <c r="OXB123" s="26"/>
      <c r="OXC123" s="26"/>
      <c r="OXD123" s="26"/>
      <c r="OXE123" s="26"/>
      <c r="OXF123" s="26"/>
      <c r="OXG123" s="26"/>
      <c r="OXH123" s="26"/>
      <c r="OXI123" s="26"/>
      <c r="OXJ123" s="26"/>
      <c r="OXK123" s="26"/>
      <c r="OXL123" s="26"/>
      <c r="OXM123" s="26"/>
      <c r="OXN123" s="26"/>
      <c r="OXO123" s="26"/>
      <c r="OXP123" s="26"/>
      <c r="OXQ123" s="26"/>
      <c r="OXR123" s="26"/>
      <c r="OXS123" s="26"/>
      <c r="OXT123" s="26"/>
      <c r="OXU123" s="26"/>
      <c r="OXV123" s="26"/>
      <c r="OXW123" s="26"/>
      <c r="OXX123" s="26"/>
      <c r="OXY123" s="26"/>
      <c r="OXZ123" s="26"/>
      <c r="OYA123" s="26"/>
      <c r="OYB123" s="26"/>
      <c r="OYC123" s="26"/>
      <c r="OYD123" s="26"/>
      <c r="OYE123" s="26"/>
      <c r="OYF123" s="26"/>
      <c r="OYG123" s="26"/>
      <c r="OYH123" s="26"/>
      <c r="OYI123" s="26"/>
      <c r="OYJ123" s="26"/>
      <c r="OYK123" s="26"/>
      <c r="OYL123" s="26"/>
      <c r="OYM123" s="26"/>
      <c r="OYN123" s="26"/>
      <c r="OYO123" s="26"/>
      <c r="OYP123" s="26"/>
      <c r="OYQ123" s="26"/>
      <c r="OYR123" s="26"/>
      <c r="OYS123" s="26"/>
      <c r="OYT123" s="26"/>
      <c r="OYU123" s="26"/>
      <c r="OYV123" s="26"/>
      <c r="OYW123" s="26"/>
      <c r="OYX123" s="26"/>
      <c r="OYY123" s="26"/>
      <c r="OYZ123" s="26"/>
      <c r="OZA123" s="26"/>
      <c r="OZB123" s="26"/>
      <c r="OZC123" s="26"/>
      <c r="OZD123" s="26"/>
      <c r="OZE123" s="26"/>
      <c r="OZF123" s="26"/>
      <c r="OZG123" s="26"/>
      <c r="OZH123" s="26"/>
      <c r="OZI123" s="26"/>
      <c r="OZJ123" s="26"/>
      <c r="OZK123" s="26"/>
      <c r="OZL123" s="26"/>
      <c r="OZM123" s="26"/>
      <c r="OZN123" s="26"/>
      <c r="OZO123" s="26"/>
      <c r="OZP123" s="26"/>
      <c r="OZQ123" s="26"/>
      <c r="OZR123" s="26"/>
      <c r="OZS123" s="26"/>
      <c r="OZT123" s="26"/>
      <c r="OZU123" s="26"/>
      <c r="OZV123" s="26"/>
      <c r="OZW123" s="26"/>
      <c r="OZX123" s="26"/>
      <c r="OZY123" s="26"/>
      <c r="OZZ123" s="26"/>
      <c r="PAA123" s="26"/>
      <c r="PAB123" s="26"/>
      <c r="PAC123" s="26"/>
      <c r="PAD123" s="26"/>
      <c r="PAE123" s="26"/>
      <c r="PAF123" s="26"/>
      <c r="PAG123" s="26"/>
      <c r="PAH123" s="26"/>
      <c r="PAI123" s="26"/>
      <c r="PAJ123" s="26"/>
      <c r="PAK123" s="26"/>
      <c r="PAL123" s="26"/>
      <c r="PAM123" s="26"/>
      <c r="PAN123" s="26"/>
      <c r="PAO123" s="26"/>
      <c r="PAP123" s="26"/>
      <c r="PAQ123" s="26"/>
      <c r="PAR123" s="26"/>
      <c r="PAS123" s="26"/>
      <c r="PAT123" s="26"/>
      <c r="PAU123" s="26"/>
      <c r="PAV123" s="26"/>
      <c r="PAW123" s="26"/>
      <c r="PAX123" s="26"/>
      <c r="PAY123" s="26"/>
      <c r="PAZ123" s="26"/>
      <c r="PBA123" s="26"/>
      <c r="PBB123" s="26"/>
      <c r="PBC123" s="26"/>
      <c r="PBD123" s="26"/>
      <c r="PBE123" s="26"/>
      <c r="PBF123" s="26"/>
      <c r="PBG123" s="26"/>
      <c r="PBH123" s="26"/>
      <c r="PBI123" s="26"/>
      <c r="PBJ123" s="26"/>
      <c r="PBK123" s="26"/>
      <c r="PBL123" s="26"/>
      <c r="PBM123" s="26"/>
      <c r="PBN123" s="26"/>
      <c r="PBO123" s="26"/>
      <c r="PBP123" s="26"/>
      <c r="PBQ123" s="26"/>
      <c r="PBR123" s="26"/>
      <c r="PBS123" s="26"/>
      <c r="PBT123" s="26"/>
      <c r="PBU123" s="26"/>
      <c r="PBV123" s="26"/>
      <c r="PBW123" s="26"/>
      <c r="PBX123" s="26"/>
      <c r="PBY123" s="26"/>
      <c r="PBZ123" s="26"/>
      <c r="PCA123" s="26"/>
      <c r="PCB123" s="26"/>
      <c r="PCC123" s="26"/>
      <c r="PCD123" s="26"/>
      <c r="PCE123" s="26"/>
      <c r="PCF123" s="26"/>
      <c r="PCG123" s="26"/>
      <c r="PCH123" s="26"/>
      <c r="PCI123" s="26"/>
      <c r="PCJ123" s="26"/>
      <c r="PCK123" s="26"/>
      <c r="PCL123" s="26"/>
      <c r="PCM123" s="26"/>
      <c r="PCN123" s="26"/>
      <c r="PCO123" s="26"/>
      <c r="PCP123" s="26"/>
      <c r="PCQ123" s="26"/>
      <c r="PCR123" s="26"/>
      <c r="PCS123" s="26"/>
      <c r="PCT123" s="26"/>
      <c r="PCU123" s="26"/>
      <c r="PCV123" s="26"/>
      <c r="PCW123" s="26"/>
      <c r="PCX123" s="26"/>
      <c r="PCY123" s="26"/>
      <c r="PCZ123" s="26"/>
      <c r="PDA123" s="26"/>
      <c r="PDB123" s="26"/>
      <c r="PDC123" s="26"/>
      <c r="PDD123" s="26"/>
      <c r="PDE123" s="26"/>
      <c r="PDF123" s="26"/>
      <c r="PDG123" s="26"/>
      <c r="PDH123" s="26"/>
      <c r="PDI123" s="26"/>
      <c r="PDJ123" s="26"/>
      <c r="PDK123" s="26"/>
      <c r="PDL123" s="26"/>
      <c r="PDM123" s="26"/>
      <c r="PDN123" s="26"/>
      <c r="PDO123" s="26"/>
      <c r="PDP123" s="26"/>
      <c r="PDQ123" s="26"/>
      <c r="PDR123" s="26"/>
      <c r="PDS123" s="26"/>
      <c r="PDT123" s="26"/>
      <c r="PDU123" s="26"/>
      <c r="PDV123" s="26"/>
      <c r="PDW123" s="26"/>
      <c r="PDX123" s="26"/>
      <c r="PDY123" s="26"/>
      <c r="PDZ123" s="26"/>
      <c r="PEA123" s="26"/>
      <c r="PEB123" s="26"/>
      <c r="PEC123" s="26"/>
      <c r="PED123" s="26"/>
      <c r="PEE123" s="26"/>
      <c r="PEF123" s="26"/>
      <c r="PEG123" s="26"/>
      <c r="PEH123" s="26"/>
      <c r="PEI123" s="26"/>
      <c r="PEJ123" s="26"/>
      <c r="PEK123" s="26"/>
      <c r="PEL123" s="26"/>
      <c r="PEM123" s="26"/>
      <c r="PEN123" s="26"/>
      <c r="PEO123" s="26"/>
      <c r="PEP123" s="26"/>
      <c r="PEQ123" s="26"/>
      <c r="PER123" s="26"/>
      <c r="PES123" s="26"/>
      <c r="PET123" s="26"/>
      <c r="PEU123" s="26"/>
      <c r="PEV123" s="26"/>
      <c r="PEW123" s="26"/>
      <c r="PEX123" s="26"/>
      <c r="PEY123" s="26"/>
      <c r="PEZ123" s="26"/>
      <c r="PFA123" s="26"/>
      <c r="PFB123" s="26"/>
      <c r="PFC123" s="26"/>
      <c r="PFD123" s="26"/>
      <c r="PFE123" s="26"/>
      <c r="PFF123" s="26"/>
      <c r="PFG123" s="26"/>
      <c r="PFH123" s="26"/>
      <c r="PFI123" s="26"/>
      <c r="PFJ123" s="26"/>
      <c r="PFK123" s="26"/>
      <c r="PFL123" s="26"/>
      <c r="PFM123" s="26"/>
      <c r="PFN123" s="26"/>
      <c r="PFO123" s="26"/>
      <c r="PFP123" s="26"/>
      <c r="PFQ123" s="26"/>
      <c r="PFR123" s="26"/>
      <c r="PFS123" s="26"/>
      <c r="PFT123" s="26"/>
      <c r="PFU123" s="26"/>
      <c r="PFV123" s="26"/>
      <c r="PFW123" s="26"/>
      <c r="PFX123" s="26"/>
      <c r="PFY123" s="26"/>
      <c r="PFZ123" s="26"/>
      <c r="PGA123" s="26"/>
      <c r="PGB123" s="26"/>
      <c r="PGC123" s="26"/>
      <c r="PGD123" s="26"/>
      <c r="PGE123" s="26"/>
      <c r="PGF123" s="26"/>
      <c r="PGG123" s="26"/>
      <c r="PGH123" s="26"/>
      <c r="PGI123" s="26"/>
      <c r="PGJ123" s="26"/>
      <c r="PGK123" s="26"/>
      <c r="PGL123" s="26"/>
      <c r="PGM123" s="26"/>
      <c r="PGN123" s="26"/>
      <c r="PGO123" s="26"/>
      <c r="PGP123" s="26"/>
      <c r="PGQ123" s="26"/>
      <c r="PGR123" s="26"/>
      <c r="PGS123" s="26"/>
      <c r="PGT123" s="26"/>
      <c r="PGU123" s="26"/>
      <c r="PGV123" s="26"/>
      <c r="PGW123" s="26"/>
      <c r="PGX123" s="26"/>
      <c r="PGY123" s="26"/>
      <c r="PGZ123" s="26"/>
      <c r="PHA123" s="26"/>
      <c r="PHB123" s="26"/>
      <c r="PHC123" s="26"/>
      <c r="PHD123" s="26"/>
      <c r="PHE123" s="26"/>
      <c r="PHF123" s="26"/>
      <c r="PHG123" s="26"/>
      <c r="PHH123" s="26"/>
      <c r="PHI123" s="26"/>
      <c r="PHJ123" s="26"/>
      <c r="PHK123" s="26"/>
      <c r="PHL123" s="26"/>
      <c r="PHM123" s="26"/>
      <c r="PHN123" s="26"/>
      <c r="PHO123" s="26"/>
      <c r="PHP123" s="26"/>
      <c r="PHQ123" s="26"/>
      <c r="PHR123" s="26"/>
      <c r="PHS123" s="26"/>
      <c r="PHT123" s="26"/>
      <c r="PHU123" s="26"/>
      <c r="PHV123" s="26"/>
      <c r="PHW123" s="26"/>
      <c r="PHX123" s="26"/>
      <c r="PHY123" s="26"/>
      <c r="PHZ123" s="26"/>
      <c r="PIA123" s="26"/>
      <c r="PIB123" s="26"/>
      <c r="PIC123" s="26"/>
      <c r="PID123" s="26"/>
      <c r="PIE123" s="26"/>
      <c r="PIF123" s="26"/>
      <c r="PIG123" s="26"/>
      <c r="PIH123" s="26"/>
      <c r="PII123" s="26"/>
      <c r="PIJ123" s="26"/>
      <c r="PIK123" s="26"/>
      <c r="PIL123" s="26"/>
      <c r="PIM123" s="26"/>
      <c r="PIN123" s="26"/>
      <c r="PIO123" s="26"/>
      <c r="PIP123" s="26"/>
      <c r="PIQ123" s="26"/>
      <c r="PIR123" s="26"/>
      <c r="PIS123" s="26"/>
      <c r="PIT123" s="26"/>
      <c r="PIU123" s="26"/>
      <c r="PIV123" s="26"/>
      <c r="PIW123" s="26"/>
      <c r="PIX123" s="26"/>
      <c r="PIY123" s="26"/>
      <c r="PIZ123" s="26"/>
      <c r="PJA123" s="26"/>
      <c r="PJB123" s="26"/>
      <c r="PJC123" s="26"/>
      <c r="PJD123" s="26"/>
      <c r="PJE123" s="26"/>
      <c r="PJF123" s="26"/>
      <c r="PJG123" s="26"/>
      <c r="PJH123" s="26"/>
      <c r="PJI123" s="26"/>
      <c r="PJJ123" s="26"/>
      <c r="PJK123" s="26"/>
      <c r="PJL123" s="26"/>
      <c r="PJM123" s="26"/>
      <c r="PJN123" s="26"/>
      <c r="PJO123" s="26"/>
      <c r="PJP123" s="26"/>
      <c r="PJQ123" s="26"/>
      <c r="PJR123" s="26"/>
      <c r="PJS123" s="26"/>
      <c r="PJT123" s="26"/>
      <c r="PJU123" s="26"/>
      <c r="PJV123" s="26"/>
      <c r="PJW123" s="26"/>
      <c r="PJX123" s="26"/>
      <c r="PJY123" s="26"/>
      <c r="PJZ123" s="26"/>
      <c r="PKA123" s="26"/>
      <c r="PKB123" s="26"/>
      <c r="PKC123" s="26"/>
      <c r="PKD123" s="26"/>
      <c r="PKE123" s="26"/>
      <c r="PKF123" s="26"/>
      <c r="PKG123" s="26"/>
      <c r="PKH123" s="26"/>
      <c r="PKI123" s="26"/>
      <c r="PKJ123" s="26"/>
      <c r="PKK123" s="26"/>
      <c r="PKL123" s="26"/>
      <c r="PKM123" s="26"/>
      <c r="PKN123" s="26"/>
      <c r="PKO123" s="26"/>
      <c r="PKP123" s="26"/>
      <c r="PKQ123" s="26"/>
      <c r="PKR123" s="26"/>
      <c r="PKS123" s="26"/>
      <c r="PKT123" s="26"/>
      <c r="PKU123" s="26"/>
      <c r="PKV123" s="26"/>
      <c r="PKW123" s="26"/>
      <c r="PKX123" s="26"/>
      <c r="PKY123" s="26"/>
      <c r="PKZ123" s="26"/>
      <c r="PLA123" s="26"/>
      <c r="PLB123" s="26"/>
      <c r="PLC123" s="26"/>
      <c r="PLD123" s="26"/>
      <c r="PLE123" s="26"/>
      <c r="PLF123" s="26"/>
      <c r="PLG123" s="26"/>
      <c r="PLH123" s="26"/>
      <c r="PLI123" s="26"/>
      <c r="PLJ123" s="26"/>
      <c r="PLK123" s="26"/>
      <c r="PLL123" s="26"/>
      <c r="PLM123" s="26"/>
      <c r="PLN123" s="26"/>
      <c r="PLO123" s="26"/>
      <c r="PLP123" s="26"/>
      <c r="PLQ123" s="26"/>
      <c r="PLR123" s="26"/>
      <c r="PLS123" s="26"/>
      <c r="PLT123" s="26"/>
      <c r="PLU123" s="26"/>
      <c r="PLV123" s="26"/>
      <c r="PLW123" s="26"/>
      <c r="PLX123" s="26"/>
      <c r="PLY123" s="26"/>
      <c r="PLZ123" s="26"/>
      <c r="PMA123" s="26"/>
      <c r="PMB123" s="26"/>
      <c r="PMC123" s="26"/>
      <c r="PMD123" s="26"/>
      <c r="PME123" s="26"/>
      <c r="PMF123" s="26"/>
      <c r="PMG123" s="26"/>
      <c r="PMH123" s="26"/>
      <c r="PMI123" s="26"/>
      <c r="PMJ123" s="26"/>
      <c r="PMK123" s="26"/>
      <c r="PML123" s="26"/>
      <c r="PMM123" s="26"/>
      <c r="PMN123" s="26"/>
      <c r="PMO123" s="26"/>
      <c r="PMP123" s="26"/>
      <c r="PMQ123" s="26"/>
      <c r="PMR123" s="26"/>
      <c r="PMS123" s="26"/>
      <c r="PMT123" s="26"/>
      <c r="PMU123" s="26"/>
      <c r="PMV123" s="26"/>
      <c r="PMW123" s="26"/>
      <c r="PMX123" s="26"/>
      <c r="PMY123" s="26"/>
      <c r="PMZ123" s="26"/>
      <c r="PNA123" s="26"/>
      <c r="PNB123" s="26"/>
      <c r="PNC123" s="26"/>
      <c r="PND123" s="26"/>
      <c r="PNE123" s="26"/>
      <c r="PNF123" s="26"/>
      <c r="PNG123" s="26"/>
      <c r="PNH123" s="26"/>
      <c r="PNI123" s="26"/>
      <c r="PNJ123" s="26"/>
      <c r="PNK123" s="26"/>
      <c r="PNL123" s="26"/>
      <c r="PNM123" s="26"/>
      <c r="PNN123" s="26"/>
      <c r="PNO123" s="26"/>
      <c r="PNP123" s="26"/>
      <c r="PNQ123" s="26"/>
      <c r="PNR123" s="26"/>
      <c r="PNS123" s="26"/>
      <c r="PNT123" s="26"/>
      <c r="PNU123" s="26"/>
      <c r="PNV123" s="26"/>
      <c r="PNW123" s="26"/>
      <c r="PNX123" s="26"/>
      <c r="PNY123" s="26"/>
      <c r="PNZ123" s="26"/>
      <c r="POA123" s="26"/>
      <c r="POB123" s="26"/>
      <c r="POC123" s="26"/>
      <c r="POD123" s="26"/>
      <c r="POE123" s="26"/>
      <c r="POF123" s="26"/>
      <c r="POG123" s="26"/>
      <c r="POH123" s="26"/>
      <c r="POI123" s="26"/>
      <c r="POJ123" s="26"/>
      <c r="POK123" s="26"/>
      <c r="POL123" s="26"/>
      <c r="POM123" s="26"/>
      <c r="PON123" s="26"/>
      <c r="POO123" s="26"/>
      <c r="POP123" s="26"/>
      <c r="POQ123" s="26"/>
      <c r="POR123" s="26"/>
      <c r="POS123" s="26"/>
      <c r="POT123" s="26"/>
      <c r="POU123" s="26"/>
      <c r="POV123" s="26"/>
      <c r="POW123" s="26"/>
      <c r="POX123" s="26"/>
      <c r="POY123" s="26"/>
      <c r="POZ123" s="26"/>
      <c r="PPA123" s="26"/>
      <c r="PPB123" s="26"/>
      <c r="PPC123" s="26"/>
      <c r="PPD123" s="26"/>
      <c r="PPE123" s="26"/>
      <c r="PPF123" s="26"/>
      <c r="PPG123" s="26"/>
      <c r="PPH123" s="26"/>
      <c r="PPI123" s="26"/>
      <c r="PPJ123" s="26"/>
      <c r="PPK123" s="26"/>
      <c r="PPL123" s="26"/>
      <c r="PPM123" s="26"/>
      <c r="PPN123" s="26"/>
      <c r="PPO123" s="26"/>
      <c r="PPP123" s="26"/>
      <c r="PPQ123" s="26"/>
      <c r="PPR123" s="26"/>
      <c r="PPS123" s="26"/>
      <c r="PPT123" s="26"/>
      <c r="PPU123" s="26"/>
      <c r="PPV123" s="26"/>
      <c r="PPW123" s="26"/>
      <c r="PPX123" s="26"/>
      <c r="PPY123" s="26"/>
      <c r="PPZ123" s="26"/>
      <c r="PQA123" s="26"/>
      <c r="PQB123" s="26"/>
      <c r="PQC123" s="26"/>
      <c r="PQD123" s="26"/>
      <c r="PQE123" s="26"/>
      <c r="PQF123" s="26"/>
      <c r="PQG123" s="26"/>
      <c r="PQH123" s="26"/>
      <c r="PQI123" s="26"/>
      <c r="PQJ123" s="26"/>
      <c r="PQK123" s="26"/>
      <c r="PQL123" s="26"/>
      <c r="PQM123" s="26"/>
      <c r="PQN123" s="26"/>
      <c r="PQO123" s="26"/>
      <c r="PQP123" s="26"/>
      <c r="PQQ123" s="26"/>
      <c r="PQR123" s="26"/>
      <c r="PQS123" s="26"/>
      <c r="PQT123" s="26"/>
      <c r="PQU123" s="26"/>
      <c r="PQV123" s="26"/>
      <c r="PQW123" s="26"/>
      <c r="PQX123" s="26"/>
      <c r="PQY123" s="26"/>
      <c r="PQZ123" s="26"/>
      <c r="PRA123" s="26"/>
      <c r="PRB123" s="26"/>
      <c r="PRC123" s="26"/>
      <c r="PRD123" s="26"/>
      <c r="PRE123" s="26"/>
      <c r="PRF123" s="26"/>
      <c r="PRG123" s="26"/>
      <c r="PRH123" s="26"/>
      <c r="PRI123" s="26"/>
      <c r="PRJ123" s="26"/>
      <c r="PRK123" s="26"/>
      <c r="PRL123" s="26"/>
      <c r="PRM123" s="26"/>
      <c r="PRN123" s="26"/>
      <c r="PRO123" s="26"/>
      <c r="PRP123" s="26"/>
      <c r="PRQ123" s="26"/>
      <c r="PRR123" s="26"/>
      <c r="PRS123" s="26"/>
      <c r="PRT123" s="26"/>
      <c r="PRU123" s="26"/>
      <c r="PRV123" s="26"/>
      <c r="PRW123" s="26"/>
      <c r="PRX123" s="26"/>
      <c r="PRY123" s="26"/>
      <c r="PRZ123" s="26"/>
      <c r="PSA123" s="26"/>
      <c r="PSB123" s="26"/>
      <c r="PSC123" s="26"/>
      <c r="PSD123" s="26"/>
      <c r="PSE123" s="26"/>
      <c r="PSF123" s="26"/>
      <c r="PSG123" s="26"/>
      <c r="PSH123" s="26"/>
      <c r="PSI123" s="26"/>
      <c r="PSJ123" s="26"/>
      <c r="PSK123" s="26"/>
      <c r="PSL123" s="26"/>
      <c r="PSM123" s="26"/>
      <c r="PSN123" s="26"/>
      <c r="PSO123" s="26"/>
      <c r="PSP123" s="26"/>
      <c r="PSQ123" s="26"/>
      <c r="PSR123" s="26"/>
      <c r="PSS123" s="26"/>
      <c r="PST123" s="26"/>
      <c r="PSU123" s="26"/>
      <c r="PSV123" s="26"/>
      <c r="PSW123" s="26"/>
      <c r="PSX123" s="26"/>
      <c r="PSY123" s="26"/>
      <c r="PSZ123" s="26"/>
      <c r="PTA123" s="26"/>
      <c r="PTB123" s="26"/>
      <c r="PTC123" s="26"/>
      <c r="PTD123" s="26"/>
      <c r="PTE123" s="26"/>
      <c r="PTF123" s="26"/>
      <c r="PTG123" s="26"/>
      <c r="PTH123" s="26"/>
      <c r="PTI123" s="26"/>
      <c r="PTJ123" s="26"/>
      <c r="PTK123" s="26"/>
      <c r="PTL123" s="26"/>
      <c r="PTM123" s="26"/>
      <c r="PTN123" s="26"/>
      <c r="PTO123" s="26"/>
      <c r="PTP123" s="26"/>
      <c r="PTQ123" s="26"/>
      <c r="PTR123" s="26"/>
      <c r="PTS123" s="26"/>
      <c r="PTT123" s="26"/>
      <c r="PTU123" s="26"/>
      <c r="PTV123" s="26"/>
      <c r="PTW123" s="26"/>
      <c r="PTX123" s="26"/>
      <c r="PTY123" s="26"/>
      <c r="PTZ123" s="26"/>
      <c r="PUA123" s="26"/>
      <c r="PUB123" s="26"/>
      <c r="PUC123" s="26"/>
      <c r="PUD123" s="26"/>
      <c r="PUE123" s="26"/>
      <c r="PUF123" s="26"/>
      <c r="PUG123" s="26"/>
      <c r="PUH123" s="26"/>
      <c r="PUI123" s="26"/>
      <c r="PUJ123" s="26"/>
      <c r="PUK123" s="26"/>
      <c r="PUL123" s="26"/>
      <c r="PUM123" s="26"/>
      <c r="PUN123" s="26"/>
      <c r="PUO123" s="26"/>
      <c r="PUP123" s="26"/>
      <c r="PUQ123" s="26"/>
      <c r="PUR123" s="26"/>
      <c r="PUS123" s="26"/>
      <c r="PUT123" s="26"/>
      <c r="PUU123" s="26"/>
      <c r="PUV123" s="26"/>
      <c r="PUW123" s="26"/>
      <c r="PUX123" s="26"/>
      <c r="PUY123" s="26"/>
      <c r="PUZ123" s="26"/>
      <c r="PVA123" s="26"/>
      <c r="PVB123" s="26"/>
      <c r="PVC123" s="26"/>
      <c r="PVD123" s="26"/>
      <c r="PVE123" s="26"/>
      <c r="PVF123" s="26"/>
      <c r="PVG123" s="26"/>
      <c r="PVH123" s="26"/>
      <c r="PVI123" s="26"/>
      <c r="PVJ123" s="26"/>
      <c r="PVK123" s="26"/>
      <c r="PVL123" s="26"/>
      <c r="PVM123" s="26"/>
      <c r="PVN123" s="26"/>
      <c r="PVO123" s="26"/>
      <c r="PVP123" s="26"/>
      <c r="PVQ123" s="26"/>
      <c r="PVR123" s="26"/>
      <c r="PVS123" s="26"/>
      <c r="PVT123" s="26"/>
      <c r="PVU123" s="26"/>
      <c r="PVV123" s="26"/>
      <c r="PVW123" s="26"/>
      <c r="PVX123" s="26"/>
      <c r="PVY123" s="26"/>
      <c r="PVZ123" s="26"/>
      <c r="PWA123" s="26"/>
      <c r="PWB123" s="26"/>
      <c r="PWC123" s="26"/>
      <c r="PWD123" s="26"/>
      <c r="PWE123" s="26"/>
      <c r="PWF123" s="26"/>
      <c r="PWG123" s="26"/>
      <c r="PWH123" s="26"/>
      <c r="PWI123" s="26"/>
      <c r="PWJ123" s="26"/>
      <c r="PWK123" s="26"/>
      <c r="PWL123" s="26"/>
      <c r="PWM123" s="26"/>
      <c r="PWN123" s="26"/>
      <c r="PWO123" s="26"/>
      <c r="PWP123" s="26"/>
      <c r="PWQ123" s="26"/>
      <c r="PWR123" s="26"/>
      <c r="PWS123" s="26"/>
      <c r="PWT123" s="26"/>
      <c r="PWU123" s="26"/>
      <c r="PWV123" s="26"/>
      <c r="PWW123" s="26"/>
      <c r="PWX123" s="26"/>
      <c r="PWY123" s="26"/>
      <c r="PWZ123" s="26"/>
      <c r="PXA123" s="26"/>
      <c r="PXB123" s="26"/>
      <c r="PXC123" s="26"/>
      <c r="PXD123" s="26"/>
      <c r="PXE123" s="26"/>
      <c r="PXF123" s="26"/>
      <c r="PXG123" s="26"/>
      <c r="PXH123" s="26"/>
      <c r="PXI123" s="26"/>
      <c r="PXJ123" s="26"/>
      <c r="PXK123" s="26"/>
      <c r="PXL123" s="26"/>
      <c r="PXM123" s="26"/>
      <c r="PXN123" s="26"/>
      <c r="PXO123" s="26"/>
      <c r="PXP123" s="26"/>
      <c r="PXQ123" s="26"/>
      <c r="PXR123" s="26"/>
      <c r="PXS123" s="26"/>
      <c r="PXT123" s="26"/>
      <c r="PXU123" s="26"/>
      <c r="PXV123" s="26"/>
      <c r="PXW123" s="26"/>
      <c r="PXX123" s="26"/>
      <c r="PXY123" s="26"/>
      <c r="PXZ123" s="26"/>
      <c r="PYA123" s="26"/>
      <c r="PYB123" s="26"/>
      <c r="PYC123" s="26"/>
      <c r="PYD123" s="26"/>
      <c r="PYE123" s="26"/>
      <c r="PYF123" s="26"/>
      <c r="PYG123" s="26"/>
      <c r="PYH123" s="26"/>
      <c r="PYI123" s="26"/>
      <c r="PYJ123" s="26"/>
      <c r="PYK123" s="26"/>
      <c r="PYL123" s="26"/>
      <c r="PYM123" s="26"/>
      <c r="PYN123" s="26"/>
      <c r="PYO123" s="26"/>
      <c r="PYP123" s="26"/>
      <c r="PYQ123" s="26"/>
      <c r="PYR123" s="26"/>
      <c r="PYS123" s="26"/>
      <c r="PYT123" s="26"/>
      <c r="PYU123" s="26"/>
      <c r="PYV123" s="26"/>
      <c r="PYW123" s="26"/>
      <c r="PYX123" s="26"/>
      <c r="PYY123" s="26"/>
      <c r="PYZ123" s="26"/>
      <c r="PZA123" s="26"/>
      <c r="PZB123" s="26"/>
      <c r="PZC123" s="26"/>
      <c r="PZD123" s="26"/>
      <c r="PZE123" s="26"/>
      <c r="PZF123" s="26"/>
      <c r="PZG123" s="26"/>
      <c r="PZH123" s="26"/>
      <c r="PZI123" s="26"/>
      <c r="PZJ123" s="26"/>
      <c r="PZK123" s="26"/>
      <c r="PZL123" s="26"/>
      <c r="PZM123" s="26"/>
      <c r="PZN123" s="26"/>
      <c r="PZO123" s="26"/>
      <c r="PZP123" s="26"/>
      <c r="PZQ123" s="26"/>
      <c r="PZR123" s="26"/>
      <c r="PZS123" s="26"/>
      <c r="PZT123" s="26"/>
      <c r="PZU123" s="26"/>
      <c r="PZV123" s="26"/>
      <c r="PZW123" s="26"/>
      <c r="PZX123" s="26"/>
      <c r="PZY123" s="26"/>
      <c r="PZZ123" s="26"/>
      <c r="QAA123" s="26"/>
      <c r="QAB123" s="26"/>
      <c r="QAC123" s="26"/>
      <c r="QAD123" s="26"/>
      <c r="QAE123" s="26"/>
      <c r="QAF123" s="26"/>
      <c r="QAG123" s="26"/>
      <c r="QAH123" s="26"/>
      <c r="QAI123" s="26"/>
      <c r="QAJ123" s="26"/>
      <c r="QAK123" s="26"/>
      <c r="QAL123" s="26"/>
      <c r="QAM123" s="26"/>
      <c r="QAN123" s="26"/>
      <c r="QAO123" s="26"/>
      <c r="QAP123" s="26"/>
      <c r="QAQ123" s="26"/>
      <c r="QAR123" s="26"/>
      <c r="QAS123" s="26"/>
      <c r="QAT123" s="26"/>
      <c r="QAU123" s="26"/>
      <c r="QAV123" s="26"/>
      <c r="QAW123" s="26"/>
      <c r="QAX123" s="26"/>
      <c r="QAY123" s="26"/>
      <c r="QAZ123" s="26"/>
      <c r="QBA123" s="26"/>
      <c r="QBB123" s="26"/>
      <c r="QBC123" s="26"/>
      <c r="QBD123" s="26"/>
      <c r="QBE123" s="26"/>
      <c r="QBF123" s="26"/>
      <c r="QBG123" s="26"/>
      <c r="QBH123" s="26"/>
      <c r="QBI123" s="26"/>
      <c r="QBJ123" s="26"/>
      <c r="QBK123" s="26"/>
      <c r="QBL123" s="26"/>
      <c r="QBM123" s="26"/>
      <c r="QBN123" s="26"/>
      <c r="QBO123" s="26"/>
      <c r="QBP123" s="26"/>
      <c r="QBQ123" s="26"/>
      <c r="QBR123" s="26"/>
      <c r="QBS123" s="26"/>
      <c r="QBT123" s="26"/>
      <c r="QBU123" s="26"/>
      <c r="QBV123" s="26"/>
      <c r="QBW123" s="26"/>
      <c r="QBX123" s="26"/>
      <c r="QBY123" s="26"/>
      <c r="QBZ123" s="26"/>
      <c r="QCA123" s="26"/>
      <c r="QCB123" s="26"/>
      <c r="QCC123" s="26"/>
      <c r="QCD123" s="26"/>
      <c r="QCE123" s="26"/>
      <c r="QCF123" s="26"/>
      <c r="QCG123" s="26"/>
      <c r="QCH123" s="26"/>
      <c r="QCI123" s="26"/>
      <c r="QCJ123" s="26"/>
      <c r="QCK123" s="26"/>
      <c r="QCL123" s="26"/>
      <c r="QCM123" s="26"/>
      <c r="QCN123" s="26"/>
      <c r="QCO123" s="26"/>
      <c r="QCP123" s="26"/>
      <c r="QCQ123" s="26"/>
      <c r="QCR123" s="26"/>
      <c r="QCS123" s="26"/>
      <c r="QCT123" s="26"/>
      <c r="QCU123" s="26"/>
      <c r="QCV123" s="26"/>
      <c r="QCW123" s="26"/>
      <c r="QCX123" s="26"/>
      <c r="QCY123" s="26"/>
      <c r="QCZ123" s="26"/>
      <c r="QDA123" s="26"/>
      <c r="QDB123" s="26"/>
      <c r="QDC123" s="26"/>
      <c r="QDD123" s="26"/>
      <c r="QDE123" s="26"/>
      <c r="QDF123" s="26"/>
      <c r="QDG123" s="26"/>
      <c r="QDH123" s="26"/>
      <c r="QDI123" s="26"/>
      <c r="QDJ123" s="26"/>
      <c r="QDK123" s="26"/>
      <c r="QDL123" s="26"/>
      <c r="QDM123" s="26"/>
      <c r="QDN123" s="26"/>
      <c r="QDO123" s="26"/>
      <c r="QDP123" s="26"/>
      <c r="QDQ123" s="26"/>
      <c r="QDR123" s="26"/>
      <c r="QDS123" s="26"/>
      <c r="QDT123" s="26"/>
      <c r="QDU123" s="26"/>
      <c r="QDV123" s="26"/>
      <c r="QDW123" s="26"/>
      <c r="QDX123" s="26"/>
      <c r="QDY123" s="26"/>
      <c r="QDZ123" s="26"/>
      <c r="QEA123" s="26"/>
      <c r="QEB123" s="26"/>
      <c r="QEC123" s="26"/>
      <c r="QED123" s="26"/>
      <c r="QEE123" s="26"/>
      <c r="QEF123" s="26"/>
      <c r="QEG123" s="26"/>
      <c r="QEH123" s="26"/>
      <c r="QEI123" s="26"/>
      <c r="QEJ123" s="26"/>
      <c r="QEK123" s="26"/>
      <c r="QEL123" s="26"/>
      <c r="QEM123" s="26"/>
      <c r="QEN123" s="26"/>
      <c r="QEO123" s="26"/>
      <c r="QEP123" s="26"/>
      <c r="QEQ123" s="26"/>
      <c r="QER123" s="26"/>
      <c r="QES123" s="26"/>
      <c r="QET123" s="26"/>
      <c r="QEU123" s="26"/>
      <c r="QEV123" s="26"/>
      <c r="QEW123" s="26"/>
      <c r="QEX123" s="26"/>
      <c r="QEY123" s="26"/>
      <c r="QEZ123" s="26"/>
      <c r="QFA123" s="26"/>
      <c r="QFB123" s="26"/>
      <c r="QFC123" s="26"/>
      <c r="QFD123" s="26"/>
      <c r="QFE123" s="26"/>
      <c r="QFF123" s="26"/>
      <c r="QFG123" s="26"/>
      <c r="QFH123" s="26"/>
      <c r="QFI123" s="26"/>
      <c r="QFJ123" s="26"/>
      <c r="QFK123" s="26"/>
      <c r="QFL123" s="26"/>
      <c r="QFM123" s="26"/>
      <c r="QFN123" s="26"/>
      <c r="QFO123" s="26"/>
      <c r="QFP123" s="26"/>
      <c r="QFQ123" s="26"/>
      <c r="QFR123" s="26"/>
      <c r="QFS123" s="26"/>
      <c r="QFT123" s="26"/>
      <c r="QFU123" s="26"/>
      <c r="QFV123" s="26"/>
      <c r="QFW123" s="26"/>
      <c r="QFX123" s="26"/>
      <c r="QFY123" s="26"/>
      <c r="QFZ123" s="26"/>
      <c r="QGA123" s="26"/>
      <c r="QGB123" s="26"/>
      <c r="QGC123" s="26"/>
      <c r="QGD123" s="26"/>
      <c r="QGE123" s="26"/>
      <c r="QGF123" s="26"/>
      <c r="QGG123" s="26"/>
      <c r="QGH123" s="26"/>
      <c r="QGI123" s="26"/>
      <c r="QGJ123" s="26"/>
      <c r="QGK123" s="26"/>
      <c r="QGL123" s="26"/>
      <c r="QGM123" s="26"/>
      <c r="QGN123" s="26"/>
      <c r="QGO123" s="26"/>
      <c r="QGP123" s="26"/>
      <c r="QGQ123" s="26"/>
      <c r="QGR123" s="26"/>
      <c r="QGS123" s="26"/>
      <c r="QGT123" s="26"/>
      <c r="QGU123" s="26"/>
      <c r="QGV123" s="26"/>
      <c r="QGW123" s="26"/>
      <c r="QGX123" s="26"/>
      <c r="QGY123" s="26"/>
      <c r="QGZ123" s="26"/>
      <c r="QHA123" s="26"/>
      <c r="QHB123" s="26"/>
      <c r="QHC123" s="26"/>
      <c r="QHD123" s="26"/>
      <c r="QHE123" s="26"/>
      <c r="QHF123" s="26"/>
      <c r="QHG123" s="26"/>
      <c r="QHH123" s="26"/>
      <c r="QHI123" s="26"/>
      <c r="QHJ123" s="26"/>
      <c r="QHK123" s="26"/>
      <c r="QHL123" s="26"/>
      <c r="QHM123" s="26"/>
      <c r="QHN123" s="26"/>
      <c r="QHO123" s="26"/>
      <c r="QHP123" s="26"/>
      <c r="QHQ123" s="26"/>
      <c r="QHR123" s="26"/>
      <c r="QHS123" s="26"/>
      <c r="QHT123" s="26"/>
      <c r="QHU123" s="26"/>
      <c r="QHV123" s="26"/>
      <c r="QHW123" s="26"/>
      <c r="QHX123" s="26"/>
      <c r="QHY123" s="26"/>
      <c r="QHZ123" s="26"/>
      <c r="QIA123" s="26"/>
      <c r="QIB123" s="26"/>
      <c r="QIC123" s="26"/>
      <c r="QID123" s="26"/>
      <c r="QIE123" s="26"/>
      <c r="QIF123" s="26"/>
      <c r="QIG123" s="26"/>
      <c r="QIH123" s="26"/>
      <c r="QII123" s="26"/>
      <c r="QIJ123" s="26"/>
      <c r="QIK123" s="26"/>
      <c r="QIL123" s="26"/>
      <c r="QIM123" s="26"/>
      <c r="QIN123" s="26"/>
      <c r="QIO123" s="26"/>
      <c r="QIP123" s="26"/>
      <c r="QIQ123" s="26"/>
      <c r="QIR123" s="26"/>
      <c r="QIS123" s="26"/>
      <c r="QIT123" s="26"/>
      <c r="QIU123" s="26"/>
      <c r="QIV123" s="26"/>
      <c r="QIW123" s="26"/>
      <c r="QIX123" s="26"/>
      <c r="QIY123" s="26"/>
      <c r="QIZ123" s="26"/>
      <c r="QJA123" s="26"/>
      <c r="QJB123" s="26"/>
      <c r="QJC123" s="26"/>
      <c r="QJD123" s="26"/>
      <c r="QJE123" s="26"/>
      <c r="QJF123" s="26"/>
      <c r="QJG123" s="26"/>
      <c r="QJH123" s="26"/>
      <c r="QJI123" s="26"/>
      <c r="QJJ123" s="26"/>
      <c r="QJK123" s="26"/>
      <c r="QJL123" s="26"/>
      <c r="QJM123" s="26"/>
      <c r="QJN123" s="26"/>
      <c r="QJO123" s="26"/>
      <c r="QJP123" s="26"/>
      <c r="QJQ123" s="26"/>
      <c r="QJR123" s="26"/>
      <c r="QJS123" s="26"/>
      <c r="QJT123" s="26"/>
      <c r="QJU123" s="26"/>
      <c r="QJV123" s="26"/>
      <c r="QJW123" s="26"/>
      <c r="QJX123" s="26"/>
      <c r="QJY123" s="26"/>
      <c r="QJZ123" s="26"/>
      <c r="QKA123" s="26"/>
      <c r="QKB123" s="26"/>
      <c r="QKC123" s="26"/>
      <c r="QKD123" s="26"/>
      <c r="QKE123" s="26"/>
      <c r="QKF123" s="26"/>
      <c r="QKG123" s="26"/>
      <c r="QKH123" s="26"/>
      <c r="QKI123" s="26"/>
      <c r="QKJ123" s="26"/>
      <c r="QKK123" s="26"/>
      <c r="QKL123" s="26"/>
      <c r="QKM123" s="26"/>
      <c r="QKN123" s="26"/>
      <c r="QKO123" s="26"/>
      <c r="QKP123" s="26"/>
      <c r="QKQ123" s="26"/>
      <c r="QKR123" s="26"/>
      <c r="QKS123" s="26"/>
      <c r="QKT123" s="26"/>
      <c r="QKU123" s="26"/>
      <c r="QKV123" s="26"/>
      <c r="QKW123" s="26"/>
      <c r="QKX123" s="26"/>
      <c r="QKY123" s="26"/>
      <c r="QKZ123" s="26"/>
      <c r="QLA123" s="26"/>
      <c r="QLB123" s="26"/>
      <c r="QLC123" s="26"/>
      <c r="QLD123" s="26"/>
      <c r="QLE123" s="26"/>
      <c r="QLF123" s="26"/>
      <c r="QLG123" s="26"/>
      <c r="QLH123" s="26"/>
      <c r="QLI123" s="26"/>
      <c r="QLJ123" s="26"/>
      <c r="QLK123" s="26"/>
      <c r="QLL123" s="26"/>
      <c r="QLM123" s="26"/>
      <c r="QLN123" s="26"/>
      <c r="QLO123" s="26"/>
      <c r="QLP123" s="26"/>
      <c r="QLQ123" s="26"/>
      <c r="QLR123" s="26"/>
      <c r="QLS123" s="26"/>
      <c r="QLT123" s="26"/>
      <c r="QLU123" s="26"/>
      <c r="QLV123" s="26"/>
      <c r="QLW123" s="26"/>
      <c r="QLX123" s="26"/>
      <c r="QLY123" s="26"/>
      <c r="QLZ123" s="26"/>
      <c r="QMA123" s="26"/>
      <c r="QMB123" s="26"/>
      <c r="QMC123" s="26"/>
      <c r="QMD123" s="26"/>
      <c r="QME123" s="26"/>
      <c r="QMF123" s="26"/>
      <c r="QMG123" s="26"/>
      <c r="QMH123" s="26"/>
      <c r="QMI123" s="26"/>
      <c r="QMJ123" s="26"/>
      <c r="QMK123" s="26"/>
      <c r="QML123" s="26"/>
      <c r="QMM123" s="26"/>
      <c r="QMN123" s="26"/>
      <c r="QMO123" s="26"/>
      <c r="QMP123" s="26"/>
      <c r="QMQ123" s="26"/>
      <c r="QMR123" s="26"/>
      <c r="QMS123" s="26"/>
      <c r="QMT123" s="26"/>
      <c r="QMU123" s="26"/>
      <c r="QMV123" s="26"/>
      <c r="QMW123" s="26"/>
      <c r="QMX123" s="26"/>
      <c r="QMY123" s="26"/>
      <c r="QMZ123" s="26"/>
      <c r="QNA123" s="26"/>
      <c r="QNB123" s="26"/>
      <c r="QNC123" s="26"/>
      <c r="QND123" s="26"/>
      <c r="QNE123" s="26"/>
      <c r="QNF123" s="26"/>
      <c r="QNG123" s="26"/>
      <c r="QNH123" s="26"/>
      <c r="QNI123" s="26"/>
      <c r="QNJ123" s="26"/>
      <c r="QNK123" s="26"/>
      <c r="QNL123" s="26"/>
      <c r="QNM123" s="26"/>
      <c r="QNN123" s="26"/>
      <c r="QNO123" s="26"/>
      <c r="QNP123" s="26"/>
      <c r="QNQ123" s="26"/>
      <c r="QNR123" s="26"/>
      <c r="QNS123" s="26"/>
      <c r="QNT123" s="26"/>
      <c r="QNU123" s="26"/>
      <c r="QNV123" s="26"/>
      <c r="QNW123" s="26"/>
      <c r="QNX123" s="26"/>
      <c r="QNY123" s="26"/>
      <c r="QNZ123" s="26"/>
      <c r="QOA123" s="26"/>
      <c r="QOB123" s="26"/>
      <c r="QOC123" s="26"/>
      <c r="QOD123" s="26"/>
      <c r="QOE123" s="26"/>
      <c r="QOF123" s="26"/>
      <c r="QOG123" s="26"/>
      <c r="QOH123" s="26"/>
      <c r="QOI123" s="26"/>
      <c r="QOJ123" s="26"/>
      <c r="QOK123" s="26"/>
      <c r="QOL123" s="26"/>
      <c r="QOM123" s="26"/>
      <c r="QON123" s="26"/>
      <c r="QOO123" s="26"/>
      <c r="QOP123" s="26"/>
      <c r="QOQ123" s="26"/>
      <c r="QOR123" s="26"/>
      <c r="QOS123" s="26"/>
      <c r="QOT123" s="26"/>
      <c r="QOU123" s="26"/>
      <c r="QOV123" s="26"/>
      <c r="QOW123" s="26"/>
      <c r="QOX123" s="26"/>
      <c r="QOY123" s="26"/>
      <c r="QOZ123" s="26"/>
      <c r="QPA123" s="26"/>
      <c r="QPB123" s="26"/>
      <c r="QPC123" s="26"/>
      <c r="QPD123" s="26"/>
      <c r="QPE123" s="26"/>
      <c r="QPF123" s="26"/>
      <c r="QPG123" s="26"/>
      <c r="QPH123" s="26"/>
      <c r="QPI123" s="26"/>
      <c r="QPJ123" s="26"/>
      <c r="QPK123" s="26"/>
      <c r="QPL123" s="26"/>
      <c r="QPM123" s="26"/>
      <c r="QPN123" s="26"/>
      <c r="QPO123" s="26"/>
      <c r="QPP123" s="26"/>
      <c r="QPQ123" s="26"/>
      <c r="QPR123" s="26"/>
      <c r="QPS123" s="26"/>
      <c r="QPT123" s="26"/>
      <c r="QPU123" s="26"/>
      <c r="QPV123" s="26"/>
      <c r="QPW123" s="26"/>
      <c r="QPX123" s="26"/>
      <c r="QPY123" s="26"/>
      <c r="QPZ123" s="26"/>
      <c r="QQA123" s="26"/>
      <c r="QQB123" s="26"/>
      <c r="QQC123" s="26"/>
      <c r="QQD123" s="26"/>
      <c r="QQE123" s="26"/>
      <c r="QQF123" s="26"/>
      <c r="QQG123" s="26"/>
      <c r="QQH123" s="26"/>
      <c r="QQI123" s="26"/>
      <c r="QQJ123" s="26"/>
      <c r="QQK123" s="26"/>
      <c r="QQL123" s="26"/>
      <c r="QQM123" s="26"/>
      <c r="QQN123" s="26"/>
      <c r="QQO123" s="26"/>
      <c r="QQP123" s="26"/>
      <c r="QQQ123" s="26"/>
      <c r="QQR123" s="26"/>
      <c r="QQS123" s="26"/>
      <c r="QQT123" s="26"/>
      <c r="QQU123" s="26"/>
      <c r="QQV123" s="26"/>
      <c r="QQW123" s="26"/>
      <c r="QQX123" s="26"/>
      <c r="QQY123" s="26"/>
      <c r="QQZ123" s="26"/>
      <c r="QRA123" s="26"/>
      <c r="QRB123" s="26"/>
      <c r="QRC123" s="26"/>
      <c r="QRD123" s="26"/>
      <c r="QRE123" s="26"/>
      <c r="QRF123" s="26"/>
      <c r="QRG123" s="26"/>
      <c r="QRH123" s="26"/>
      <c r="QRI123" s="26"/>
      <c r="QRJ123" s="26"/>
      <c r="QRK123" s="26"/>
      <c r="QRL123" s="26"/>
      <c r="QRM123" s="26"/>
      <c r="QRN123" s="26"/>
      <c r="QRO123" s="26"/>
      <c r="QRP123" s="26"/>
      <c r="QRQ123" s="26"/>
      <c r="QRR123" s="26"/>
      <c r="QRS123" s="26"/>
      <c r="QRT123" s="26"/>
      <c r="QRU123" s="26"/>
      <c r="QRV123" s="26"/>
      <c r="QRW123" s="26"/>
      <c r="QRX123" s="26"/>
      <c r="QRY123" s="26"/>
      <c r="QRZ123" s="26"/>
      <c r="QSA123" s="26"/>
      <c r="QSB123" s="26"/>
      <c r="QSC123" s="26"/>
      <c r="QSD123" s="26"/>
      <c r="QSE123" s="26"/>
      <c r="QSF123" s="26"/>
      <c r="QSG123" s="26"/>
      <c r="QSH123" s="26"/>
      <c r="QSI123" s="26"/>
      <c r="QSJ123" s="26"/>
      <c r="QSK123" s="26"/>
      <c r="QSL123" s="26"/>
      <c r="QSM123" s="26"/>
      <c r="QSN123" s="26"/>
      <c r="QSO123" s="26"/>
      <c r="QSP123" s="26"/>
      <c r="QSQ123" s="26"/>
      <c r="QSR123" s="26"/>
      <c r="QSS123" s="26"/>
      <c r="QST123" s="26"/>
      <c r="QSU123" s="26"/>
      <c r="QSV123" s="26"/>
      <c r="QSW123" s="26"/>
      <c r="QSX123" s="26"/>
      <c r="QSY123" s="26"/>
      <c r="QSZ123" s="26"/>
      <c r="QTA123" s="26"/>
      <c r="QTB123" s="26"/>
      <c r="QTC123" s="26"/>
      <c r="QTD123" s="26"/>
      <c r="QTE123" s="26"/>
      <c r="QTF123" s="26"/>
      <c r="QTG123" s="26"/>
      <c r="QTH123" s="26"/>
      <c r="QTI123" s="26"/>
      <c r="QTJ123" s="26"/>
      <c r="QTK123" s="26"/>
      <c r="QTL123" s="26"/>
      <c r="QTM123" s="26"/>
      <c r="QTN123" s="26"/>
      <c r="QTO123" s="26"/>
      <c r="QTP123" s="26"/>
      <c r="QTQ123" s="26"/>
      <c r="QTR123" s="26"/>
      <c r="QTS123" s="26"/>
      <c r="QTT123" s="26"/>
      <c r="QTU123" s="26"/>
      <c r="QTV123" s="26"/>
      <c r="QTW123" s="26"/>
      <c r="QTX123" s="26"/>
      <c r="QTY123" s="26"/>
      <c r="QTZ123" s="26"/>
      <c r="QUA123" s="26"/>
      <c r="QUB123" s="26"/>
      <c r="QUC123" s="26"/>
      <c r="QUD123" s="26"/>
      <c r="QUE123" s="26"/>
      <c r="QUF123" s="26"/>
      <c r="QUG123" s="26"/>
      <c r="QUH123" s="26"/>
      <c r="QUI123" s="26"/>
      <c r="QUJ123" s="26"/>
      <c r="QUK123" s="26"/>
      <c r="QUL123" s="26"/>
      <c r="QUM123" s="26"/>
      <c r="QUN123" s="26"/>
      <c r="QUO123" s="26"/>
      <c r="QUP123" s="26"/>
      <c r="QUQ123" s="26"/>
      <c r="QUR123" s="26"/>
      <c r="QUS123" s="26"/>
      <c r="QUT123" s="26"/>
      <c r="QUU123" s="26"/>
      <c r="QUV123" s="26"/>
      <c r="QUW123" s="26"/>
      <c r="QUX123" s="26"/>
      <c r="QUY123" s="26"/>
      <c r="QUZ123" s="26"/>
      <c r="QVA123" s="26"/>
      <c r="QVB123" s="26"/>
      <c r="QVC123" s="26"/>
      <c r="QVD123" s="26"/>
      <c r="QVE123" s="26"/>
      <c r="QVF123" s="26"/>
      <c r="QVG123" s="26"/>
      <c r="QVH123" s="26"/>
      <c r="QVI123" s="26"/>
      <c r="QVJ123" s="26"/>
      <c r="QVK123" s="26"/>
      <c r="QVL123" s="26"/>
      <c r="QVM123" s="26"/>
      <c r="QVN123" s="26"/>
      <c r="QVO123" s="26"/>
      <c r="QVP123" s="26"/>
      <c r="QVQ123" s="26"/>
      <c r="QVR123" s="26"/>
      <c r="QVS123" s="26"/>
      <c r="QVT123" s="26"/>
      <c r="QVU123" s="26"/>
      <c r="QVV123" s="26"/>
      <c r="QVW123" s="26"/>
      <c r="QVX123" s="26"/>
      <c r="QVY123" s="26"/>
      <c r="QVZ123" s="26"/>
      <c r="QWA123" s="26"/>
      <c r="QWB123" s="26"/>
      <c r="QWC123" s="26"/>
      <c r="QWD123" s="26"/>
      <c r="QWE123" s="26"/>
      <c r="QWF123" s="26"/>
      <c r="QWG123" s="26"/>
      <c r="QWH123" s="26"/>
      <c r="QWI123" s="26"/>
      <c r="QWJ123" s="26"/>
      <c r="QWK123" s="26"/>
      <c r="QWL123" s="26"/>
      <c r="QWM123" s="26"/>
      <c r="QWN123" s="26"/>
      <c r="QWO123" s="26"/>
      <c r="QWP123" s="26"/>
      <c r="QWQ123" s="26"/>
      <c r="QWR123" s="26"/>
      <c r="QWS123" s="26"/>
      <c r="QWT123" s="26"/>
      <c r="QWU123" s="26"/>
      <c r="QWV123" s="26"/>
      <c r="QWW123" s="26"/>
      <c r="QWX123" s="26"/>
      <c r="QWY123" s="26"/>
      <c r="QWZ123" s="26"/>
      <c r="QXA123" s="26"/>
      <c r="QXB123" s="26"/>
      <c r="QXC123" s="26"/>
      <c r="QXD123" s="26"/>
      <c r="QXE123" s="26"/>
      <c r="QXF123" s="26"/>
      <c r="QXG123" s="26"/>
      <c r="QXH123" s="26"/>
      <c r="QXI123" s="26"/>
      <c r="QXJ123" s="26"/>
      <c r="QXK123" s="26"/>
      <c r="QXL123" s="26"/>
      <c r="QXM123" s="26"/>
      <c r="QXN123" s="26"/>
      <c r="QXO123" s="26"/>
      <c r="QXP123" s="26"/>
      <c r="QXQ123" s="26"/>
      <c r="QXR123" s="26"/>
      <c r="QXS123" s="26"/>
      <c r="QXT123" s="26"/>
      <c r="QXU123" s="26"/>
      <c r="QXV123" s="26"/>
      <c r="QXW123" s="26"/>
      <c r="QXX123" s="26"/>
      <c r="QXY123" s="26"/>
      <c r="QXZ123" s="26"/>
      <c r="QYA123" s="26"/>
      <c r="QYB123" s="26"/>
      <c r="QYC123" s="26"/>
      <c r="QYD123" s="26"/>
      <c r="QYE123" s="26"/>
      <c r="QYF123" s="26"/>
      <c r="QYG123" s="26"/>
      <c r="QYH123" s="26"/>
      <c r="QYI123" s="26"/>
      <c r="QYJ123" s="26"/>
      <c r="QYK123" s="26"/>
      <c r="QYL123" s="26"/>
      <c r="QYM123" s="26"/>
      <c r="QYN123" s="26"/>
      <c r="QYO123" s="26"/>
      <c r="QYP123" s="26"/>
      <c r="QYQ123" s="26"/>
      <c r="QYR123" s="26"/>
      <c r="QYS123" s="26"/>
      <c r="QYT123" s="26"/>
      <c r="QYU123" s="26"/>
      <c r="QYV123" s="26"/>
      <c r="QYW123" s="26"/>
      <c r="QYX123" s="26"/>
      <c r="QYY123" s="26"/>
      <c r="QYZ123" s="26"/>
      <c r="QZA123" s="26"/>
      <c r="QZB123" s="26"/>
      <c r="QZC123" s="26"/>
      <c r="QZD123" s="26"/>
      <c r="QZE123" s="26"/>
      <c r="QZF123" s="26"/>
      <c r="QZG123" s="26"/>
      <c r="QZH123" s="26"/>
      <c r="QZI123" s="26"/>
      <c r="QZJ123" s="26"/>
      <c r="QZK123" s="26"/>
      <c r="QZL123" s="26"/>
      <c r="QZM123" s="26"/>
      <c r="QZN123" s="26"/>
      <c r="QZO123" s="26"/>
      <c r="QZP123" s="26"/>
      <c r="QZQ123" s="26"/>
      <c r="QZR123" s="26"/>
      <c r="QZS123" s="26"/>
      <c r="QZT123" s="26"/>
      <c r="QZU123" s="26"/>
      <c r="QZV123" s="26"/>
      <c r="QZW123" s="26"/>
      <c r="QZX123" s="26"/>
      <c r="QZY123" s="26"/>
      <c r="QZZ123" s="26"/>
      <c r="RAA123" s="26"/>
      <c r="RAB123" s="26"/>
      <c r="RAC123" s="26"/>
      <c r="RAD123" s="26"/>
      <c r="RAE123" s="26"/>
      <c r="RAF123" s="26"/>
      <c r="RAG123" s="26"/>
      <c r="RAH123" s="26"/>
      <c r="RAI123" s="26"/>
      <c r="RAJ123" s="26"/>
      <c r="RAK123" s="26"/>
      <c r="RAL123" s="26"/>
      <c r="RAM123" s="26"/>
      <c r="RAN123" s="26"/>
      <c r="RAO123" s="26"/>
      <c r="RAP123" s="26"/>
      <c r="RAQ123" s="26"/>
      <c r="RAR123" s="26"/>
      <c r="RAS123" s="26"/>
      <c r="RAT123" s="26"/>
      <c r="RAU123" s="26"/>
      <c r="RAV123" s="26"/>
      <c r="RAW123" s="26"/>
      <c r="RAX123" s="26"/>
      <c r="RAY123" s="26"/>
      <c r="RAZ123" s="26"/>
      <c r="RBA123" s="26"/>
      <c r="RBB123" s="26"/>
      <c r="RBC123" s="26"/>
      <c r="RBD123" s="26"/>
      <c r="RBE123" s="26"/>
      <c r="RBF123" s="26"/>
      <c r="RBG123" s="26"/>
      <c r="RBH123" s="26"/>
      <c r="RBI123" s="26"/>
      <c r="RBJ123" s="26"/>
      <c r="RBK123" s="26"/>
      <c r="RBL123" s="26"/>
      <c r="RBM123" s="26"/>
      <c r="RBN123" s="26"/>
      <c r="RBO123" s="26"/>
      <c r="RBP123" s="26"/>
      <c r="RBQ123" s="26"/>
      <c r="RBR123" s="26"/>
      <c r="RBS123" s="26"/>
      <c r="RBT123" s="26"/>
      <c r="RBU123" s="26"/>
      <c r="RBV123" s="26"/>
      <c r="RBW123" s="26"/>
      <c r="RBX123" s="26"/>
      <c r="RBY123" s="26"/>
      <c r="RBZ123" s="26"/>
      <c r="RCA123" s="26"/>
      <c r="RCB123" s="26"/>
      <c r="RCC123" s="26"/>
      <c r="RCD123" s="26"/>
      <c r="RCE123" s="26"/>
      <c r="RCF123" s="26"/>
      <c r="RCG123" s="26"/>
      <c r="RCH123" s="26"/>
      <c r="RCI123" s="26"/>
      <c r="RCJ123" s="26"/>
      <c r="RCK123" s="26"/>
      <c r="RCL123" s="26"/>
      <c r="RCM123" s="26"/>
      <c r="RCN123" s="26"/>
      <c r="RCO123" s="26"/>
      <c r="RCP123" s="26"/>
      <c r="RCQ123" s="26"/>
      <c r="RCR123" s="26"/>
      <c r="RCS123" s="26"/>
      <c r="RCT123" s="26"/>
      <c r="RCU123" s="26"/>
      <c r="RCV123" s="26"/>
      <c r="RCW123" s="26"/>
      <c r="RCX123" s="26"/>
      <c r="RCY123" s="26"/>
      <c r="RCZ123" s="26"/>
      <c r="RDA123" s="26"/>
      <c r="RDB123" s="26"/>
      <c r="RDC123" s="26"/>
      <c r="RDD123" s="26"/>
      <c r="RDE123" s="26"/>
      <c r="RDF123" s="26"/>
      <c r="RDG123" s="26"/>
      <c r="RDH123" s="26"/>
      <c r="RDI123" s="26"/>
      <c r="RDJ123" s="26"/>
      <c r="RDK123" s="26"/>
      <c r="RDL123" s="26"/>
      <c r="RDM123" s="26"/>
      <c r="RDN123" s="26"/>
      <c r="RDO123" s="26"/>
      <c r="RDP123" s="26"/>
      <c r="RDQ123" s="26"/>
      <c r="RDR123" s="26"/>
      <c r="RDS123" s="26"/>
      <c r="RDT123" s="26"/>
      <c r="RDU123" s="26"/>
      <c r="RDV123" s="26"/>
      <c r="RDW123" s="26"/>
      <c r="RDX123" s="26"/>
      <c r="RDY123" s="26"/>
      <c r="RDZ123" s="26"/>
      <c r="REA123" s="26"/>
      <c r="REB123" s="26"/>
      <c r="REC123" s="26"/>
      <c r="RED123" s="26"/>
      <c r="REE123" s="26"/>
      <c r="REF123" s="26"/>
      <c r="REG123" s="26"/>
      <c r="REH123" s="26"/>
      <c r="REI123" s="26"/>
      <c r="REJ123" s="26"/>
      <c r="REK123" s="26"/>
      <c r="REL123" s="26"/>
      <c r="REM123" s="26"/>
      <c r="REN123" s="26"/>
      <c r="REO123" s="26"/>
      <c r="REP123" s="26"/>
      <c r="REQ123" s="26"/>
      <c r="RER123" s="26"/>
      <c r="RES123" s="26"/>
      <c r="RET123" s="26"/>
      <c r="REU123" s="26"/>
      <c r="REV123" s="26"/>
      <c r="REW123" s="26"/>
      <c r="REX123" s="26"/>
      <c r="REY123" s="26"/>
      <c r="REZ123" s="26"/>
      <c r="RFA123" s="26"/>
      <c r="RFB123" s="26"/>
      <c r="RFC123" s="26"/>
      <c r="RFD123" s="26"/>
      <c r="RFE123" s="26"/>
      <c r="RFF123" s="26"/>
      <c r="RFG123" s="26"/>
      <c r="RFH123" s="26"/>
      <c r="RFI123" s="26"/>
      <c r="RFJ123" s="26"/>
      <c r="RFK123" s="26"/>
      <c r="RFL123" s="26"/>
      <c r="RFM123" s="26"/>
      <c r="RFN123" s="26"/>
      <c r="RFO123" s="26"/>
      <c r="RFP123" s="26"/>
      <c r="RFQ123" s="26"/>
      <c r="RFR123" s="26"/>
      <c r="RFS123" s="26"/>
      <c r="RFT123" s="26"/>
      <c r="RFU123" s="26"/>
      <c r="RFV123" s="26"/>
      <c r="RFW123" s="26"/>
      <c r="RFX123" s="26"/>
      <c r="RFY123" s="26"/>
      <c r="RFZ123" s="26"/>
      <c r="RGA123" s="26"/>
      <c r="RGB123" s="26"/>
      <c r="RGC123" s="26"/>
      <c r="RGD123" s="26"/>
      <c r="RGE123" s="26"/>
      <c r="RGF123" s="26"/>
      <c r="RGG123" s="26"/>
      <c r="RGH123" s="26"/>
      <c r="RGI123" s="26"/>
      <c r="RGJ123" s="26"/>
      <c r="RGK123" s="26"/>
      <c r="RGL123" s="26"/>
      <c r="RGM123" s="26"/>
      <c r="RGN123" s="26"/>
      <c r="RGO123" s="26"/>
      <c r="RGP123" s="26"/>
      <c r="RGQ123" s="26"/>
      <c r="RGR123" s="26"/>
      <c r="RGS123" s="26"/>
      <c r="RGT123" s="26"/>
      <c r="RGU123" s="26"/>
      <c r="RGV123" s="26"/>
      <c r="RGW123" s="26"/>
      <c r="RGX123" s="26"/>
      <c r="RGY123" s="26"/>
      <c r="RGZ123" s="26"/>
      <c r="RHA123" s="26"/>
      <c r="RHB123" s="26"/>
      <c r="RHC123" s="26"/>
      <c r="RHD123" s="26"/>
      <c r="RHE123" s="26"/>
      <c r="RHF123" s="26"/>
      <c r="RHG123" s="26"/>
      <c r="RHH123" s="26"/>
      <c r="RHI123" s="26"/>
      <c r="RHJ123" s="26"/>
      <c r="RHK123" s="26"/>
      <c r="RHL123" s="26"/>
      <c r="RHM123" s="26"/>
      <c r="RHN123" s="26"/>
      <c r="RHO123" s="26"/>
      <c r="RHP123" s="26"/>
      <c r="RHQ123" s="26"/>
      <c r="RHR123" s="26"/>
      <c r="RHS123" s="26"/>
      <c r="RHT123" s="26"/>
      <c r="RHU123" s="26"/>
      <c r="RHV123" s="26"/>
      <c r="RHW123" s="26"/>
      <c r="RHX123" s="26"/>
      <c r="RHY123" s="26"/>
      <c r="RHZ123" s="26"/>
      <c r="RIA123" s="26"/>
      <c r="RIB123" s="26"/>
      <c r="RIC123" s="26"/>
      <c r="RID123" s="26"/>
      <c r="RIE123" s="26"/>
      <c r="RIF123" s="26"/>
      <c r="RIG123" s="26"/>
      <c r="RIH123" s="26"/>
      <c r="RII123" s="26"/>
      <c r="RIJ123" s="26"/>
      <c r="RIK123" s="26"/>
      <c r="RIL123" s="26"/>
      <c r="RIM123" s="26"/>
      <c r="RIN123" s="26"/>
      <c r="RIO123" s="26"/>
      <c r="RIP123" s="26"/>
      <c r="RIQ123" s="26"/>
      <c r="RIR123" s="26"/>
      <c r="RIS123" s="26"/>
      <c r="RIT123" s="26"/>
      <c r="RIU123" s="26"/>
      <c r="RIV123" s="26"/>
      <c r="RIW123" s="26"/>
      <c r="RIX123" s="26"/>
      <c r="RIY123" s="26"/>
      <c r="RIZ123" s="26"/>
      <c r="RJA123" s="26"/>
      <c r="RJB123" s="26"/>
      <c r="RJC123" s="26"/>
      <c r="RJD123" s="26"/>
      <c r="RJE123" s="26"/>
      <c r="RJF123" s="26"/>
      <c r="RJG123" s="26"/>
      <c r="RJH123" s="26"/>
      <c r="RJI123" s="26"/>
      <c r="RJJ123" s="26"/>
      <c r="RJK123" s="26"/>
      <c r="RJL123" s="26"/>
      <c r="RJM123" s="26"/>
      <c r="RJN123" s="26"/>
      <c r="RJO123" s="26"/>
      <c r="RJP123" s="26"/>
      <c r="RJQ123" s="26"/>
      <c r="RJR123" s="26"/>
      <c r="RJS123" s="26"/>
      <c r="RJT123" s="26"/>
      <c r="RJU123" s="26"/>
      <c r="RJV123" s="26"/>
      <c r="RJW123" s="26"/>
      <c r="RJX123" s="26"/>
      <c r="RJY123" s="26"/>
      <c r="RJZ123" s="26"/>
      <c r="RKA123" s="26"/>
      <c r="RKB123" s="26"/>
      <c r="RKC123" s="26"/>
      <c r="RKD123" s="26"/>
      <c r="RKE123" s="26"/>
      <c r="RKF123" s="26"/>
      <c r="RKG123" s="26"/>
      <c r="RKH123" s="26"/>
      <c r="RKI123" s="26"/>
      <c r="RKJ123" s="26"/>
      <c r="RKK123" s="26"/>
      <c r="RKL123" s="26"/>
      <c r="RKM123" s="26"/>
      <c r="RKN123" s="26"/>
      <c r="RKO123" s="26"/>
      <c r="RKP123" s="26"/>
      <c r="RKQ123" s="26"/>
      <c r="RKR123" s="26"/>
      <c r="RKS123" s="26"/>
      <c r="RKT123" s="26"/>
      <c r="RKU123" s="26"/>
      <c r="RKV123" s="26"/>
      <c r="RKW123" s="26"/>
      <c r="RKX123" s="26"/>
      <c r="RKY123" s="26"/>
      <c r="RKZ123" s="26"/>
      <c r="RLA123" s="26"/>
      <c r="RLB123" s="26"/>
      <c r="RLC123" s="26"/>
      <c r="RLD123" s="26"/>
      <c r="RLE123" s="26"/>
      <c r="RLF123" s="26"/>
      <c r="RLG123" s="26"/>
      <c r="RLH123" s="26"/>
      <c r="RLI123" s="26"/>
      <c r="RLJ123" s="26"/>
      <c r="RLK123" s="26"/>
      <c r="RLL123" s="26"/>
      <c r="RLM123" s="26"/>
      <c r="RLN123" s="26"/>
      <c r="RLO123" s="26"/>
      <c r="RLP123" s="26"/>
      <c r="RLQ123" s="26"/>
      <c r="RLR123" s="26"/>
      <c r="RLS123" s="26"/>
      <c r="RLT123" s="26"/>
      <c r="RLU123" s="26"/>
      <c r="RLV123" s="26"/>
      <c r="RLW123" s="26"/>
      <c r="RLX123" s="26"/>
      <c r="RLY123" s="26"/>
      <c r="RLZ123" s="26"/>
      <c r="RMA123" s="26"/>
      <c r="RMB123" s="26"/>
      <c r="RMC123" s="26"/>
      <c r="RMD123" s="26"/>
      <c r="RME123" s="26"/>
      <c r="RMF123" s="26"/>
      <c r="RMG123" s="26"/>
      <c r="RMH123" s="26"/>
      <c r="RMI123" s="26"/>
      <c r="RMJ123" s="26"/>
      <c r="RMK123" s="26"/>
      <c r="RML123" s="26"/>
      <c r="RMM123" s="26"/>
      <c r="RMN123" s="26"/>
      <c r="RMO123" s="26"/>
      <c r="RMP123" s="26"/>
      <c r="RMQ123" s="26"/>
      <c r="RMR123" s="26"/>
      <c r="RMS123" s="26"/>
      <c r="RMT123" s="26"/>
      <c r="RMU123" s="26"/>
      <c r="RMV123" s="26"/>
      <c r="RMW123" s="26"/>
      <c r="RMX123" s="26"/>
      <c r="RMY123" s="26"/>
      <c r="RMZ123" s="26"/>
      <c r="RNA123" s="26"/>
      <c r="RNB123" s="26"/>
      <c r="RNC123" s="26"/>
      <c r="RND123" s="26"/>
      <c r="RNE123" s="26"/>
      <c r="RNF123" s="26"/>
      <c r="RNG123" s="26"/>
      <c r="RNH123" s="26"/>
      <c r="RNI123" s="26"/>
      <c r="RNJ123" s="26"/>
      <c r="RNK123" s="26"/>
      <c r="RNL123" s="26"/>
      <c r="RNM123" s="26"/>
      <c r="RNN123" s="26"/>
      <c r="RNO123" s="26"/>
      <c r="RNP123" s="26"/>
      <c r="RNQ123" s="26"/>
      <c r="RNR123" s="26"/>
      <c r="RNS123" s="26"/>
      <c r="RNT123" s="26"/>
      <c r="RNU123" s="26"/>
      <c r="RNV123" s="26"/>
      <c r="RNW123" s="26"/>
      <c r="RNX123" s="26"/>
      <c r="RNY123" s="26"/>
      <c r="RNZ123" s="26"/>
      <c r="ROA123" s="26"/>
      <c r="ROB123" s="26"/>
      <c r="ROC123" s="26"/>
      <c r="ROD123" s="26"/>
      <c r="ROE123" s="26"/>
      <c r="ROF123" s="26"/>
      <c r="ROG123" s="26"/>
      <c r="ROH123" s="26"/>
      <c r="ROI123" s="26"/>
      <c r="ROJ123" s="26"/>
      <c r="ROK123" s="26"/>
      <c r="ROL123" s="26"/>
      <c r="ROM123" s="26"/>
      <c r="RON123" s="26"/>
      <c r="ROO123" s="26"/>
      <c r="ROP123" s="26"/>
      <c r="ROQ123" s="26"/>
      <c r="ROR123" s="26"/>
      <c r="ROS123" s="26"/>
      <c r="ROT123" s="26"/>
      <c r="ROU123" s="26"/>
      <c r="ROV123" s="26"/>
      <c r="ROW123" s="26"/>
      <c r="ROX123" s="26"/>
      <c r="ROY123" s="26"/>
      <c r="ROZ123" s="26"/>
      <c r="RPA123" s="26"/>
      <c r="RPB123" s="26"/>
      <c r="RPC123" s="26"/>
      <c r="RPD123" s="26"/>
      <c r="RPE123" s="26"/>
      <c r="RPF123" s="26"/>
      <c r="RPG123" s="26"/>
      <c r="RPH123" s="26"/>
      <c r="RPI123" s="26"/>
      <c r="RPJ123" s="26"/>
      <c r="RPK123" s="26"/>
      <c r="RPL123" s="26"/>
      <c r="RPM123" s="26"/>
      <c r="RPN123" s="26"/>
      <c r="RPO123" s="26"/>
      <c r="RPP123" s="26"/>
      <c r="RPQ123" s="26"/>
      <c r="RPR123" s="26"/>
      <c r="RPS123" s="26"/>
      <c r="RPT123" s="26"/>
      <c r="RPU123" s="26"/>
      <c r="RPV123" s="26"/>
      <c r="RPW123" s="26"/>
      <c r="RPX123" s="26"/>
      <c r="RPY123" s="26"/>
      <c r="RPZ123" s="26"/>
      <c r="RQA123" s="26"/>
      <c r="RQB123" s="26"/>
      <c r="RQC123" s="26"/>
      <c r="RQD123" s="26"/>
      <c r="RQE123" s="26"/>
      <c r="RQF123" s="26"/>
      <c r="RQG123" s="26"/>
      <c r="RQH123" s="26"/>
      <c r="RQI123" s="26"/>
      <c r="RQJ123" s="26"/>
      <c r="RQK123" s="26"/>
      <c r="RQL123" s="26"/>
      <c r="RQM123" s="26"/>
      <c r="RQN123" s="26"/>
      <c r="RQO123" s="26"/>
      <c r="RQP123" s="26"/>
      <c r="RQQ123" s="26"/>
      <c r="RQR123" s="26"/>
      <c r="RQS123" s="26"/>
      <c r="RQT123" s="26"/>
      <c r="RQU123" s="26"/>
      <c r="RQV123" s="26"/>
      <c r="RQW123" s="26"/>
      <c r="RQX123" s="26"/>
      <c r="RQY123" s="26"/>
      <c r="RQZ123" s="26"/>
      <c r="RRA123" s="26"/>
      <c r="RRB123" s="26"/>
      <c r="RRC123" s="26"/>
      <c r="RRD123" s="26"/>
      <c r="RRE123" s="26"/>
      <c r="RRF123" s="26"/>
      <c r="RRG123" s="26"/>
      <c r="RRH123" s="26"/>
      <c r="RRI123" s="26"/>
      <c r="RRJ123" s="26"/>
      <c r="RRK123" s="26"/>
      <c r="RRL123" s="26"/>
      <c r="RRM123" s="26"/>
      <c r="RRN123" s="26"/>
      <c r="RRO123" s="26"/>
      <c r="RRP123" s="26"/>
      <c r="RRQ123" s="26"/>
      <c r="RRR123" s="26"/>
      <c r="RRS123" s="26"/>
      <c r="RRT123" s="26"/>
      <c r="RRU123" s="26"/>
      <c r="RRV123" s="26"/>
      <c r="RRW123" s="26"/>
      <c r="RRX123" s="26"/>
      <c r="RRY123" s="26"/>
      <c r="RRZ123" s="26"/>
      <c r="RSA123" s="26"/>
      <c r="RSB123" s="26"/>
      <c r="RSC123" s="26"/>
      <c r="RSD123" s="26"/>
      <c r="RSE123" s="26"/>
      <c r="RSF123" s="26"/>
      <c r="RSG123" s="26"/>
      <c r="RSH123" s="26"/>
      <c r="RSI123" s="26"/>
      <c r="RSJ123" s="26"/>
      <c r="RSK123" s="26"/>
      <c r="RSL123" s="26"/>
      <c r="RSM123" s="26"/>
      <c r="RSN123" s="26"/>
      <c r="RSO123" s="26"/>
      <c r="RSP123" s="26"/>
      <c r="RSQ123" s="26"/>
      <c r="RSR123" s="26"/>
      <c r="RSS123" s="26"/>
      <c r="RST123" s="26"/>
      <c r="RSU123" s="26"/>
      <c r="RSV123" s="26"/>
      <c r="RSW123" s="26"/>
      <c r="RSX123" s="26"/>
      <c r="RSY123" s="26"/>
      <c r="RSZ123" s="26"/>
      <c r="RTA123" s="26"/>
      <c r="RTB123" s="26"/>
      <c r="RTC123" s="26"/>
      <c r="RTD123" s="26"/>
      <c r="RTE123" s="26"/>
      <c r="RTF123" s="26"/>
      <c r="RTG123" s="26"/>
      <c r="RTH123" s="26"/>
      <c r="RTI123" s="26"/>
      <c r="RTJ123" s="26"/>
      <c r="RTK123" s="26"/>
      <c r="RTL123" s="26"/>
      <c r="RTM123" s="26"/>
      <c r="RTN123" s="26"/>
      <c r="RTO123" s="26"/>
      <c r="RTP123" s="26"/>
      <c r="RTQ123" s="26"/>
      <c r="RTR123" s="26"/>
      <c r="RTS123" s="26"/>
      <c r="RTT123" s="26"/>
      <c r="RTU123" s="26"/>
      <c r="RTV123" s="26"/>
      <c r="RTW123" s="26"/>
      <c r="RTX123" s="26"/>
      <c r="RTY123" s="26"/>
      <c r="RTZ123" s="26"/>
      <c r="RUA123" s="26"/>
      <c r="RUB123" s="26"/>
      <c r="RUC123" s="26"/>
      <c r="RUD123" s="26"/>
      <c r="RUE123" s="26"/>
      <c r="RUF123" s="26"/>
      <c r="RUG123" s="26"/>
      <c r="RUH123" s="26"/>
      <c r="RUI123" s="26"/>
      <c r="RUJ123" s="26"/>
      <c r="RUK123" s="26"/>
      <c r="RUL123" s="26"/>
      <c r="RUM123" s="26"/>
      <c r="RUN123" s="26"/>
      <c r="RUO123" s="26"/>
      <c r="RUP123" s="26"/>
      <c r="RUQ123" s="26"/>
      <c r="RUR123" s="26"/>
      <c r="RUS123" s="26"/>
      <c r="RUT123" s="26"/>
      <c r="RUU123" s="26"/>
      <c r="RUV123" s="26"/>
      <c r="RUW123" s="26"/>
      <c r="RUX123" s="26"/>
      <c r="RUY123" s="26"/>
      <c r="RUZ123" s="26"/>
      <c r="RVA123" s="26"/>
      <c r="RVB123" s="26"/>
      <c r="RVC123" s="26"/>
      <c r="RVD123" s="26"/>
      <c r="RVE123" s="26"/>
      <c r="RVF123" s="26"/>
      <c r="RVG123" s="26"/>
      <c r="RVH123" s="26"/>
      <c r="RVI123" s="26"/>
      <c r="RVJ123" s="26"/>
      <c r="RVK123" s="26"/>
      <c r="RVL123" s="26"/>
      <c r="RVM123" s="26"/>
      <c r="RVN123" s="26"/>
      <c r="RVO123" s="26"/>
      <c r="RVP123" s="26"/>
      <c r="RVQ123" s="26"/>
      <c r="RVR123" s="26"/>
      <c r="RVS123" s="26"/>
      <c r="RVT123" s="26"/>
      <c r="RVU123" s="26"/>
      <c r="RVV123" s="26"/>
      <c r="RVW123" s="26"/>
      <c r="RVX123" s="26"/>
      <c r="RVY123" s="26"/>
      <c r="RVZ123" s="26"/>
      <c r="RWA123" s="26"/>
      <c r="RWB123" s="26"/>
      <c r="RWC123" s="26"/>
      <c r="RWD123" s="26"/>
      <c r="RWE123" s="26"/>
      <c r="RWF123" s="26"/>
      <c r="RWG123" s="26"/>
      <c r="RWH123" s="26"/>
      <c r="RWI123" s="26"/>
      <c r="RWJ123" s="26"/>
      <c r="RWK123" s="26"/>
      <c r="RWL123" s="26"/>
      <c r="RWM123" s="26"/>
      <c r="RWN123" s="26"/>
      <c r="RWO123" s="26"/>
      <c r="RWP123" s="26"/>
      <c r="RWQ123" s="26"/>
      <c r="RWR123" s="26"/>
      <c r="RWS123" s="26"/>
      <c r="RWT123" s="26"/>
      <c r="RWU123" s="26"/>
      <c r="RWV123" s="26"/>
      <c r="RWW123" s="26"/>
      <c r="RWX123" s="26"/>
      <c r="RWY123" s="26"/>
      <c r="RWZ123" s="26"/>
      <c r="RXA123" s="26"/>
      <c r="RXB123" s="26"/>
      <c r="RXC123" s="26"/>
      <c r="RXD123" s="26"/>
      <c r="RXE123" s="26"/>
      <c r="RXF123" s="26"/>
      <c r="RXG123" s="26"/>
      <c r="RXH123" s="26"/>
      <c r="RXI123" s="26"/>
      <c r="RXJ123" s="26"/>
      <c r="RXK123" s="26"/>
      <c r="RXL123" s="26"/>
      <c r="RXM123" s="26"/>
      <c r="RXN123" s="26"/>
      <c r="RXO123" s="26"/>
      <c r="RXP123" s="26"/>
      <c r="RXQ123" s="26"/>
      <c r="RXR123" s="26"/>
      <c r="RXS123" s="26"/>
      <c r="RXT123" s="26"/>
      <c r="RXU123" s="26"/>
      <c r="RXV123" s="26"/>
      <c r="RXW123" s="26"/>
      <c r="RXX123" s="26"/>
      <c r="RXY123" s="26"/>
      <c r="RXZ123" s="26"/>
      <c r="RYA123" s="26"/>
      <c r="RYB123" s="26"/>
      <c r="RYC123" s="26"/>
      <c r="RYD123" s="26"/>
      <c r="RYE123" s="26"/>
      <c r="RYF123" s="26"/>
      <c r="RYG123" s="26"/>
      <c r="RYH123" s="26"/>
      <c r="RYI123" s="26"/>
      <c r="RYJ123" s="26"/>
      <c r="RYK123" s="26"/>
      <c r="RYL123" s="26"/>
      <c r="RYM123" s="26"/>
      <c r="RYN123" s="26"/>
      <c r="RYO123" s="26"/>
      <c r="RYP123" s="26"/>
      <c r="RYQ123" s="26"/>
      <c r="RYR123" s="26"/>
      <c r="RYS123" s="26"/>
      <c r="RYT123" s="26"/>
      <c r="RYU123" s="26"/>
      <c r="RYV123" s="26"/>
      <c r="RYW123" s="26"/>
      <c r="RYX123" s="26"/>
      <c r="RYY123" s="26"/>
      <c r="RYZ123" s="26"/>
      <c r="RZA123" s="26"/>
      <c r="RZB123" s="26"/>
      <c r="RZC123" s="26"/>
      <c r="RZD123" s="26"/>
      <c r="RZE123" s="26"/>
      <c r="RZF123" s="26"/>
      <c r="RZG123" s="26"/>
      <c r="RZH123" s="26"/>
      <c r="RZI123" s="26"/>
      <c r="RZJ123" s="26"/>
      <c r="RZK123" s="26"/>
      <c r="RZL123" s="26"/>
      <c r="RZM123" s="26"/>
      <c r="RZN123" s="26"/>
      <c r="RZO123" s="26"/>
      <c r="RZP123" s="26"/>
      <c r="RZQ123" s="26"/>
      <c r="RZR123" s="26"/>
      <c r="RZS123" s="26"/>
      <c r="RZT123" s="26"/>
      <c r="RZU123" s="26"/>
      <c r="RZV123" s="26"/>
      <c r="RZW123" s="26"/>
      <c r="RZX123" s="26"/>
      <c r="RZY123" s="26"/>
      <c r="RZZ123" s="26"/>
      <c r="SAA123" s="26"/>
      <c r="SAB123" s="26"/>
      <c r="SAC123" s="26"/>
      <c r="SAD123" s="26"/>
      <c r="SAE123" s="26"/>
      <c r="SAF123" s="26"/>
      <c r="SAG123" s="26"/>
      <c r="SAH123" s="26"/>
      <c r="SAI123" s="26"/>
      <c r="SAJ123" s="26"/>
      <c r="SAK123" s="26"/>
      <c r="SAL123" s="26"/>
      <c r="SAM123" s="26"/>
      <c r="SAN123" s="26"/>
      <c r="SAO123" s="26"/>
      <c r="SAP123" s="26"/>
      <c r="SAQ123" s="26"/>
      <c r="SAR123" s="26"/>
      <c r="SAS123" s="26"/>
      <c r="SAT123" s="26"/>
      <c r="SAU123" s="26"/>
      <c r="SAV123" s="26"/>
      <c r="SAW123" s="26"/>
      <c r="SAX123" s="26"/>
      <c r="SAY123" s="26"/>
      <c r="SAZ123" s="26"/>
      <c r="SBA123" s="26"/>
      <c r="SBB123" s="26"/>
      <c r="SBC123" s="26"/>
      <c r="SBD123" s="26"/>
      <c r="SBE123" s="26"/>
      <c r="SBF123" s="26"/>
      <c r="SBG123" s="26"/>
      <c r="SBH123" s="26"/>
      <c r="SBI123" s="26"/>
      <c r="SBJ123" s="26"/>
      <c r="SBK123" s="26"/>
      <c r="SBL123" s="26"/>
      <c r="SBM123" s="26"/>
      <c r="SBN123" s="26"/>
      <c r="SBO123" s="26"/>
      <c r="SBP123" s="26"/>
      <c r="SBQ123" s="26"/>
      <c r="SBR123" s="26"/>
      <c r="SBS123" s="26"/>
      <c r="SBT123" s="26"/>
      <c r="SBU123" s="26"/>
      <c r="SBV123" s="26"/>
      <c r="SBW123" s="26"/>
      <c r="SBX123" s="26"/>
      <c r="SBY123" s="26"/>
      <c r="SBZ123" s="26"/>
      <c r="SCA123" s="26"/>
      <c r="SCB123" s="26"/>
      <c r="SCC123" s="26"/>
      <c r="SCD123" s="26"/>
      <c r="SCE123" s="26"/>
      <c r="SCF123" s="26"/>
      <c r="SCG123" s="26"/>
      <c r="SCH123" s="26"/>
      <c r="SCI123" s="26"/>
      <c r="SCJ123" s="26"/>
      <c r="SCK123" s="26"/>
      <c r="SCL123" s="26"/>
      <c r="SCM123" s="26"/>
      <c r="SCN123" s="26"/>
      <c r="SCO123" s="26"/>
      <c r="SCP123" s="26"/>
      <c r="SCQ123" s="26"/>
      <c r="SCR123" s="26"/>
      <c r="SCS123" s="26"/>
      <c r="SCT123" s="26"/>
      <c r="SCU123" s="26"/>
      <c r="SCV123" s="26"/>
      <c r="SCW123" s="26"/>
      <c r="SCX123" s="26"/>
      <c r="SCY123" s="26"/>
      <c r="SCZ123" s="26"/>
      <c r="SDA123" s="26"/>
      <c r="SDB123" s="26"/>
      <c r="SDC123" s="26"/>
      <c r="SDD123" s="26"/>
      <c r="SDE123" s="26"/>
      <c r="SDF123" s="26"/>
      <c r="SDG123" s="26"/>
      <c r="SDH123" s="26"/>
      <c r="SDI123" s="26"/>
      <c r="SDJ123" s="26"/>
      <c r="SDK123" s="26"/>
      <c r="SDL123" s="26"/>
      <c r="SDM123" s="26"/>
      <c r="SDN123" s="26"/>
      <c r="SDO123" s="26"/>
      <c r="SDP123" s="26"/>
      <c r="SDQ123" s="26"/>
      <c r="SDR123" s="26"/>
      <c r="SDS123" s="26"/>
      <c r="SDT123" s="26"/>
      <c r="SDU123" s="26"/>
      <c r="SDV123" s="26"/>
      <c r="SDW123" s="26"/>
      <c r="SDX123" s="26"/>
      <c r="SDY123" s="26"/>
      <c r="SDZ123" s="26"/>
      <c r="SEA123" s="26"/>
      <c r="SEB123" s="26"/>
      <c r="SEC123" s="26"/>
      <c r="SED123" s="26"/>
      <c r="SEE123" s="26"/>
      <c r="SEF123" s="26"/>
      <c r="SEG123" s="26"/>
      <c r="SEH123" s="26"/>
      <c r="SEI123" s="26"/>
      <c r="SEJ123" s="26"/>
      <c r="SEK123" s="26"/>
      <c r="SEL123" s="26"/>
      <c r="SEM123" s="26"/>
      <c r="SEN123" s="26"/>
      <c r="SEO123" s="26"/>
      <c r="SEP123" s="26"/>
      <c r="SEQ123" s="26"/>
      <c r="SER123" s="26"/>
      <c r="SES123" s="26"/>
      <c r="SET123" s="26"/>
      <c r="SEU123" s="26"/>
      <c r="SEV123" s="26"/>
      <c r="SEW123" s="26"/>
      <c r="SEX123" s="26"/>
      <c r="SEY123" s="26"/>
      <c r="SEZ123" s="26"/>
      <c r="SFA123" s="26"/>
      <c r="SFB123" s="26"/>
      <c r="SFC123" s="26"/>
      <c r="SFD123" s="26"/>
      <c r="SFE123" s="26"/>
      <c r="SFF123" s="26"/>
      <c r="SFG123" s="26"/>
      <c r="SFH123" s="26"/>
      <c r="SFI123" s="26"/>
      <c r="SFJ123" s="26"/>
      <c r="SFK123" s="26"/>
      <c r="SFL123" s="26"/>
      <c r="SFM123" s="26"/>
      <c r="SFN123" s="26"/>
      <c r="SFO123" s="26"/>
      <c r="SFP123" s="26"/>
      <c r="SFQ123" s="26"/>
      <c r="SFR123" s="26"/>
      <c r="SFS123" s="26"/>
      <c r="SFT123" s="26"/>
      <c r="SFU123" s="26"/>
      <c r="SFV123" s="26"/>
      <c r="SFW123" s="26"/>
      <c r="SFX123" s="26"/>
      <c r="SFY123" s="26"/>
      <c r="SFZ123" s="26"/>
      <c r="SGA123" s="26"/>
      <c r="SGB123" s="26"/>
      <c r="SGC123" s="26"/>
      <c r="SGD123" s="26"/>
      <c r="SGE123" s="26"/>
      <c r="SGF123" s="26"/>
      <c r="SGG123" s="26"/>
      <c r="SGH123" s="26"/>
      <c r="SGI123" s="26"/>
      <c r="SGJ123" s="26"/>
      <c r="SGK123" s="26"/>
      <c r="SGL123" s="26"/>
      <c r="SGM123" s="26"/>
      <c r="SGN123" s="26"/>
      <c r="SGO123" s="26"/>
      <c r="SGP123" s="26"/>
      <c r="SGQ123" s="26"/>
      <c r="SGR123" s="26"/>
      <c r="SGS123" s="26"/>
      <c r="SGT123" s="26"/>
      <c r="SGU123" s="26"/>
      <c r="SGV123" s="26"/>
      <c r="SGW123" s="26"/>
      <c r="SGX123" s="26"/>
      <c r="SGY123" s="26"/>
      <c r="SGZ123" s="26"/>
      <c r="SHA123" s="26"/>
      <c r="SHB123" s="26"/>
      <c r="SHC123" s="26"/>
      <c r="SHD123" s="26"/>
      <c r="SHE123" s="26"/>
      <c r="SHF123" s="26"/>
      <c r="SHG123" s="26"/>
      <c r="SHH123" s="26"/>
      <c r="SHI123" s="26"/>
      <c r="SHJ123" s="26"/>
      <c r="SHK123" s="26"/>
      <c r="SHL123" s="26"/>
      <c r="SHM123" s="26"/>
      <c r="SHN123" s="26"/>
      <c r="SHO123" s="26"/>
      <c r="SHP123" s="26"/>
      <c r="SHQ123" s="26"/>
      <c r="SHR123" s="26"/>
      <c r="SHS123" s="26"/>
      <c r="SHT123" s="26"/>
      <c r="SHU123" s="26"/>
      <c r="SHV123" s="26"/>
      <c r="SHW123" s="26"/>
      <c r="SHX123" s="26"/>
      <c r="SHY123" s="26"/>
      <c r="SHZ123" s="26"/>
      <c r="SIA123" s="26"/>
      <c r="SIB123" s="26"/>
      <c r="SIC123" s="26"/>
      <c r="SID123" s="26"/>
      <c r="SIE123" s="26"/>
      <c r="SIF123" s="26"/>
      <c r="SIG123" s="26"/>
      <c r="SIH123" s="26"/>
      <c r="SII123" s="26"/>
      <c r="SIJ123" s="26"/>
      <c r="SIK123" s="26"/>
      <c r="SIL123" s="26"/>
      <c r="SIM123" s="26"/>
      <c r="SIN123" s="26"/>
      <c r="SIO123" s="26"/>
      <c r="SIP123" s="26"/>
      <c r="SIQ123" s="26"/>
      <c r="SIR123" s="26"/>
      <c r="SIS123" s="26"/>
      <c r="SIT123" s="26"/>
      <c r="SIU123" s="26"/>
      <c r="SIV123" s="26"/>
      <c r="SIW123" s="26"/>
      <c r="SIX123" s="26"/>
      <c r="SIY123" s="26"/>
      <c r="SIZ123" s="26"/>
      <c r="SJA123" s="26"/>
      <c r="SJB123" s="26"/>
      <c r="SJC123" s="26"/>
      <c r="SJD123" s="26"/>
      <c r="SJE123" s="26"/>
      <c r="SJF123" s="26"/>
      <c r="SJG123" s="26"/>
      <c r="SJH123" s="26"/>
      <c r="SJI123" s="26"/>
      <c r="SJJ123" s="26"/>
      <c r="SJK123" s="26"/>
      <c r="SJL123" s="26"/>
      <c r="SJM123" s="26"/>
      <c r="SJN123" s="26"/>
      <c r="SJO123" s="26"/>
      <c r="SJP123" s="26"/>
      <c r="SJQ123" s="26"/>
      <c r="SJR123" s="26"/>
      <c r="SJS123" s="26"/>
      <c r="SJT123" s="26"/>
      <c r="SJU123" s="26"/>
      <c r="SJV123" s="26"/>
      <c r="SJW123" s="26"/>
      <c r="SJX123" s="26"/>
      <c r="SJY123" s="26"/>
      <c r="SJZ123" s="26"/>
      <c r="SKA123" s="26"/>
      <c r="SKB123" s="26"/>
      <c r="SKC123" s="26"/>
      <c r="SKD123" s="26"/>
      <c r="SKE123" s="26"/>
      <c r="SKF123" s="26"/>
      <c r="SKG123" s="26"/>
      <c r="SKH123" s="26"/>
      <c r="SKI123" s="26"/>
      <c r="SKJ123" s="26"/>
      <c r="SKK123" s="26"/>
      <c r="SKL123" s="26"/>
      <c r="SKM123" s="26"/>
      <c r="SKN123" s="26"/>
      <c r="SKO123" s="26"/>
      <c r="SKP123" s="26"/>
      <c r="SKQ123" s="26"/>
      <c r="SKR123" s="26"/>
      <c r="SKS123" s="26"/>
      <c r="SKT123" s="26"/>
      <c r="SKU123" s="26"/>
      <c r="SKV123" s="26"/>
      <c r="SKW123" s="26"/>
      <c r="SKX123" s="26"/>
      <c r="SKY123" s="26"/>
      <c r="SKZ123" s="26"/>
      <c r="SLA123" s="26"/>
      <c r="SLB123" s="26"/>
      <c r="SLC123" s="26"/>
      <c r="SLD123" s="26"/>
      <c r="SLE123" s="26"/>
      <c r="SLF123" s="26"/>
      <c r="SLG123" s="26"/>
      <c r="SLH123" s="26"/>
      <c r="SLI123" s="26"/>
      <c r="SLJ123" s="26"/>
      <c r="SLK123" s="26"/>
      <c r="SLL123" s="26"/>
      <c r="SLM123" s="26"/>
      <c r="SLN123" s="26"/>
      <c r="SLO123" s="26"/>
      <c r="SLP123" s="26"/>
      <c r="SLQ123" s="26"/>
      <c r="SLR123" s="26"/>
      <c r="SLS123" s="26"/>
      <c r="SLT123" s="26"/>
      <c r="SLU123" s="26"/>
      <c r="SLV123" s="26"/>
      <c r="SLW123" s="26"/>
      <c r="SLX123" s="26"/>
      <c r="SLY123" s="26"/>
      <c r="SLZ123" s="26"/>
      <c r="SMA123" s="26"/>
      <c r="SMB123" s="26"/>
      <c r="SMC123" s="26"/>
      <c r="SMD123" s="26"/>
      <c r="SME123" s="26"/>
      <c r="SMF123" s="26"/>
      <c r="SMG123" s="26"/>
      <c r="SMH123" s="26"/>
      <c r="SMI123" s="26"/>
      <c r="SMJ123" s="26"/>
      <c r="SMK123" s="26"/>
      <c r="SML123" s="26"/>
      <c r="SMM123" s="26"/>
      <c r="SMN123" s="26"/>
      <c r="SMO123" s="26"/>
      <c r="SMP123" s="26"/>
      <c r="SMQ123" s="26"/>
      <c r="SMR123" s="26"/>
      <c r="SMS123" s="26"/>
      <c r="SMT123" s="26"/>
      <c r="SMU123" s="26"/>
      <c r="SMV123" s="26"/>
      <c r="SMW123" s="26"/>
      <c r="SMX123" s="26"/>
      <c r="SMY123" s="26"/>
      <c r="SMZ123" s="26"/>
      <c r="SNA123" s="26"/>
      <c r="SNB123" s="26"/>
      <c r="SNC123" s="26"/>
      <c r="SND123" s="26"/>
      <c r="SNE123" s="26"/>
      <c r="SNF123" s="26"/>
      <c r="SNG123" s="26"/>
      <c r="SNH123" s="26"/>
      <c r="SNI123" s="26"/>
      <c r="SNJ123" s="26"/>
      <c r="SNK123" s="26"/>
      <c r="SNL123" s="26"/>
      <c r="SNM123" s="26"/>
      <c r="SNN123" s="26"/>
      <c r="SNO123" s="26"/>
      <c r="SNP123" s="26"/>
      <c r="SNQ123" s="26"/>
      <c r="SNR123" s="26"/>
      <c r="SNS123" s="26"/>
      <c r="SNT123" s="26"/>
      <c r="SNU123" s="26"/>
      <c r="SNV123" s="26"/>
      <c r="SNW123" s="26"/>
      <c r="SNX123" s="26"/>
      <c r="SNY123" s="26"/>
      <c r="SNZ123" s="26"/>
      <c r="SOA123" s="26"/>
      <c r="SOB123" s="26"/>
      <c r="SOC123" s="26"/>
      <c r="SOD123" s="26"/>
      <c r="SOE123" s="26"/>
      <c r="SOF123" s="26"/>
      <c r="SOG123" s="26"/>
      <c r="SOH123" s="26"/>
      <c r="SOI123" s="26"/>
      <c r="SOJ123" s="26"/>
      <c r="SOK123" s="26"/>
      <c r="SOL123" s="26"/>
      <c r="SOM123" s="26"/>
      <c r="SON123" s="26"/>
      <c r="SOO123" s="26"/>
      <c r="SOP123" s="26"/>
      <c r="SOQ123" s="26"/>
      <c r="SOR123" s="26"/>
      <c r="SOS123" s="26"/>
      <c r="SOT123" s="26"/>
      <c r="SOU123" s="26"/>
      <c r="SOV123" s="26"/>
      <c r="SOW123" s="26"/>
      <c r="SOX123" s="26"/>
      <c r="SOY123" s="26"/>
      <c r="SOZ123" s="26"/>
      <c r="SPA123" s="26"/>
      <c r="SPB123" s="26"/>
      <c r="SPC123" s="26"/>
      <c r="SPD123" s="26"/>
      <c r="SPE123" s="26"/>
      <c r="SPF123" s="26"/>
      <c r="SPG123" s="26"/>
      <c r="SPH123" s="26"/>
      <c r="SPI123" s="26"/>
      <c r="SPJ123" s="26"/>
      <c r="SPK123" s="26"/>
      <c r="SPL123" s="26"/>
      <c r="SPM123" s="26"/>
      <c r="SPN123" s="26"/>
      <c r="SPO123" s="26"/>
      <c r="SPP123" s="26"/>
      <c r="SPQ123" s="26"/>
      <c r="SPR123" s="26"/>
      <c r="SPS123" s="26"/>
      <c r="SPT123" s="26"/>
      <c r="SPU123" s="26"/>
      <c r="SPV123" s="26"/>
      <c r="SPW123" s="26"/>
      <c r="SPX123" s="26"/>
      <c r="SPY123" s="26"/>
      <c r="SPZ123" s="26"/>
      <c r="SQA123" s="26"/>
      <c r="SQB123" s="26"/>
      <c r="SQC123" s="26"/>
      <c r="SQD123" s="26"/>
      <c r="SQE123" s="26"/>
      <c r="SQF123" s="26"/>
      <c r="SQG123" s="26"/>
      <c r="SQH123" s="26"/>
      <c r="SQI123" s="26"/>
      <c r="SQJ123" s="26"/>
      <c r="SQK123" s="26"/>
      <c r="SQL123" s="26"/>
      <c r="SQM123" s="26"/>
      <c r="SQN123" s="26"/>
      <c r="SQO123" s="26"/>
      <c r="SQP123" s="26"/>
      <c r="SQQ123" s="26"/>
      <c r="SQR123" s="26"/>
      <c r="SQS123" s="26"/>
      <c r="SQT123" s="26"/>
      <c r="SQU123" s="26"/>
      <c r="SQV123" s="26"/>
      <c r="SQW123" s="26"/>
      <c r="SQX123" s="26"/>
      <c r="SQY123" s="26"/>
      <c r="SQZ123" s="26"/>
      <c r="SRA123" s="26"/>
      <c r="SRB123" s="26"/>
      <c r="SRC123" s="26"/>
      <c r="SRD123" s="26"/>
      <c r="SRE123" s="26"/>
      <c r="SRF123" s="26"/>
      <c r="SRG123" s="26"/>
      <c r="SRH123" s="26"/>
      <c r="SRI123" s="26"/>
      <c r="SRJ123" s="26"/>
      <c r="SRK123" s="26"/>
      <c r="SRL123" s="26"/>
      <c r="SRM123" s="26"/>
      <c r="SRN123" s="26"/>
      <c r="SRO123" s="26"/>
      <c r="SRP123" s="26"/>
      <c r="SRQ123" s="26"/>
      <c r="SRR123" s="26"/>
      <c r="SRS123" s="26"/>
      <c r="SRT123" s="26"/>
      <c r="SRU123" s="26"/>
      <c r="SRV123" s="26"/>
      <c r="SRW123" s="26"/>
      <c r="SRX123" s="26"/>
      <c r="SRY123" s="26"/>
      <c r="SRZ123" s="26"/>
      <c r="SSA123" s="26"/>
      <c r="SSB123" s="26"/>
      <c r="SSC123" s="26"/>
      <c r="SSD123" s="26"/>
      <c r="SSE123" s="26"/>
      <c r="SSF123" s="26"/>
      <c r="SSG123" s="26"/>
      <c r="SSH123" s="26"/>
      <c r="SSI123" s="26"/>
      <c r="SSJ123" s="26"/>
      <c r="SSK123" s="26"/>
      <c r="SSL123" s="26"/>
      <c r="SSM123" s="26"/>
      <c r="SSN123" s="26"/>
      <c r="SSO123" s="26"/>
      <c r="SSP123" s="26"/>
      <c r="SSQ123" s="26"/>
      <c r="SSR123" s="26"/>
      <c r="SSS123" s="26"/>
      <c r="SST123" s="26"/>
      <c r="SSU123" s="26"/>
      <c r="SSV123" s="26"/>
      <c r="SSW123" s="26"/>
      <c r="SSX123" s="26"/>
      <c r="SSY123" s="26"/>
      <c r="SSZ123" s="26"/>
      <c r="STA123" s="26"/>
      <c r="STB123" s="26"/>
      <c r="STC123" s="26"/>
      <c r="STD123" s="26"/>
      <c r="STE123" s="26"/>
      <c r="STF123" s="26"/>
      <c r="STG123" s="26"/>
      <c r="STH123" s="26"/>
      <c r="STI123" s="26"/>
      <c r="STJ123" s="26"/>
      <c r="STK123" s="26"/>
      <c r="STL123" s="26"/>
      <c r="STM123" s="26"/>
      <c r="STN123" s="26"/>
      <c r="STO123" s="26"/>
      <c r="STP123" s="26"/>
      <c r="STQ123" s="26"/>
      <c r="STR123" s="26"/>
      <c r="STS123" s="26"/>
      <c r="STT123" s="26"/>
      <c r="STU123" s="26"/>
      <c r="STV123" s="26"/>
      <c r="STW123" s="26"/>
      <c r="STX123" s="26"/>
      <c r="STY123" s="26"/>
      <c r="STZ123" s="26"/>
      <c r="SUA123" s="26"/>
      <c r="SUB123" s="26"/>
      <c r="SUC123" s="26"/>
      <c r="SUD123" s="26"/>
      <c r="SUE123" s="26"/>
      <c r="SUF123" s="26"/>
      <c r="SUG123" s="26"/>
      <c r="SUH123" s="26"/>
      <c r="SUI123" s="26"/>
      <c r="SUJ123" s="26"/>
      <c r="SUK123" s="26"/>
      <c r="SUL123" s="26"/>
      <c r="SUM123" s="26"/>
      <c r="SUN123" s="26"/>
      <c r="SUO123" s="26"/>
      <c r="SUP123" s="26"/>
      <c r="SUQ123" s="26"/>
      <c r="SUR123" s="26"/>
      <c r="SUS123" s="26"/>
      <c r="SUT123" s="26"/>
      <c r="SUU123" s="26"/>
      <c r="SUV123" s="26"/>
      <c r="SUW123" s="26"/>
      <c r="SUX123" s="26"/>
      <c r="SUY123" s="26"/>
      <c r="SUZ123" s="26"/>
      <c r="SVA123" s="26"/>
      <c r="SVB123" s="26"/>
      <c r="SVC123" s="26"/>
      <c r="SVD123" s="26"/>
      <c r="SVE123" s="26"/>
      <c r="SVF123" s="26"/>
      <c r="SVG123" s="26"/>
      <c r="SVH123" s="26"/>
      <c r="SVI123" s="26"/>
      <c r="SVJ123" s="26"/>
      <c r="SVK123" s="26"/>
      <c r="SVL123" s="26"/>
      <c r="SVM123" s="26"/>
      <c r="SVN123" s="26"/>
      <c r="SVO123" s="26"/>
      <c r="SVP123" s="26"/>
      <c r="SVQ123" s="26"/>
      <c r="SVR123" s="26"/>
      <c r="SVS123" s="26"/>
      <c r="SVT123" s="26"/>
      <c r="SVU123" s="26"/>
      <c r="SVV123" s="26"/>
      <c r="SVW123" s="26"/>
      <c r="SVX123" s="26"/>
      <c r="SVY123" s="26"/>
      <c r="SVZ123" s="26"/>
      <c r="SWA123" s="26"/>
      <c r="SWB123" s="26"/>
      <c r="SWC123" s="26"/>
      <c r="SWD123" s="26"/>
      <c r="SWE123" s="26"/>
      <c r="SWF123" s="26"/>
      <c r="SWG123" s="26"/>
      <c r="SWH123" s="26"/>
      <c r="SWI123" s="26"/>
      <c r="SWJ123" s="26"/>
      <c r="SWK123" s="26"/>
      <c r="SWL123" s="26"/>
      <c r="SWM123" s="26"/>
      <c r="SWN123" s="26"/>
      <c r="SWO123" s="26"/>
      <c r="SWP123" s="26"/>
      <c r="SWQ123" s="26"/>
      <c r="SWR123" s="26"/>
      <c r="SWS123" s="26"/>
      <c r="SWT123" s="26"/>
      <c r="SWU123" s="26"/>
      <c r="SWV123" s="26"/>
      <c r="SWW123" s="26"/>
      <c r="SWX123" s="26"/>
      <c r="SWY123" s="26"/>
      <c r="SWZ123" s="26"/>
      <c r="SXA123" s="26"/>
      <c r="SXB123" s="26"/>
      <c r="SXC123" s="26"/>
      <c r="SXD123" s="26"/>
      <c r="SXE123" s="26"/>
      <c r="SXF123" s="26"/>
      <c r="SXG123" s="26"/>
      <c r="SXH123" s="26"/>
      <c r="SXI123" s="26"/>
      <c r="SXJ123" s="26"/>
      <c r="SXK123" s="26"/>
      <c r="SXL123" s="26"/>
      <c r="SXM123" s="26"/>
      <c r="SXN123" s="26"/>
      <c r="SXO123" s="26"/>
      <c r="SXP123" s="26"/>
      <c r="SXQ123" s="26"/>
      <c r="SXR123" s="26"/>
      <c r="SXS123" s="26"/>
      <c r="SXT123" s="26"/>
      <c r="SXU123" s="26"/>
      <c r="SXV123" s="26"/>
      <c r="SXW123" s="26"/>
      <c r="SXX123" s="26"/>
      <c r="SXY123" s="26"/>
      <c r="SXZ123" s="26"/>
      <c r="SYA123" s="26"/>
      <c r="SYB123" s="26"/>
      <c r="SYC123" s="26"/>
      <c r="SYD123" s="26"/>
      <c r="SYE123" s="26"/>
      <c r="SYF123" s="26"/>
      <c r="SYG123" s="26"/>
      <c r="SYH123" s="26"/>
      <c r="SYI123" s="26"/>
      <c r="SYJ123" s="26"/>
      <c r="SYK123" s="26"/>
      <c r="SYL123" s="26"/>
      <c r="SYM123" s="26"/>
      <c r="SYN123" s="26"/>
      <c r="SYO123" s="26"/>
      <c r="SYP123" s="26"/>
      <c r="SYQ123" s="26"/>
      <c r="SYR123" s="26"/>
      <c r="SYS123" s="26"/>
      <c r="SYT123" s="26"/>
      <c r="SYU123" s="26"/>
      <c r="SYV123" s="26"/>
      <c r="SYW123" s="26"/>
      <c r="SYX123" s="26"/>
      <c r="SYY123" s="26"/>
      <c r="SYZ123" s="26"/>
      <c r="SZA123" s="26"/>
      <c r="SZB123" s="26"/>
      <c r="SZC123" s="26"/>
      <c r="SZD123" s="26"/>
      <c r="SZE123" s="26"/>
      <c r="SZF123" s="26"/>
      <c r="SZG123" s="26"/>
      <c r="SZH123" s="26"/>
      <c r="SZI123" s="26"/>
      <c r="SZJ123" s="26"/>
      <c r="SZK123" s="26"/>
      <c r="SZL123" s="26"/>
      <c r="SZM123" s="26"/>
      <c r="SZN123" s="26"/>
      <c r="SZO123" s="26"/>
      <c r="SZP123" s="26"/>
      <c r="SZQ123" s="26"/>
      <c r="SZR123" s="26"/>
      <c r="SZS123" s="26"/>
      <c r="SZT123" s="26"/>
      <c r="SZU123" s="26"/>
      <c r="SZV123" s="26"/>
      <c r="SZW123" s="26"/>
      <c r="SZX123" s="26"/>
      <c r="SZY123" s="26"/>
      <c r="SZZ123" s="26"/>
      <c r="TAA123" s="26"/>
      <c r="TAB123" s="26"/>
      <c r="TAC123" s="26"/>
      <c r="TAD123" s="26"/>
      <c r="TAE123" s="26"/>
      <c r="TAF123" s="26"/>
      <c r="TAG123" s="26"/>
      <c r="TAH123" s="26"/>
      <c r="TAI123" s="26"/>
      <c r="TAJ123" s="26"/>
      <c r="TAK123" s="26"/>
      <c r="TAL123" s="26"/>
      <c r="TAM123" s="26"/>
      <c r="TAN123" s="26"/>
      <c r="TAO123" s="26"/>
      <c r="TAP123" s="26"/>
      <c r="TAQ123" s="26"/>
      <c r="TAR123" s="26"/>
      <c r="TAS123" s="26"/>
      <c r="TAT123" s="26"/>
      <c r="TAU123" s="26"/>
      <c r="TAV123" s="26"/>
      <c r="TAW123" s="26"/>
      <c r="TAX123" s="26"/>
      <c r="TAY123" s="26"/>
      <c r="TAZ123" s="26"/>
      <c r="TBA123" s="26"/>
      <c r="TBB123" s="26"/>
      <c r="TBC123" s="26"/>
      <c r="TBD123" s="26"/>
      <c r="TBE123" s="26"/>
      <c r="TBF123" s="26"/>
      <c r="TBG123" s="26"/>
      <c r="TBH123" s="26"/>
      <c r="TBI123" s="26"/>
      <c r="TBJ123" s="26"/>
      <c r="TBK123" s="26"/>
      <c r="TBL123" s="26"/>
      <c r="TBM123" s="26"/>
      <c r="TBN123" s="26"/>
      <c r="TBO123" s="26"/>
      <c r="TBP123" s="26"/>
      <c r="TBQ123" s="26"/>
      <c r="TBR123" s="26"/>
      <c r="TBS123" s="26"/>
      <c r="TBT123" s="26"/>
      <c r="TBU123" s="26"/>
      <c r="TBV123" s="26"/>
      <c r="TBW123" s="26"/>
      <c r="TBX123" s="26"/>
      <c r="TBY123" s="26"/>
      <c r="TBZ123" s="26"/>
      <c r="TCA123" s="26"/>
      <c r="TCB123" s="26"/>
      <c r="TCC123" s="26"/>
      <c r="TCD123" s="26"/>
      <c r="TCE123" s="26"/>
      <c r="TCF123" s="26"/>
      <c r="TCG123" s="26"/>
      <c r="TCH123" s="26"/>
      <c r="TCI123" s="26"/>
      <c r="TCJ123" s="26"/>
      <c r="TCK123" s="26"/>
      <c r="TCL123" s="26"/>
      <c r="TCM123" s="26"/>
      <c r="TCN123" s="26"/>
      <c r="TCO123" s="26"/>
      <c r="TCP123" s="26"/>
      <c r="TCQ123" s="26"/>
      <c r="TCR123" s="26"/>
      <c r="TCS123" s="26"/>
      <c r="TCT123" s="26"/>
      <c r="TCU123" s="26"/>
      <c r="TCV123" s="26"/>
      <c r="TCW123" s="26"/>
      <c r="TCX123" s="26"/>
      <c r="TCY123" s="26"/>
      <c r="TCZ123" s="26"/>
      <c r="TDA123" s="26"/>
      <c r="TDB123" s="26"/>
      <c r="TDC123" s="26"/>
      <c r="TDD123" s="26"/>
      <c r="TDE123" s="26"/>
      <c r="TDF123" s="26"/>
      <c r="TDG123" s="26"/>
      <c r="TDH123" s="26"/>
      <c r="TDI123" s="26"/>
      <c r="TDJ123" s="26"/>
      <c r="TDK123" s="26"/>
      <c r="TDL123" s="26"/>
      <c r="TDM123" s="26"/>
      <c r="TDN123" s="26"/>
      <c r="TDO123" s="26"/>
      <c r="TDP123" s="26"/>
      <c r="TDQ123" s="26"/>
      <c r="TDR123" s="26"/>
      <c r="TDS123" s="26"/>
      <c r="TDT123" s="26"/>
      <c r="TDU123" s="26"/>
      <c r="TDV123" s="26"/>
      <c r="TDW123" s="26"/>
      <c r="TDX123" s="26"/>
      <c r="TDY123" s="26"/>
      <c r="TDZ123" s="26"/>
      <c r="TEA123" s="26"/>
      <c r="TEB123" s="26"/>
      <c r="TEC123" s="26"/>
      <c r="TED123" s="26"/>
      <c r="TEE123" s="26"/>
      <c r="TEF123" s="26"/>
      <c r="TEG123" s="26"/>
      <c r="TEH123" s="26"/>
      <c r="TEI123" s="26"/>
      <c r="TEJ123" s="26"/>
      <c r="TEK123" s="26"/>
      <c r="TEL123" s="26"/>
      <c r="TEM123" s="26"/>
      <c r="TEN123" s="26"/>
      <c r="TEO123" s="26"/>
      <c r="TEP123" s="26"/>
      <c r="TEQ123" s="26"/>
      <c r="TER123" s="26"/>
      <c r="TES123" s="26"/>
      <c r="TET123" s="26"/>
      <c r="TEU123" s="26"/>
      <c r="TEV123" s="26"/>
      <c r="TEW123" s="26"/>
      <c r="TEX123" s="26"/>
      <c r="TEY123" s="26"/>
      <c r="TEZ123" s="26"/>
      <c r="TFA123" s="26"/>
      <c r="TFB123" s="26"/>
      <c r="TFC123" s="26"/>
      <c r="TFD123" s="26"/>
      <c r="TFE123" s="26"/>
      <c r="TFF123" s="26"/>
      <c r="TFG123" s="26"/>
      <c r="TFH123" s="26"/>
      <c r="TFI123" s="26"/>
      <c r="TFJ123" s="26"/>
      <c r="TFK123" s="26"/>
      <c r="TFL123" s="26"/>
      <c r="TFM123" s="26"/>
      <c r="TFN123" s="26"/>
      <c r="TFO123" s="26"/>
      <c r="TFP123" s="26"/>
      <c r="TFQ123" s="26"/>
      <c r="TFR123" s="26"/>
      <c r="TFS123" s="26"/>
      <c r="TFT123" s="26"/>
      <c r="TFU123" s="26"/>
      <c r="TFV123" s="26"/>
      <c r="TFW123" s="26"/>
      <c r="TFX123" s="26"/>
      <c r="TFY123" s="26"/>
      <c r="TFZ123" s="26"/>
      <c r="TGA123" s="26"/>
      <c r="TGB123" s="26"/>
      <c r="TGC123" s="26"/>
      <c r="TGD123" s="26"/>
      <c r="TGE123" s="26"/>
      <c r="TGF123" s="26"/>
      <c r="TGG123" s="26"/>
      <c r="TGH123" s="26"/>
      <c r="TGI123" s="26"/>
      <c r="TGJ123" s="26"/>
      <c r="TGK123" s="26"/>
      <c r="TGL123" s="26"/>
      <c r="TGM123" s="26"/>
      <c r="TGN123" s="26"/>
      <c r="TGO123" s="26"/>
      <c r="TGP123" s="26"/>
      <c r="TGQ123" s="26"/>
      <c r="TGR123" s="26"/>
      <c r="TGS123" s="26"/>
      <c r="TGT123" s="26"/>
      <c r="TGU123" s="26"/>
      <c r="TGV123" s="26"/>
      <c r="TGW123" s="26"/>
      <c r="TGX123" s="26"/>
      <c r="TGY123" s="26"/>
      <c r="TGZ123" s="26"/>
      <c r="THA123" s="26"/>
      <c r="THB123" s="26"/>
      <c r="THC123" s="26"/>
      <c r="THD123" s="26"/>
      <c r="THE123" s="26"/>
      <c r="THF123" s="26"/>
      <c r="THG123" s="26"/>
      <c r="THH123" s="26"/>
      <c r="THI123" s="26"/>
      <c r="THJ123" s="26"/>
      <c r="THK123" s="26"/>
      <c r="THL123" s="26"/>
      <c r="THM123" s="26"/>
      <c r="THN123" s="26"/>
      <c r="THO123" s="26"/>
      <c r="THP123" s="26"/>
      <c r="THQ123" s="26"/>
      <c r="THR123" s="26"/>
      <c r="THS123" s="26"/>
      <c r="THT123" s="26"/>
      <c r="THU123" s="26"/>
      <c r="THV123" s="26"/>
      <c r="THW123" s="26"/>
      <c r="THX123" s="26"/>
      <c r="THY123" s="26"/>
      <c r="THZ123" s="26"/>
      <c r="TIA123" s="26"/>
      <c r="TIB123" s="26"/>
      <c r="TIC123" s="26"/>
      <c r="TID123" s="26"/>
      <c r="TIE123" s="26"/>
      <c r="TIF123" s="26"/>
      <c r="TIG123" s="26"/>
      <c r="TIH123" s="26"/>
      <c r="TII123" s="26"/>
      <c r="TIJ123" s="26"/>
      <c r="TIK123" s="26"/>
      <c r="TIL123" s="26"/>
      <c r="TIM123" s="26"/>
      <c r="TIN123" s="26"/>
      <c r="TIO123" s="26"/>
      <c r="TIP123" s="26"/>
      <c r="TIQ123" s="26"/>
      <c r="TIR123" s="26"/>
      <c r="TIS123" s="26"/>
      <c r="TIT123" s="26"/>
      <c r="TIU123" s="26"/>
      <c r="TIV123" s="26"/>
      <c r="TIW123" s="26"/>
      <c r="TIX123" s="26"/>
      <c r="TIY123" s="26"/>
      <c r="TIZ123" s="26"/>
      <c r="TJA123" s="26"/>
      <c r="TJB123" s="26"/>
      <c r="TJC123" s="26"/>
      <c r="TJD123" s="26"/>
      <c r="TJE123" s="26"/>
      <c r="TJF123" s="26"/>
      <c r="TJG123" s="26"/>
      <c r="TJH123" s="26"/>
      <c r="TJI123" s="26"/>
      <c r="TJJ123" s="26"/>
      <c r="TJK123" s="26"/>
      <c r="TJL123" s="26"/>
      <c r="TJM123" s="26"/>
      <c r="TJN123" s="26"/>
      <c r="TJO123" s="26"/>
      <c r="TJP123" s="26"/>
      <c r="TJQ123" s="26"/>
      <c r="TJR123" s="26"/>
      <c r="TJS123" s="26"/>
      <c r="TJT123" s="26"/>
      <c r="TJU123" s="26"/>
      <c r="TJV123" s="26"/>
      <c r="TJW123" s="26"/>
      <c r="TJX123" s="26"/>
      <c r="TJY123" s="26"/>
      <c r="TJZ123" s="26"/>
      <c r="TKA123" s="26"/>
      <c r="TKB123" s="26"/>
      <c r="TKC123" s="26"/>
      <c r="TKD123" s="26"/>
      <c r="TKE123" s="26"/>
      <c r="TKF123" s="26"/>
      <c r="TKG123" s="26"/>
      <c r="TKH123" s="26"/>
      <c r="TKI123" s="26"/>
      <c r="TKJ123" s="26"/>
      <c r="TKK123" s="26"/>
      <c r="TKL123" s="26"/>
      <c r="TKM123" s="26"/>
      <c r="TKN123" s="26"/>
      <c r="TKO123" s="26"/>
      <c r="TKP123" s="26"/>
      <c r="TKQ123" s="26"/>
      <c r="TKR123" s="26"/>
      <c r="TKS123" s="26"/>
      <c r="TKT123" s="26"/>
      <c r="TKU123" s="26"/>
      <c r="TKV123" s="26"/>
      <c r="TKW123" s="26"/>
      <c r="TKX123" s="26"/>
      <c r="TKY123" s="26"/>
      <c r="TKZ123" s="26"/>
      <c r="TLA123" s="26"/>
      <c r="TLB123" s="26"/>
      <c r="TLC123" s="26"/>
      <c r="TLD123" s="26"/>
      <c r="TLE123" s="26"/>
      <c r="TLF123" s="26"/>
      <c r="TLG123" s="26"/>
      <c r="TLH123" s="26"/>
      <c r="TLI123" s="26"/>
      <c r="TLJ123" s="26"/>
      <c r="TLK123" s="26"/>
      <c r="TLL123" s="26"/>
      <c r="TLM123" s="26"/>
      <c r="TLN123" s="26"/>
      <c r="TLO123" s="26"/>
      <c r="TLP123" s="26"/>
      <c r="TLQ123" s="26"/>
      <c r="TLR123" s="26"/>
      <c r="TLS123" s="26"/>
      <c r="TLT123" s="26"/>
      <c r="TLU123" s="26"/>
      <c r="TLV123" s="26"/>
      <c r="TLW123" s="26"/>
      <c r="TLX123" s="26"/>
      <c r="TLY123" s="26"/>
      <c r="TLZ123" s="26"/>
      <c r="TMA123" s="26"/>
      <c r="TMB123" s="26"/>
      <c r="TMC123" s="26"/>
      <c r="TMD123" s="26"/>
      <c r="TME123" s="26"/>
      <c r="TMF123" s="26"/>
      <c r="TMG123" s="26"/>
      <c r="TMH123" s="26"/>
      <c r="TMI123" s="26"/>
      <c r="TMJ123" s="26"/>
      <c r="TMK123" s="26"/>
      <c r="TML123" s="26"/>
      <c r="TMM123" s="26"/>
      <c r="TMN123" s="26"/>
      <c r="TMO123" s="26"/>
      <c r="TMP123" s="26"/>
      <c r="TMQ123" s="26"/>
      <c r="TMR123" s="26"/>
      <c r="TMS123" s="26"/>
      <c r="TMT123" s="26"/>
      <c r="TMU123" s="26"/>
      <c r="TMV123" s="26"/>
      <c r="TMW123" s="26"/>
      <c r="TMX123" s="26"/>
      <c r="TMY123" s="26"/>
      <c r="TMZ123" s="26"/>
      <c r="TNA123" s="26"/>
      <c r="TNB123" s="26"/>
      <c r="TNC123" s="26"/>
      <c r="TND123" s="26"/>
      <c r="TNE123" s="26"/>
      <c r="TNF123" s="26"/>
      <c r="TNG123" s="26"/>
      <c r="TNH123" s="26"/>
      <c r="TNI123" s="26"/>
      <c r="TNJ123" s="26"/>
      <c r="TNK123" s="26"/>
      <c r="TNL123" s="26"/>
      <c r="TNM123" s="26"/>
      <c r="TNN123" s="26"/>
      <c r="TNO123" s="26"/>
      <c r="TNP123" s="26"/>
      <c r="TNQ123" s="26"/>
      <c r="TNR123" s="26"/>
      <c r="TNS123" s="26"/>
      <c r="TNT123" s="26"/>
      <c r="TNU123" s="26"/>
      <c r="TNV123" s="26"/>
      <c r="TNW123" s="26"/>
      <c r="TNX123" s="26"/>
      <c r="TNY123" s="26"/>
      <c r="TNZ123" s="26"/>
      <c r="TOA123" s="26"/>
      <c r="TOB123" s="26"/>
      <c r="TOC123" s="26"/>
      <c r="TOD123" s="26"/>
      <c r="TOE123" s="26"/>
      <c r="TOF123" s="26"/>
      <c r="TOG123" s="26"/>
      <c r="TOH123" s="26"/>
      <c r="TOI123" s="26"/>
      <c r="TOJ123" s="26"/>
      <c r="TOK123" s="26"/>
      <c r="TOL123" s="26"/>
      <c r="TOM123" s="26"/>
      <c r="TON123" s="26"/>
      <c r="TOO123" s="26"/>
      <c r="TOP123" s="26"/>
      <c r="TOQ123" s="26"/>
      <c r="TOR123" s="26"/>
      <c r="TOS123" s="26"/>
      <c r="TOT123" s="26"/>
      <c r="TOU123" s="26"/>
      <c r="TOV123" s="26"/>
      <c r="TOW123" s="26"/>
      <c r="TOX123" s="26"/>
      <c r="TOY123" s="26"/>
      <c r="TOZ123" s="26"/>
      <c r="TPA123" s="26"/>
      <c r="TPB123" s="26"/>
      <c r="TPC123" s="26"/>
      <c r="TPD123" s="26"/>
      <c r="TPE123" s="26"/>
      <c r="TPF123" s="26"/>
      <c r="TPG123" s="26"/>
      <c r="TPH123" s="26"/>
      <c r="TPI123" s="26"/>
      <c r="TPJ123" s="26"/>
      <c r="TPK123" s="26"/>
      <c r="TPL123" s="26"/>
      <c r="TPM123" s="26"/>
      <c r="TPN123" s="26"/>
      <c r="TPO123" s="26"/>
      <c r="TPP123" s="26"/>
      <c r="TPQ123" s="26"/>
      <c r="TPR123" s="26"/>
      <c r="TPS123" s="26"/>
      <c r="TPT123" s="26"/>
      <c r="TPU123" s="26"/>
      <c r="TPV123" s="26"/>
      <c r="TPW123" s="26"/>
      <c r="TPX123" s="26"/>
      <c r="TPY123" s="26"/>
      <c r="TPZ123" s="26"/>
      <c r="TQA123" s="26"/>
      <c r="TQB123" s="26"/>
      <c r="TQC123" s="26"/>
      <c r="TQD123" s="26"/>
      <c r="TQE123" s="26"/>
      <c r="TQF123" s="26"/>
      <c r="TQG123" s="26"/>
      <c r="TQH123" s="26"/>
      <c r="TQI123" s="26"/>
      <c r="TQJ123" s="26"/>
      <c r="TQK123" s="26"/>
      <c r="TQL123" s="26"/>
      <c r="TQM123" s="26"/>
      <c r="TQN123" s="26"/>
      <c r="TQO123" s="26"/>
      <c r="TQP123" s="26"/>
      <c r="TQQ123" s="26"/>
      <c r="TQR123" s="26"/>
      <c r="TQS123" s="26"/>
      <c r="TQT123" s="26"/>
      <c r="TQU123" s="26"/>
      <c r="TQV123" s="26"/>
      <c r="TQW123" s="26"/>
      <c r="TQX123" s="26"/>
      <c r="TQY123" s="26"/>
      <c r="TQZ123" s="26"/>
      <c r="TRA123" s="26"/>
      <c r="TRB123" s="26"/>
      <c r="TRC123" s="26"/>
      <c r="TRD123" s="26"/>
      <c r="TRE123" s="26"/>
      <c r="TRF123" s="26"/>
      <c r="TRG123" s="26"/>
      <c r="TRH123" s="26"/>
      <c r="TRI123" s="26"/>
      <c r="TRJ123" s="26"/>
      <c r="TRK123" s="26"/>
      <c r="TRL123" s="26"/>
      <c r="TRM123" s="26"/>
      <c r="TRN123" s="26"/>
      <c r="TRO123" s="26"/>
      <c r="TRP123" s="26"/>
      <c r="TRQ123" s="26"/>
      <c r="TRR123" s="26"/>
      <c r="TRS123" s="26"/>
      <c r="TRT123" s="26"/>
      <c r="TRU123" s="26"/>
      <c r="TRV123" s="26"/>
      <c r="TRW123" s="26"/>
      <c r="TRX123" s="26"/>
      <c r="TRY123" s="26"/>
      <c r="TRZ123" s="26"/>
      <c r="TSA123" s="26"/>
      <c r="TSB123" s="26"/>
      <c r="TSC123" s="26"/>
      <c r="TSD123" s="26"/>
      <c r="TSE123" s="26"/>
      <c r="TSF123" s="26"/>
      <c r="TSG123" s="26"/>
      <c r="TSH123" s="26"/>
      <c r="TSI123" s="26"/>
      <c r="TSJ123" s="26"/>
      <c r="TSK123" s="26"/>
      <c r="TSL123" s="26"/>
      <c r="TSM123" s="26"/>
      <c r="TSN123" s="26"/>
      <c r="TSO123" s="26"/>
      <c r="TSP123" s="26"/>
      <c r="TSQ123" s="26"/>
      <c r="TSR123" s="26"/>
      <c r="TSS123" s="26"/>
      <c r="TST123" s="26"/>
      <c r="TSU123" s="26"/>
      <c r="TSV123" s="26"/>
      <c r="TSW123" s="26"/>
      <c r="TSX123" s="26"/>
      <c r="TSY123" s="26"/>
      <c r="TSZ123" s="26"/>
      <c r="TTA123" s="26"/>
      <c r="TTB123" s="26"/>
      <c r="TTC123" s="26"/>
      <c r="TTD123" s="26"/>
      <c r="TTE123" s="26"/>
      <c r="TTF123" s="26"/>
      <c r="TTG123" s="26"/>
      <c r="TTH123" s="26"/>
      <c r="TTI123" s="26"/>
      <c r="TTJ123" s="26"/>
      <c r="TTK123" s="26"/>
      <c r="TTL123" s="26"/>
      <c r="TTM123" s="26"/>
      <c r="TTN123" s="26"/>
      <c r="TTO123" s="26"/>
      <c r="TTP123" s="26"/>
      <c r="TTQ123" s="26"/>
      <c r="TTR123" s="26"/>
      <c r="TTS123" s="26"/>
      <c r="TTT123" s="26"/>
      <c r="TTU123" s="26"/>
      <c r="TTV123" s="26"/>
      <c r="TTW123" s="26"/>
      <c r="TTX123" s="26"/>
      <c r="TTY123" s="26"/>
      <c r="TTZ123" s="26"/>
      <c r="TUA123" s="26"/>
      <c r="TUB123" s="26"/>
      <c r="TUC123" s="26"/>
      <c r="TUD123" s="26"/>
      <c r="TUE123" s="26"/>
      <c r="TUF123" s="26"/>
      <c r="TUG123" s="26"/>
      <c r="TUH123" s="26"/>
      <c r="TUI123" s="26"/>
      <c r="TUJ123" s="26"/>
      <c r="TUK123" s="26"/>
      <c r="TUL123" s="26"/>
      <c r="TUM123" s="26"/>
      <c r="TUN123" s="26"/>
      <c r="TUO123" s="26"/>
      <c r="TUP123" s="26"/>
      <c r="TUQ123" s="26"/>
      <c r="TUR123" s="26"/>
      <c r="TUS123" s="26"/>
      <c r="TUT123" s="26"/>
      <c r="TUU123" s="26"/>
      <c r="TUV123" s="26"/>
      <c r="TUW123" s="26"/>
      <c r="TUX123" s="26"/>
      <c r="TUY123" s="26"/>
      <c r="TUZ123" s="26"/>
      <c r="TVA123" s="26"/>
      <c r="TVB123" s="26"/>
      <c r="TVC123" s="26"/>
      <c r="TVD123" s="26"/>
      <c r="TVE123" s="26"/>
      <c r="TVF123" s="26"/>
      <c r="TVG123" s="26"/>
      <c r="TVH123" s="26"/>
      <c r="TVI123" s="26"/>
      <c r="TVJ123" s="26"/>
      <c r="TVK123" s="26"/>
      <c r="TVL123" s="26"/>
      <c r="TVM123" s="26"/>
      <c r="TVN123" s="26"/>
      <c r="TVO123" s="26"/>
      <c r="TVP123" s="26"/>
      <c r="TVQ123" s="26"/>
      <c r="TVR123" s="26"/>
      <c r="TVS123" s="26"/>
      <c r="TVT123" s="26"/>
      <c r="TVU123" s="26"/>
      <c r="TVV123" s="26"/>
      <c r="TVW123" s="26"/>
      <c r="TVX123" s="26"/>
      <c r="TVY123" s="26"/>
      <c r="TVZ123" s="26"/>
      <c r="TWA123" s="26"/>
      <c r="TWB123" s="26"/>
      <c r="TWC123" s="26"/>
      <c r="TWD123" s="26"/>
      <c r="TWE123" s="26"/>
      <c r="TWF123" s="26"/>
      <c r="TWG123" s="26"/>
      <c r="TWH123" s="26"/>
      <c r="TWI123" s="26"/>
      <c r="TWJ123" s="26"/>
      <c r="TWK123" s="26"/>
      <c r="TWL123" s="26"/>
      <c r="TWM123" s="26"/>
      <c r="TWN123" s="26"/>
      <c r="TWO123" s="26"/>
      <c r="TWP123" s="26"/>
      <c r="TWQ123" s="26"/>
      <c r="TWR123" s="26"/>
      <c r="TWS123" s="26"/>
      <c r="TWT123" s="26"/>
      <c r="TWU123" s="26"/>
      <c r="TWV123" s="26"/>
      <c r="TWW123" s="26"/>
      <c r="TWX123" s="26"/>
      <c r="TWY123" s="26"/>
      <c r="TWZ123" s="26"/>
      <c r="TXA123" s="26"/>
      <c r="TXB123" s="26"/>
      <c r="TXC123" s="26"/>
      <c r="TXD123" s="26"/>
      <c r="TXE123" s="26"/>
      <c r="TXF123" s="26"/>
      <c r="TXG123" s="26"/>
      <c r="TXH123" s="26"/>
      <c r="TXI123" s="26"/>
      <c r="TXJ123" s="26"/>
      <c r="TXK123" s="26"/>
      <c r="TXL123" s="26"/>
      <c r="TXM123" s="26"/>
      <c r="TXN123" s="26"/>
      <c r="TXO123" s="26"/>
      <c r="TXP123" s="26"/>
      <c r="TXQ123" s="26"/>
      <c r="TXR123" s="26"/>
      <c r="TXS123" s="26"/>
      <c r="TXT123" s="26"/>
      <c r="TXU123" s="26"/>
      <c r="TXV123" s="26"/>
      <c r="TXW123" s="26"/>
      <c r="TXX123" s="26"/>
      <c r="TXY123" s="26"/>
      <c r="TXZ123" s="26"/>
      <c r="TYA123" s="26"/>
      <c r="TYB123" s="26"/>
      <c r="TYC123" s="26"/>
      <c r="TYD123" s="26"/>
      <c r="TYE123" s="26"/>
      <c r="TYF123" s="26"/>
      <c r="TYG123" s="26"/>
      <c r="TYH123" s="26"/>
      <c r="TYI123" s="26"/>
      <c r="TYJ123" s="26"/>
      <c r="TYK123" s="26"/>
      <c r="TYL123" s="26"/>
      <c r="TYM123" s="26"/>
      <c r="TYN123" s="26"/>
      <c r="TYO123" s="26"/>
      <c r="TYP123" s="26"/>
      <c r="TYQ123" s="26"/>
      <c r="TYR123" s="26"/>
      <c r="TYS123" s="26"/>
      <c r="TYT123" s="26"/>
      <c r="TYU123" s="26"/>
      <c r="TYV123" s="26"/>
      <c r="TYW123" s="26"/>
      <c r="TYX123" s="26"/>
      <c r="TYY123" s="26"/>
      <c r="TYZ123" s="26"/>
      <c r="TZA123" s="26"/>
      <c r="TZB123" s="26"/>
      <c r="TZC123" s="26"/>
      <c r="TZD123" s="26"/>
      <c r="TZE123" s="26"/>
      <c r="TZF123" s="26"/>
      <c r="TZG123" s="26"/>
      <c r="TZH123" s="26"/>
      <c r="TZI123" s="26"/>
      <c r="TZJ123" s="26"/>
      <c r="TZK123" s="26"/>
      <c r="TZL123" s="26"/>
      <c r="TZM123" s="26"/>
      <c r="TZN123" s="26"/>
      <c r="TZO123" s="26"/>
      <c r="TZP123" s="26"/>
      <c r="TZQ123" s="26"/>
      <c r="TZR123" s="26"/>
      <c r="TZS123" s="26"/>
      <c r="TZT123" s="26"/>
      <c r="TZU123" s="26"/>
      <c r="TZV123" s="26"/>
      <c r="TZW123" s="26"/>
      <c r="TZX123" s="26"/>
      <c r="TZY123" s="26"/>
      <c r="TZZ123" s="26"/>
      <c r="UAA123" s="26"/>
      <c r="UAB123" s="26"/>
      <c r="UAC123" s="26"/>
      <c r="UAD123" s="26"/>
      <c r="UAE123" s="26"/>
      <c r="UAF123" s="26"/>
      <c r="UAG123" s="26"/>
      <c r="UAH123" s="26"/>
      <c r="UAI123" s="26"/>
      <c r="UAJ123" s="26"/>
      <c r="UAK123" s="26"/>
      <c r="UAL123" s="26"/>
      <c r="UAM123" s="26"/>
      <c r="UAN123" s="26"/>
      <c r="UAO123" s="26"/>
      <c r="UAP123" s="26"/>
      <c r="UAQ123" s="26"/>
      <c r="UAR123" s="26"/>
      <c r="UAS123" s="26"/>
      <c r="UAT123" s="26"/>
      <c r="UAU123" s="26"/>
      <c r="UAV123" s="26"/>
      <c r="UAW123" s="26"/>
      <c r="UAX123" s="26"/>
      <c r="UAY123" s="26"/>
      <c r="UAZ123" s="26"/>
      <c r="UBA123" s="26"/>
      <c r="UBB123" s="26"/>
      <c r="UBC123" s="26"/>
      <c r="UBD123" s="26"/>
      <c r="UBE123" s="26"/>
      <c r="UBF123" s="26"/>
      <c r="UBG123" s="26"/>
      <c r="UBH123" s="26"/>
      <c r="UBI123" s="26"/>
      <c r="UBJ123" s="26"/>
      <c r="UBK123" s="26"/>
      <c r="UBL123" s="26"/>
      <c r="UBM123" s="26"/>
      <c r="UBN123" s="26"/>
      <c r="UBO123" s="26"/>
      <c r="UBP123" s="26"/>
      <c r="UBQ123" s="26"/>
      <c r="UBR123" s="26"/>
      <c r="UBS123" s="26"/>
      <c r="UBT123" s="26"/>
      <c r="UBU123" s="26"/>
      <c r="UBV123" s="26"/>
      <c r="UBW123" s="26"/>
      <c r="UBX123" s="26"/>
      <c r="UBY123" s="26"/>
      <c r="UBZ123" s="26"/>
      <c r="UCA123" s="26"/>
      <c r="UCB123" s="26"/>
      <c r="UCC123" s="26"/>
      <c r="UCD123" s="26"/>
      <c r="UCE123" s="26"/>
      <c r="UCF123" s="26"/>
      <c r="UCG123" s="26"/>
      <c r="UCH123" s="26"/>
      <c r="UCI123" s="26"/>
      <c r="UCJ123" s="26"/>
      <c r="UCK123" s="26"/>
      <c r="UCL123" s="26"/>
      <c r="UCM123" s="26"/>
      <c r="UCN123" s="26"/>
      <c r="UCO123" s="26"/>
      <c r="UCP123" s="26"/>
      <c r="UCQ123" s="26"/>
      <c r="UCR123" s="26"/>
      <c r="UCS123" s="26"/>
      <c r="UCT123" s="26"/>
      <c r="UCU123" s="26"/>
      <c r="UCV123" s="26"/>
      <c r="UCW123" s="26"/>
      <c r="UCX123" s="26"/>
      <c r="UCY123" s="26"/>
      <c r="UCZ123" s="26"/>
      <c r="UDA123" s="26"/>
      <c r="UDB123" s="26"/>
      <c r="UDC123" s="26"/>
      <c r="UDD123" s="26"/>
      <c r="UDE123" s="26"/>
      <c r="UDF123" s="26"/>
      <c r="UDG123" s="26"/>
      <c r="UDH123" s="26"/>
      <c r="UDI123" s="26"/>
      <c r="UDJ123" s="26"/>
      <c r="UDK123" s="26"/>
      <c r="UDL123" s="26"/>
      <c r="UDM123" s="26"/>
      <c r="UDN123" s="26"/>
      <c r="UDO123" s="26"/>
      <c r="UDP123" s="26"/>
      <c r="UDQ123" s="26"/>
      <c r="UDR123" s="26"/>
      <c r="UDS123" s="26"/>
      <c r="UDT123" s="26"/>
      <c r="UDU123" s="26"/>
      <c r="UDV123" s="26"/>
      <c r="UDW123" s="26"/>
      <c r="UDX123" s="26"/>
      <c r="UDY123" s="26"/>
      <c r="UDZ123" s="26"/>
      <c r="UEA123" s="26"/>
      <c r="UEB123" s="26"/>
      <c r="UEC123" s="26"/>
      <c r="UED123" s="26"/>
      <c r="UEE123" s="26"/>
      <c r="UEF123" s="26"/>
      <c r="UEG123" s="26"/>
      <c r="UEH123" s="26"/>
      <c r="UEI123" s="26"/>
      <c r="UEJ123" s="26"/>
      <c r="UEK123" s="26"/>
      <c r="UEL123" s="26"/>
      <c r="UEM123" s="26"/>
      <c r="UEN123" s="26"/>
      <c r="UEO123" s="26"/>
      <c r="UEP123" s="26"/>
      <c r="UEQ123" s="26"/>
      <c r="UER123" s="26"/>
      <c r="UES123" s="26"/>
      <c r="UET123" s="26"/>
      <c r="UEU123" s="26"/>
      <c r="UEV123" s="26"/>
      <c r="UEW123" s="26"/>
      <c r="UEX123" s="26"/>
      <c r="UEY123" s="26"/>
      <c r="UEZ123" s="26"/>
      <c r="UFA123" s="26"/>
      <c r="UFB123" s="26"/>
      <c r="UFC123" s="26"/>
      <c r="UFD123" s="26"/>
      <c r="UFE123" s="26"/>
      <c r="UFF123" s="26"/>
      <c r="UFG123" s="26"/>
      <c r="UFH123" s="26"/>
      <c r="UFI123" s="26"/>
      <c r="UFJ123" s="26"/>
      <c r="UFK123" s="26"/>
      <c r="UFL123" s="26"/>
      <c r="UFM123" s="26"/>
      <c r="UFN123" s="26"/>
      <c r="UFO123" s="26"/>
      <c r="UFP123" s="26"/>
      <c r="UFQ123" s="26"/>
      <c r="UFR123" s="26"/>
      <c r="UFS123" s="26"/>
      <c r="UFT123" s="26"/>
      <c r="UFU123" s="26"/>
      <c r="UFV123" s="26"/>
      <c r="UFW123" s="26"/>
      <c r="UFX123" s="26"/>
      <c r="UFY123" s="26"/>
      <c r="UFZ123" s="26"/>
      <c r="UGA123" s="26"/>
      <c r="UGB123" s="26"/>
      <c r="UGC123" s="26"/>
      <c r="UGD123" s="26"/>
      <c r="UGE123" s="26"/>
      <c r="UGF123" s="26"/>
      <c r="UGG123" s="26"/>
      <c r="UGH123" s="26"/>
      <c r="UGI123" s="26"/>
      <c r="UGJ123" s="26"/>
      <c r="UGK123" s="26"/>
      <c r="UGL123" s="26"/>
      <c r="UGM123" s="26"/>
      <c r="UGN123" s="26"/>
      <c r="UGO123" s="26"/>
      <c r="UGP123" s="26"/>
      <c r="UGQ123" s="26"/>
      <c r="UGR123" s="26"/>
      <c r="UGS123" s="26"/>
      <c r="UGT123" s="26"/>
      <c r="UGU123" s="26"/>
      <c r="UGV123" s="26"/>
      <c r="UGW123" s="26"/>
      <c r="UGX123" s="26"/>
      <c r="UGY123" s="26"/>
      <c r="UGZ123" s="26"/>
      <c r="UHA123" s="26"/>
      <c r="UHB123" s="26"/>
      <c r="UHC123" s="26"/>
      <c r="UHD123" s="26"/>
      <c r="UHE123" s="26"/>
      <c r="UHF123" s="26"/>
      <c r="UHG123" s="26"/>
      <c r="UHH123" s="26"/>
      <c r="UHI123" s="26"/>
      <c r="UHJ123" s="26"/>
      <c r="UHK123" s="26"/>
      <c r="UHL123" s="26"/>
      <c r="UHM123" s="26"/>
      <c r="UHN123" s="26"/>
      <c r="UHO123" s="26"/>
      <c r="UHP123" s="26"/>
      <c r="UHQ123" s="26"/>
      <c r="UHR123" s="26"/>
      <c r="UHS123" s="26"/>
      <c r="UHT123" s="26"/>
      <c r="UHU123" s="26"/>
      <c r="UHV123" s="26"/>
      <c r="UHW123" s="26"/>
      <c r="UHX123" s="26"/>
      <c r="UHY123" s="26"/>
      <c r="UHZ123" s="26"/>
      <c r="UIA123" s="26"/>
      <c r="UIB123" s="26"/>
      <c r="UIC123" s="26"/>
      <c r="UID123" s="26"/>
      <c r="UIE123" s="26"/>
      <c r="UIF123" s="26"/>
      <c r="UIG123" s="26"/>
      <c r="UIH123" s="26"/>
      <c r="UII123" s="26"/>
      <c r="UIJ123" s="26"/>
      <c r="UIK123" s="26"/>
      <c r="UIL123" s="26"/>
      <c r="UIM123" s="26"/>
      <c r="UIN123" s="26"/>
      <c r="UIO123" s="26"/>
      <c r="UIP123" s="26"/>
      <c r="UIQ123" s="26"/>
      <c r="UIR123" s="26"/>
      <c r="UIS123" s="26"/>
      <c r="UIT123" s="26"/>
      <c r="UIU123" s="26"/>
      <c r="UIV123" s="26"/>
      <c r="UIW123" s="26"/>
      <c r="UIX123" s="26"/>
      <c r="UIY123" s="26"/>
      <c r="UIZ123" s="26"/>
      <c r="UJA123" s="26"/>
      <c r="UJB123" s="26"/>
      <c r="UJC123" s="26"/>
      <c r="UJD123" s="26"/>
      <c r="UJE123" s="26"/>
      <c r="UJF123" s="26"/>
      <c r="UJG123" s="26"/>
      <c r="UJH123" s="26"/>
      <c r="UJI123" s="26"/>
      <c r="UJJ123" s="26"/>
      <c r="UJK123" s="26"/>
      <c r="UJL123" s="26"/>
      <c r="UJM123" s="26"/>
      <c r="UJN123" s="26"/>
      <c r="UJO123" s="26"/>
      <c r="UJP123" s="26"/>
      <c r="UJQ123" s="26"/>
      <c r="UJR123" s="26"/>
      <c r="UJS123" s="26"/>
      <c r="UJT123" s="26"/>
      <c r="UJU123" s="26"/>
      <c r="UJV123" s="26"/>
      <c r="UJW123" s="26"/>
      <c r="UJX123" s="26"/>
      <c r="UJY123" s="26"/>
      <c r="UJZ123" s="26"/>
      <c r="UKA123" s="26"/>
      <c r="UKB123" s="26"/>
      <c r="UKC123" s="26"/>
      <c r="UKD123" s="26"/>
      <c r="UKE123" s="26"/>
      <c r="UKF123" s="26"/>
      <c r="UKG123" s="26"/>
      <c r="UKH123" s="26"/>
      <c r="UKI123" s="26"/>
      <c r="UKJ123" s="26"/>
      <c r="UKK123" s="26"/>
      <c r="UKL123" s="26"/>
      <c r="UKM123" s="26"/>
      <c r="UKN123" s="26"/>
      <c r="UKO123" s="26"/>
      <c r="UKP123" s="26"/>
      <c r="UKQ123" s="26"/>
      <c r="UKR123" s="26"/>
      <c r="UKS123" s="26"/>
      <c r="UKT123" s="26"/>
      <c r="UKU123" s="26"/>
      <c r="UKV123" s="26"/>
      <c r="UKW123" s="26"/>
      <c r="UKX123" s="26"/>
      <c r="UKY123" s="26"/>
      <c r="UKZ123" s="26"/>
      <c r="ULA123" s="26"/>
      <c r="ULB123" s="26"/>
      <c r="ULC123" s="26"/>
      <c r="ULD123" s="26"/>
      <c r="ULE123" s="26"/>
      <c r="ULF123" s="26"/>
      <c r="ULG123" s="26"/>
      <c r="ULH123" s="26"/>
      <c r="ULI123" s="26"/>
      <c r="ULJ123" s="26"/>
      <c r="ULK123" s="26"/>
      <c r="ULL123" s="26"/>
      <c r="ULM123" s="26"/>
      <c r="ULN123" s="26"/>
      <c r="ULO123" s="26"/>
      <c r="ULP123" s="26"/>
      <c r="ULQ123" s="26"/>
      <c r="ULR123" s="26"/>
      <c r="ULS123" s="26"/>
      <c r="ULT123" s="26"/>
      <c r="ULU123" s="26"/>
      <c r="ULV123" s="26"/>
      <c r="ULW123" s="26"/>
      <c r="ULX123" s="26"/>
      <c r="ULY123" s="26"/>
      <c r="ULZ123" s="26"/>
      <c r="UMA123" s="26"/>
      <c r="UMB123" s="26"/>
      <c r="UMC123" s="26"/>
      <c r="UMD123" s="26"/>
      <c r="UME123" s="26"/>
      <c r="UMF123" s="26"/>
      <c r="UMG123" s="26"/>
      <c r="UMH123" s="26"/>
      <c r="UMI123" s="26"/>
      <c r="UMJ123" s="26"/>
      <c r="UMK123" s="26"/>
      <c r="UML123" s="26"/>
      <c r="UMM123" s="26"/>
      <c r="UMN123" s="26"/>
      <c r="UMO123" s="26"/>
      <c r="UMP123" s="26"/>
      <c r="UMQ123" s="26"/>
      <c r="UMR123" s="26"/>
      <c r="UMS123" s="26"/>
      <c r="UMT123" s="26"/>
      <c r="UMU123" s="26"/>
      <c r="UMV123" s="26"/>
      <c r="UMW123" s="26"/>
      <c r="UMX123" s="26"/>
      <c r="UMY123" s="26"/>
      <c r="UMZ123" s="26"/>
      <c r="UNA123" s="26"/>
      <c r="UNB123" s="26"/>
      <c r="UNC123" s="26"/>
      <c r="UND123" s="26"/>
      <c r="UNE123" s="26"/>
      <c r="UNF123" s="26"/>
      <c r="UNG123" s="26"/>
      <c r="UNH123" s="26"/>
      <c r="UNI123" s="26"/>
      <c r="UNJ123" s="26"/>
      <c r="UNK123" s="26"/>
      <c r="UNL123" s="26"/>
      <c r="UNM123" s="26"/>
      <c r="UNN123" s="26"/>
      <c r="UNO123" s="26"/>
      <c r="UNP123" s="26"/>
      <c r="UNQ123" s="26"/>
      <c r="UNR123" s="26"/>
      <c r="UNS123" s="26"/>
      <c r="UNT123" s="26"/>
      <c r="UNU123" s="26"/>
      <c r="UNV123" s="26"/>
      <c r="UNW123" s="26"/>
      <c r="UNX123" s="26"/>
      <c r="UNY123" s="26"/>
      <c r="UNZ123" s="26"/>
      <c r="UOA123" s="26"/>
      <c r="UOB123" s="26"/>
      <c r="UOC123" s="26"/>
      <c r="UOD123" s="26"/>
      <c r="UOE123" s="26"/>
      <c r="UOF123" s="26"/>
      <c r="UOG123" s="26"/>
      <c r="UOH123" s="26"/>
      <c r="UOI123" s="26"/>
      <c r="UOJ123" s="26"/>
      <c r="UOK123" s="26"/>
      <c r="UOL123" s="26"/>
      <c r="UOM123" s="26"/>
      <c r="UON123" s="26"/>
      <c r="UOO123" s="26"/>
      <c r="UOP123" s="26"/>
      <c r="UOQ123" s="26"/>
      <c r="UOR123" s="26"/>
      <c r="UOS123" s="26"/>
      <c r="UOT123" s="26"/>
      <c r="UOU123" s="26"/>
      <c r="UOV123" s="26"/>
      <c r="UOW123" s="26"/>
      <c r="UOX123" s="26"/>
      <c r="UOY123" s="26"/>
      <c r="UOZ123" s="26"/>
      <c r="UPA123" s="26"/>
      <c r="UPB123" s="26"/>
      <c r="UPC123" s="26"/>
      <c r="UPD123" s="26"/>
      <c r="UPE123" s="26"/>
      <c r="UPF123" s="26"/>
      <c r="UPG123" s="26"/>
      <c r="UPH123" s="26"/>
      <c r="UPI123" s="26"/>
      <c r="UPJ123" s="26"/>
      <c r="UPK123" s="26"/>
      <c r="UPL123" s="26"/>
      <c r="UPM123" s="26"/>
      <c r="UPN123" s="26"/>
      <c r="UPO123" s="26"/>
      <c r="UPP123" s="26"/>
      <c r="UPQ123" s="26"/>
      <c r="UPR123" s="26"/>
      <c r="UPS123" s="26"/>
      <c r="UPT123" s="26"/>
      <c r="UPU123" s="26"/>
      <c r="UPV123" s="26"/>
      <c r="UPW123" s="26"/>
      <c r="UPX123" s="26"/>
      <c r="UPY123" s="26"/>
      <c r="UPZ123" s="26"/>
      <c r="UQA123" s="26"/>
      <c r="UQB123" s="26"/>
      <c r="UQC123" s="26"/>
      <c r="UQD123" s="26"/>
      <c r="UQE123" s="26"/>
      <c r="UQF123" s="26"/>
      <c r="UQG123" s="26"/>
      <c r="UQH123" s="26"/>
      <c r="UQI123" s="26"/>
      <c r="UQJ123" s="26"/>
      <c r="UQK123" s="26"/>
      <c r="UQL123" s="26"/>
      <c r="UQM123" s="26"/>
      <c r="UQN123" s="26"/>
      <c r="UQO123" s="26"/>
      <c r="UQP123" s="26"/>
      <c r="UQQ123" s="26"/>
      <c r="UQR123" s="26"/>
      <c r="UQS123" s="26"/>
      <c r="UQT123" s="26"/>
      <c r="UQU123" s="26"/>
      <c r="UQV123" s="26"/>
      <c r="UQW123" s="26"/>
      <c r="UQX123" s="26"/>
      <c r="UQY123" s="26"/>
      <c r="UQZ123" s="26"/>
      <c r="URA123" s="26"/>
      <c r="URB123" s="26"/>
      <c r="URC123" s="26"/>
      <c r="URD123" s="26"/>
      <c r="URE123" s="26"/>
      <c r="URF123" s="26"/>
      <c r="URG123" s="26"/>
      <c r="URH123" s="26"/>
      <c r="URI123" s="26"/>
      <c r="URJ123" s="26"/>
      <c r="URK123" s="26"/>
      <c r="URL123" s="26"/>
      <c r="URM123" s="26"/>
      <c r="URN123" s="26"/>
      <c r="URO123" s="26"/>
      <c r="URP123" s="26"/>
      <c r="URQ123" s="26"/>
      <c r="URR123" s="26"/>
      <c r="URS123" s="26"/>
      <c r="URT123" s="26"/>
      <c r="URU123" s="26"/>
      <c r="URV123" s="26"/>
      <c r="URW123" s="26"/>
      <c r="URX123" s="26"/>
      <c r="URY123" s="26"/>
      <c r="URZ123" s="26"/>
      <c r="USA123" s="26"/>
      <c r="USB123" s="26"/>
      <c r="USC123" s="26"/>
      <c r="USD123" s="26"/>
      <c r="USE123" s="26"/>
      <c r="USF123" s="26"/>
      <c r="USG123" s="26"/>
      <c r="USH123" s="26"/>
      <c r="USI123" s="26"/>
      <c r="USJ123" s="26"/>
      <c r="USK123" s="26"/>
      <c r="USL123" s="26"/>
      <c r="USM123" s="26"/>
      <c r="USN123" s="26"/>
      <c r="USO123" s="26"/>
      <c r="USP123" s="26"/>
      <c r="USQ123" s="26"/>
      <c r="USR123" s="26"/>
      <c r="USS123" s="26"/>
      <c r="UST123" s="26"/>
      <c r="USU123" s="26"/>
      <c r="USV123" s="26"/>
      <c r="USW123" s="26"/>
      <c r="USX123" s="26"/>
      <c r="USY123" s="26"/>
      <c r="USZ123" s="26"/>
      <c r="UTA123" s="26"/>
      <c r="UTB123" s="26"/>
      <c r="UTC123" s="26"/>
      <c r="UTD123" s="26"/>
      <c r="UTE123" s="26"/>
      <c r="UTF123" s="26"/>
      <c r="UTG123" s="26"/>
      <c r="UTH123" s="26"/>
      <c r="UTI123" s="26"/>
      <c r="UTJ123" s="26"/>
      <c r="UTK123" s="26"/>
      <c r="UTL123" s="26"/>
      <c r="UTM123" s="26"/>
      <c r="UTN123" s="26"/>
      <c r="UTO123" s="26"/>
      <c r="UTP123" s="26"/>
      <c r="UTQ123" s="26"/>
      <c r="UTR123" s="26"/>
      <c r="UTS123" s="26"/>
      <c r="UTT123" s="26"/>
      <c r="UTU123" s="26"/>
      <c r="UTV123" s="26"/>
      <c r="UTW123" s="26"/>
      <c r="UTX123" s="26"/>
      <c r="UTY123" s="26"/>
      <c r="UTZ123" s="26"/>
      <c r="UUA123" s="26"/>
      <c r="UUB123" s="26"/>
      <c r="UUC123" s="26"/>
      <c r="UUD123" s="26"/>
      <c r="UUE123" s="26"/>
      <c r="UUF123" s="26"/>
      <c r="UUG123" s="26"/>
      <c r="UUH123" s="26"/>
      <c r="UUI123" s="26"/>
      <c r="UUJ123" s="26"/>
      <c r="UUK123" s="26"/>
      <c r="UUL123" s="26"/>
      <c r="UUM123" s="26"/>
      <c r="UUN123" s="26"/>
      <c r="UUO123" s="26"/>
      <c r="UUP123" s="26"/>
      <c r="UUQ123" s="26"/>
      <c r="UUR123" s="26"/>
      <c r="UUS123" s="26"/>
      <c r="UUT123" s="26"/>
      <c r="UUU123" s="26"/>
      <c r="UUV123" s="26"/>
      <c r="UUW123" s="26"/>
      <c r="UUX123" s="26"/>
      <c r="UUY123" s="26"/>
      <c r="UUZ123" s="26"/>
      <c r="UVA123" s="26"/>
      <c r="UVB123" s="26"/>
      <c r="UVC123" s="26"/>
      <c r="UVD123" s="26"/>
      <c r="UVE123" s="26"/>
      <c r="UVF123" s="26"/>
      <c r="UVG123" s="26"/>
      <c r="UVH123" s="26"/>
      <c r="UVI123" s="26"/>
      <c r="UVJ123" s="26"/>
      <c r="UVK123" s="26"/>
      <c r="UVL123" s="26"/>
      <c r="UVM123" s="26"/>
      <c r="UVN123" s="26"/>
      <c r="UVO123" s="26"/>
      <c r="UVP123" s="26"/>
      <c r="UVQ123" s="26"/>
      <c r="UVR123" s="26"/>
      <c r="UVS123" s="26"/>
      <c r="UVT123" s="26"/>
      <c r="UVU123" s="26"/>
      <c r="UVV123" s="26"/>
      <c r="UVW123" s="26"/>
      <c r="UVX123" s="26"/>
      <c r="UVY123" s="26"/>
      <c r="UVZ123" s="26"/>
      <c r="UWA123" s="26"/>
      <c r="UWB123" s="26"/>
      <c r="UWC123" s="26"/>
      <c r="UWD123" s="26"/>
      <c r="UWE123" s="26"/>
      <c r="UWF123" s="26"/>
      <c r="UWG123" s="26"/>
      <c r="UWH123" s="26"/>
      <c r="UWI123" s="26"/>
      <c r="UWJ123" s="26"/>
      <c r="UWK123" s="26"/>
      <c r="UWL123" s="26"/>
      <c r="UWM123" s="26"/>
      <c r="UWN123" s="26"/>
      <c r="UWO123" s="26"/>
      <c r="UWP123" s="26"/>
      <c r="UWQ123" s="26"/>
      <c r="UWR123" s="26"/>
      <c r="UWS123" s="26"/>
      <c r="UWT123" s="26"/>
      <c r="UWU123" s="26"/>
      <c r="UWV123" s="26"/>
      <c r="UWW123" s="26"/>
      <c r="UWX123" s="26"/>
      <c r="UWY123" s="26"/>
      <c r="UWZ123" s="26"/>
      <c r="UXA123" s="26"/>
      <c r="UXB123" s="26"/>
      <c r="UXC123" s="26"/>
      <c r="UXD123" s="26"/>
      <c r="UXE123" s="26"/>
      <c r="UXF123" s="26"/>
      <c r="UXG123" s="26"/>
      <c r="UXH123" s="26"/>
      <c r="UXI123" s="26"/>
      <c r="UXJ123" s="26"/>
      <c r="UXK123" s="26"/>
      <c r="UXL123" s="26"/>
      <c r="UXM123" s="26"/>
      <c r="UXN123" s="26"/>
      <c r="UXO123" s="26"/>
      <c r="UXP123" s="26"/>
      <c r="UXQ123" s="26"/>
      <c r="UXR123" s="26"/>
      <c r="UXS123" s="26"/>
      <c r="UXT123" s="26"/>
      <c r="UXU123" s="26"/>
      <c r="UXV123" s="26"/>
      <c r="UXW123" s="26"/>
      <c r="UXX123" s="26"/>
      <c r="UXY123" s="26"/>
      <c r="UXZ123" s="26"/>
      <c r="UYA123" s="26"/>
      <c r="UYB123" s="26"/>
      <c r="UYC123" s="26"/>
      <c r="UYD123" s="26"/>
      <c r="UYE123" s="26"/>
      <c r="UYF123" s="26"/>
      <c r="UYG123" s="26"/>
      <c r="UYH123" s="26"/>
      <c r="UYI123" s="26"/>
      <c r="UYJ123" s="26"/>
      <c r="UYK123" s="26"/>
      <c r="UYL123" s="26"/>
      <c r="UYM123" s="26"/>
      <c r="UYN123" s="26"/>
      <c r="UYO123" s="26"/>
      <c r="UYP123" s="26"/>
      <c r="UYQ123" s="26"/>
      <c r="UYR123" s="26"/>
      <c r="UYS123" s="26"/>
      <c r="UYT123" s="26"/>
      <c r="UYU123" s="26"/>
      <c r="UYV123" s="26"/>
      <c r="UYW123" s="26"/>
      <c r="UYX123" s="26"/>
      <c r="UYY123" s="26"/>
      <c r="UYZ123" s="26"/>
      <c r="UZA123" s="26"/>
      <c r="UZB123" s="26"/>
      <c r="UZC123" s="26"/>
      <c r="UZD123" s="26"/>
      <c r="UZE123" s="26"/>
      <c r="UZF123" s="26"/>
      <c r="UZG123" s="26"/>
      <c r="UZH123" s="26"/>
      <c r="UZI123" s="26"/>
      <c r="UZJ123" s="26"/>
      <c r="UZK123" s="26"/>
      <c r="UZL123" s="26"/>
      <c r="UZM123" s="26"/>
      <c r="UZN123" s="26"/>
      <c r="UZO123" s="26"/>
      <c r="UZP123" s="26"/>
      <c r="UZQ123" s="26"/>
      <c r="UZR123" s="26"/>
      <c r="UZS123" s="26"/>
      <c r="UZT123" s="26"/>
      <c r="UZU123" s="26"/>
      <c r="UZV123" s="26"/>
      <c r="UZW123" s="26"/>
      <c r="UZX123" s="26"/>
      <c r="UZY123" s="26"/>
      <c r="UZZ123" s="26"/>
      <c r="VAA123" s="26"/>
      <c r="VAB123" s="26"/>
      <c r="VAC123" s="26"/>
      <c r="VAD123" s="26"/>
      <c r="VAE123" s="26"/>
      <c r="VAF123" s="26"/>
      <c r="VAG123" s="26"/>
      <c r="VAH123" s="26"/>
      <c r="VAI123" s="26"/>
      <c r="VAJ123" s="26"/>
      <c r="VAK123" s="26"/>
      <c r="VAL123" s="26"/>
      <c r="VAM123" s="26"/>
      <c r="VAN123" s="26"/>
      <c r="VAO123" s="26"/>
      <c r="VAP123" s="26"/>
      <c r="VAQ123" s="26"/>
      <c r="VAR123" s="26"/>
      <c r="VAS123" s="26"/>
      <c r="VAT123" s="26"/>
      <c r="VAU123" s="26"/>
      <c r="VAV123" s="26"/>
      <c r="VAW123" s="26"/>
      <c r="VAX123" s="26"/>
      <c r="VAY123" s="26"/>
      <c r="VAZ123" s="26"/>
      <c r="VBA123" s="26"/>
      <c r="VBB123" s="26"/>
      <c r="VBC123" s="26"/>
      <c r="VBD123" s="26"/>
      <c r="VBE123" s="26"/>
      <c r="VBF123" s="26"/>
      <c r="VBG123" s="26"/>
      <c r="VBH123" s="26"/>
      <c r="VBI123" s="26"/>
      <c r="VBJ123" s="26"/>
      <c r="VBK123" s="26"/>
      <c r="VBL123" s="26"/>
      <c r="VBM123" s="26"/>
      <c r="VBN123" s="26"/>
      <c r="VBO123" s="26"/>
      <c r="VBP123" s="26"/>
      <c r="VBQ123" s="26"/>
      <c r="VBR123" s="26"/>
      <c r="VBS123" s="26"/>
      <c r="VBT123" s="26"/>
      <c r="VBU123" s="26"/>
      <c r="VBV123" s="26"/>
      <c r="VBW123" s="26"/>
      <c r="VBX123" s="26"/>
      <c r="VBY123" s="26"/>
      <c r="VBZ123" s="26"/>
      <c r="VCA123" s="26"/>
      <c r="VCB123" s="26"/>
      <c r="VCC123" s="26"/>
      <c r="VCD123" s="26"/>
      <c r="VCE123" s="26"/>
      <c r="VCF123" s="26"/>
      <c r="VCG123" s="26"/>
      <c r="VCH123" s="26"/>
      <c r="VCI123" s="26"/>
      <c r="VCJ123" s="26"/>
      <c r="VCK123" s="26"/>
      <c r="VCL123" s="26"/>
      <c r="VCM123" s="26"/>
      <c r="VCN123" s="26"/>
      <c r="VCO123" s="26"/>
      <c r="VCP123" s="26"/>
      <c r="VCQ123" s="26"/>
      <c r="VCR123" s="26"/>
      <c r="VCS123" s="26"/>
      <c r="VCT123" s="26"/>
      <c r="VCU123" s="26"/>
      <c r="VCV123" s="26"/>
      <c r="VCW123" s="26"/>
      <c r="VCX123" s="26"/>
      <c r="VCY123" s="26"/>
      <c r="VCZ123" s="26"/>
      <c r="VDA123" s="26"/>
      <c r="VDB123" s="26"/>
      <c r="VDC123" s="26"/>
      <c r="VDD123" s="26"/>
      <c r="VDE123" s="26"/>
      <c r="VDF123" s="26"/>
      <c r="VDG123" s="26"/>
      <c r="VDH123" s="26"/>
      <c r="VDI123" s="26"/>
      <c r="VDJ123" s="26"/>
      <c r="VDK123" s="26"/>
      <c r="VDL123" s="26"/>
      <c r="VDM123" s="26"/>
      <c r="VDN123" s="26"/>
      <c r="VDO123" s="26"/>
      <c r="VDP123" s="26"/>
      <c r="VDQ123" s="26"/>
      <c r="VDR123" s="26"/>
      <c r="VDS123" s="26"/>
      <c r="VDT123" s="26"/>
      <c r="VDU123" s="26"/>
      <c r="VDV123" s="26"/>
      <c r="VDW123" s="26"/>
      <c r="VDX123" s="26"/>
      <c r="VDY123" s="26"/>
      <c r="VDZ123" s="26"/>
      <c r="VEA123" s="26"/>
      <c r="VEB123" s="26"/>
      <c r="VEC123" s="26"/>
      <c r="VED123" s="26"/>
      <c r="VEE123" s="26"/>
      <c r="VEF123" s="26"/>
      <c r="VEG123" s="26"/>
      <c r="VEH123" s="26"/>
      <c r="VEI123" s="26"/>
      <c r="VEJ123" s="26"/>
      <c r="VEK123" s="26"/>
      <c r="VEL123" s="26"/>
      <c r="VEM123" s="26"/>
      <c r="VEN123" s="26"/>
      <c r="VEO123" s="26"/>
      <c r="VEP123" s="26"/>
      <c r="VEQ123" s="26"/>
      <c r="VER123" s="26"/>
      <c r="VES123" s="26"/>
      <c r="VET123" s="26"/>
      <c r="VEU123" s="26"/>
      <c r="VEV123" s="26"/>
      <c r="VEW123" s="26"/>
      <c r="VEX123" s="26"/>
      <c r="VEY123" s="26"/>
      <c r="VEZ123" s="26"/>
      <c r="VFA123" s="26"/>
      <c r="VFB123" s="26"/>
      <c r="VFC123" s="26"/>
      <c r="VFD123" s="26"/>
      <c r="VFE123" s="26"/>
      <c r="VFF123" s="26"/>
      <c r="VFG123" s="26"/>
      <c r="VFH123" s="26"/>
      <c r="VFI123" s="26"/>
      <c r="VFJ123" s="26"/>
      <c r="VFK123" s="26"/>
      <c r="VFL123" s="26"/>
      <c r="VFM123" s="26"/>
      <c r="VFN123" s="26"/>
      <c r="VFO123" s="26"/>
      <c r="VFP123" s="26"/>
      <c r="VFQ123" s="26"/>
      <c r="VFR123" s="26"/>
      <c r="VFS123" s="26"/>
      <c r="VFT123" s="26"/>
      <c r="VFU123" s="26"/>
      <c r="VFV123" s="26"/>
      <c r="VFW123" s="26"/>
      <c r="VFX123" s="26"/>
      <c r="VFY123" s="26"/>
      <c r="VFZ123" s="26"/>
      <c r="VGA123" s="26"/>
      <c r="VGB123" s="26"/>
      <c r="VGC123" s="26"/>
      <c r="VGD123" s="26"/>
      <c r="VGE123" s="26"/>
      <c r="VGF123" s="26"/>
      <c r="VGG123" s="26"/>
      <c r="VGH123" s="26"/>
      <c r="VGI123" s="26"/>
      <c r="VGJ123" s="26"/>
      <c r="VGK123" s="26"/>
      <c r="VGL123" s="26"/>
      <c r="VGM123" s="26"/>
      <c r="VGN123" s="26"/>
      <c r="VGO123" s="26"/>
      <c r="VGP123" s="26"/>
      <c r="VGQ123" s="26"/>
      <c r="VGR123" s="26"/>
      <c r="VGS123" s="26"/>
      <c r="VGT123" s="26"/>
      <c r="VGU123" s="26"/>
      <c r="VGV123" s="26"/>
      <c r="VGW123" s="26"/>
      <c r="VGX123" s="26"/>
      <c r="VGY123" s="26"/>
      <c r="VGZ123" s="26"/>
      <c r="VHA123" s="26"/>
      <c r="VHB123" s="26"/>
      <c r="VHC123" s="26"/>
      <c r="VHD123" s="26"/>
      <c r="VHE123" s="26"/>
      <c r="VHF123" s="26"/>
      <c r="VHG123" s="26"/>
      <c r="VHH123" s="26"/>
      <c r="VHI123" s="26"/>
      <c r="VHJ123" s="26"/>
      <c r="VHK123" s="26"/>
      <c r="VHL123" s="26"/>
      <c r="VHM123" s="26"/>
      <c r="VHN123" s="26"/>
      <c r="VHO123" s="26"/>
      <c r="VHP123" s="26"/>
      <c r="VHQ123" s="26"/>
      <c r="VHR123" s="26"/>
      <c r="VHS123" s="26"/>
      <c r="VHT123" s="26"/>
      <c r="VHU123" s="26"/>
      <c r="VHV123" s="26"/>
      <c r="VHW123" s="26"/>
      <c r="VHX123" s="26"/>
      <c r="VHY123" s="26"/>
      <c r="VHZ123" s="26"/>
      <c r="VIA123" s="26"/>
      <c r="VIB123" s="26"/>
      <c r="VIC123" s="26"/>
      <c r="VID123" s="26"/>
      <c r="VIE123" s="26"/>
      <c r="VIF123" s="26"/>
      <c r="VIG123" s="26"/>
      <c r="VIH123" s="26"/>
      <c r="VII123" s="26"/>
      <c r="VIJ123" s="26"/>
      <c r="VIK123" s="26"/>
      <c r="VIL123" s="26"/>
      <c r="VIM123" s="26"/>
      <c r="VIN123" s="26"/>
      <c r="VIO123" s="26"/>
      <c r="VIP123" s="26"/>
      <c r="VIQ123" s="26"/>
      <c r="VIR123" s="26"/>
      <c r="VIS123" s="26"/>
      <c r="VIT123" s="26"/>
      <c r="VIU123" s="26"/>
      <c r="VIV123" s="26"/>
      <c r="VIW123" s="26"/>
      <c r="VIX123" s="26"/>
      <c r="VIY123" s="26"/>
      <c r="VIZ123" s="26"/>
      <c r="VJA123" s="26"/>
      <c r="VJB123" s="26"/>
      <c r="VJC123" s="26"/>
      <c r="VJD123" s="26"/>
      <c r="VJE123" s="26"/>
      <c r="VJF123" s="26"/>
      <c r="VJG123" s="26"/>
      <c r="VJH123" s="26"/>
      <c r="VJI123" s="26"/>
      <c r="VJJ123" s="26"/>
      <c r="VJK123" s="26"/>
      <c r="VJL123" s="26"/>
      <c r="VJM123" s="26"/>
      <c r="VJN123" s="26"/>
      <c r="VJO123" s="26"/>
      <c r="VJP123" s="26"/>
      <c r="VJQ123" s="26"/>
      <c r="VJR123" s="26"/>
      <c r="VJS123" s="26"/>
      <c r="VJT123" s="26"/>
      <c r="VJU123" s="26"/>
      <c r="VJV123" s="26"/>
      <c r="VJW123" s="26"/>
      <c r="VJX123" s="26"/>
      <c r="VJY123" s="26"/>
      <c r="VJZ123" s="26"/>
      <c r="VKA123" s="26"/>
      <c r="VKB123" s="26"/>
      <c r="VKC123" s="26"/>
      <c r="VKD123" s="26"/>
      <c r="VKE123" s="26"/>
      <c r="VKF123" s="26"/>
      <c r="VKG123" s="26"/>
      <c r="VKH123" s="26"/>
      <c r="VKI123" s="26"/>
      <c r="VKJ123" s="26"/>
      <c r="VKK123" s="26"/>
      <c r="VKL123" s="26"/>
      <c r="VKM123" s="26"/>
      <c r="VKN123" s="26"/>
      <c r="VKO123" s="26"/>
      <c r="VKP123" s="26"/>
      <c r="VKQ123" s="26"/>
      <c r="VKR123" s="26"/>
      <c r="VKS123" s="26"/>
      <c r="VKT123" s="26"/>
      <c r="VKU123" s="26"/>
      <c r="VKV123" s="26"/>
      <c r="VKW123" s="26"/>
      <c r="VKX123" s="26"/>
      <c r="VKY123" s="26"/>
      <c r="VKZ123" s="26"/>
      <c r="VLA123" s="26"/>
      <c r="VLB123" s="26"/>
      <c r="VLC123" s="26"/>
      <c r="VLD123" s="26"/>
      <c r="VLE123" s="26"/>
      <c r="VLF123" s="26"/>
      <c r="VLG123" s="26"/>
      <c r="VLH123" s="26"/>
      <c r="VLI123" s="26"/>
      <c r="VLJ123" s="26"/>
      <c r="VLK123" s="26"/>
      <c r="VLL123" s="26"/>
      <c r="VLM123" s="26"/>
      <c r="VLN123" s="26"/>
      <c r="VLO123" s="26"/>
      <c r="VLP123" s="26"/>
      <c r="VLQ123" s="26"/>
      <c r="VLR123" s="26"/>
      <c r="VLS123" s="26"/>
      <c r="VLT123" s="26"/>
      <c r="VLU123" s="26"/>
      <c r="VLV123" s="26"/>
      <c r="VLW123" s="26"/>
      <c r="VLX123" s="26"/>
      <c r="VLY123" s="26"/>
      <c r="VLZ123" s="26"/>
      <c r="VMA123" s="26"/>
      <c r="VMB123" s="26"/>
      <c r="VMC123" s="26"/>
      <c r="VMD123" s="26"/>
      <c r="VME123" s="26"/>
      <c r="VMF123" s="26"/>
      <c r="VMG123" s="26"/>
      <c r="VMH123" s="26"/>
      <c r="VMI123" s="26"/>
      <c r="VMJ123" s="26"/>
      <c r="VMK123" s="26"/>
      <c r="VML123" s="26"/>
      <c r="VMM123" s="26"/>
      <c r="VMN123" s="26"/>
      <c r="VMO123" s="26"/>
      <c r="VMP123" s="26"/>
      <c r="VMQ123" s="26"/>
      <c r="VMR123" s="26"/>
      <c r="VMS123" s="26"/>
      <c r="VMT123" s="26"/>
      <c r="VMU123" s="26"/>
      <c r="VMV123" s="26"/>
      <c r="VMW123" s="26"/>
      <c r="VMX123" s="26"/>
      <c r="VMY123" s="26"/>
      <c r="VMZ123" s="26"/>
      <c r="VNA123" s="26"/>
      <c r="VNB123" s="26"/>
      <c r="VNC123" s="26"/>
      <c r="VND123" s="26"/>
      <c r="VNE123" s="26"/>
      <c r="VNF123" s="26"/>
      <c r="VNG123" s="26"/>
      <c r="VNH123" s="26"/>
      <c r="VNI123" s="26"/>
      <c r="VNJ123" s="26"/>
      <c r="VNK123" s="26"/>
      <c r="VNL123" s="26"/>
      <c r="VNM123" s="26"/>
      <c r="VNN123" s="26"/>
      <c r="VNO123" s="26"/>
      <c r="VNP123" s="26"/>
      <c r="VNQ123" s="26"/>
      <c r="VNR123" s="26"/>
      <c r="VNS123" s="26"/>
      <c r="VNT123" s="26"/>
      <c r="VNU123" s="26"/>
      <c r="VNV123" s="26"/>
      <c r="VNW123" s="26"/>
      <c r="VNX123" s="26"/>
      <c r="VNY123" s="26"/>
      <c r="VNZ123" s="26"/>
      <c r="VOA123" s="26"/>
      <c r="VOB123" s="26"/>
      <c r="VOC123" s="26"/>
      <c r="VOD123" s="26"/>
      <c r="VOE123" s="26"/>
      <c r="VOF123" s="26"/>
      <c r="VOG123" s="26"/>
      <c r="VOH123" s="26"/>
      <c r="VOI123" s="26"/>
      <c r="VOJ123" s="26"/>
      <c r="VOK123" s="26"/>
      <c r="VOL123" s="26"/>
      <c r="VOM123" s="26"/>
      <c r="VON123" s="26"/>
      <c r="VOO123" s="26"/>
      <c r="VOP123" s="26"/>
      <c r="VOQ123" s="26"/>
      <c r="VOR123" s="26"/>
      <c r="VOS123" s="26"/>
      <c r="VOT123" s="26"/>
      <c r="VOU123" s="26"/>
      <c r="VOV123" s="26"/>
      <c r="VOW123" s="26"/>
      <c r="VOX123" s="26"/>
      <c r="VOY123" s="26"/>
      <c r="VOZ123" s="26"/>
      <c r="VPA123" s="26"/>
      <c r="VPB123" s="26"/>
      <c r="VPC123" s="26"/>
      <c r="VPD123" s="26"/>
      <c r="VPE123" s="26"/>
      <c r="VPF123" s="26"/>
      <c r="VPG123" s="26"/>
      <c r="VPH123" s="26"/>
      <c r="VPI123" s="26"/>
      <c r="VPJ123" s="26"/>
      <c r="VPK123" s="26"/>
      <c r="VPL123" s="26"/>
      <c r="VPM123" s="26"/>
      <c r="VPN123" s="26"/>
      <c r="VPO123" s="26"/>
      <c r="VPP123" s="26"/>
      <c r="VPQ123" s="26"/>
      <c r="VPR123" s="26"/>
      <c r="VPS123" s="26"/>
      <c r="VPT123" s="26"/>
      <c r="VPU123" s="26"/>
      <c r="VPV123" s="26"/>
      <c r="VPW123" s="26"/>
      <c r="VPX123" s="26"/>
      <c r="VPY123" s="26"/>
      <c r="VPZ123" s="26"/>
      <c r="VQA123" s="26"/>
      <c r="VQB123" s="26"/>
      <c r="VQC123" s="26"/>
      <c r="VQD123" s="26"/>
      <c r="VQE123" s="26"/>
      <c r="VQF123" s="26"/>
      <c r="VQG123" s="26"/>
      <c r="VQH123" s="26"/>
      <c r="VQI123" s="26"/>
      <c r="VQJ123" s="26"/>
      <c r="VQK123" s="26"/>
      <c r="VQL123" s="26"/>
      <c r="VQM123" s="26"/>
      <c r="VQN123" s="26"/>
      <c r="VQO123" s="26"/>
      <c r="VQP123" s="26"/>
      <c r="VQQ123" s="26"/>
      <c r="VQR123" s="26"/>
      <c r="VQS123" s="26"/>
      <c r="VQT123" s="26"/>
      <c r="VQU123" s="26"/>
      <c r="VQV123" s="26"/>
      <c r="VQW123" s="26"/>
      <c r="VQX123" s="26"/>
      <c r="VQY123" s="26"/>
      <c r="VQZ123" s="26"/>
      <c r="VRA123" s="26"/>
      <c r="VRB123" s="26"/>
      <c r="VRC123" s="26"/>
      <c r="VRD123" s="26"/>
      <c r="VRE123" s="26"/>
      <c r="VRF123" s="26"/>
      <c r="VRG123" s="26"/>
      <c r="VRH123" s="26"/>
      <c r="VRI123" s="26"/>
      <c r="VRJ123" s="26"/>
      <c r="VRK123" s="26"/>
      <c r="VRL123" s="26"/>
      <c r="VRM123" s="26"/>
      <c r="VRN123" s="26"/>
      <c r="VRO123" s="26"/>
      <c r="VRP123" s="26"/>
      <c r="VRQ123" s="26"/>
      <c r="VRR123" s="26"/>
      <c r="VRS123" s="26"/>
      <c r="VRT123" s="26"/>
      <c r="VRU123" s="26"/>
      <c r="VRV123" s="26"/>
      <c r="VRW123" s="26"/>
      <c r="VRX123" s="26"/>
      <c r="VRY123" s="26"/>
      <c r="VRZ123" s="26"/>
      <c r="VSA123" s="26"/>
      <c r="VSB123" s="26"/>
      <c r="VSC123" s="26"/>
      <c r="VSD123" s="26"/>
      <c r="VSE123" s="26"/>
      <c r="VSF123" s="26"/>
      <c r="VSG123" s="26"/>
      <c r="VSH123" s="26"/>
      <c r="VSI123" s="26"/>
      <c r="VSJ123" s="26"/>
      <c r="VSK123" s="26"/>
      <c r="VSL123" s="26"/>
      <c r="VSM123" s="26"/>
      <c r="VSN123" s="26"/>
      <c r="VSO123" s="26"/>
      <c r="VSP123" s="26"/>
      <c r="VSQ123" s="26"/>
      <c r="VSR123" s="26"/>
      <c r="VSS123" s="26"/>
      <c r="VST123" s="26"/>
      <c r="VSU123" s="26"/>
      <c r="VSV123" s="26"/>
      <c r="VSW123" s="26"/>
      <c r="VSX123" s="26"/>
      <c r="VSY123" s="26"/>
      <c r="VSZ123" s="26"/>
      <c r="VTA123" s="26"/>
      <c r="VTB123" s="26"/>
      <c r="VTC123" s="26"/>
      <c r="VTD123" s="26"/>
      <c r="VTE123" s="26"/>
      <c r="VTF123" s="26"/>
      <c r="VTG123" s="26"/>
      <c r="VTH123" s="26"/>
      <c r="VTI123" s="26"/>
      <c r="VTJ123" s="26"/>
      <c r="VTK123" s="26"/>
      <c r="VTL123" s="26"/>
      <c r="VTM123" s="26"/>
      <c r="VTN123" s="26"/>
      <c r="VTO123" s="26"/>
      <c r="VTP123" s="26"/>
      <c r="VTQ123" s="26"/>
      <c r="VTR123" s="26"/>
      <c r="VTS123" s="26"/>
      <c r="VTT123" s="26"/>
      <c r="VTU123" s="26"/>
      <c r="VTV123" s="26"/>
      <c r="VTW123" s="26"/>
      <c r="VTX123" s="26"/>
      <c r="VTY123" s="26"/>
      <c r="VTZ123" s="26"/>
      <c r="VUA123" s="26"/>
      <c r="VUB123" s="26"/>
      <c r="VUC123" s="26"/>
      <c r="VUD123" s="26"/>
      <c r="VUE123" s="26"/>
      <c r="VUF123" s="26"/>
      <c r="VUG123" s="26"/>
      <c r="VUH123" s="26"/>
      <c r="VUI123" s="26"/>
      <c r="VUJ123" s="26"/>
      <c r="VUK123" s="26"/>
      <c r="VUL123" s="26"/>
      <c r="VUM123" s="26"/>
      <c r="VUN123" s="26"/>
      <c r="VUO123" s="26"/>
      <c r="VUP123" s="26"/>
      <c r="VUQ123" s="26"/>
      <c r="VUR123" s="26"/>
      <c r="VUS123" s="26"/>
      <c r="VUT123" s="26"/>
      <c r="VUU123" s="26"/>
      <c r="VUV123" s="26"/>
      <c r="VUW123" s="26"/>
      <c r="VUX123" s="26"/>
      <c r="VUY123" s="26"/>
      <c r="VUZ123" s="26"/>
      <c r="VVA123" s="26"/>
      <c r="VVB123" s="26"/>
      <c r="VVC123" s="26"/>
      <c r="VVD123" s="26"/>
      <c r="VVE123" s="26"/>
      <c r="VVF123" s="26"/>
      <c r="VVG123" s="26"/>
      <c r="VVH123" s="26"/>
      <c r="VVI123" s="26"/>
      <c r="VVJ123" s="26"/>
      <c r="VVK123" s="26"/>
      <c r="VVL123" s="26"/>
      <c r="VVM123" s="26"/>
      <c r="VVN123" s="26"/>
      <c r="VVO123" s="26"/>
      <c r="VVP123" s="26"/>
      <c r="VVQ123" s="26"/>
      <c r="VVR123" s="26"/>
      <c r="VVS123" s="26"/>
      <c r="VVT123" s="26"/>
      <c r="VVU123" s="26"/>
      <c r="VVV123" s="26"/>
      <c r="VVW123" s="26"/>
      <c r="VVX123" s="26"/>
      <c r="VVY123" s="26"/>
      <c r="VVZ123" s="26"/>
      <c r="VWA123" s="26"/>
      <c r="VWB123" s="26"/>
      <c r="VWC123" s="26"/>
      <c r="VWD123" s="26"/>
      <c r="VWE123" s="26"/>
      <c r="VWF123" s="26"/>
      <c r="VWG123" s="26"/>
      <c r="VWH123" s="26"/>
      <c r="VWI123" s="26"/>
      <c r="VWJ123" s="26"/>
      <c r="VWK123" s="26"/>
      <c r="VWL123" s="26"/>
      <c r="VWM123" s="26"/>
      <c r="VWN123" s="26"/>
      <c r="VWO123" s="26"/>
      <c r="VWP123" s="26"/>
      <c r="VWQ123" s="26"/>
      <c r="VWR123" s="26"/>
      <c r="VWS123" s="26"/>
      <c r="VWT123" s="26"/>
      <c r="VWU123" s="26"/>
      <c r="VWV123" s="26"/>
      <c r="VWW123" s="26"/>
      <c r="VWX123" s="26"/>
      <c r="VWY123" s="26"/>
      <c r="VWZ123" s="26"/>
      <c r="VXA123" s="26"/>
      <c r="VXB123" s="26"/>
      <c r="VXC123" s="26"/>
      <c r="VXD123" s="26"/>
      <c r="VXE123" s="26"/>
      <c r="VXF123" s="26"/>
      <c r="VXG123" s="26"/>
      <c r="VXH123" s="26"/>
      <c r="VXI123" s="26"/>
      <c r="VXJ123" s="26"/>
      <c r="VXK123" s="26"/>
      <c r="VXL123" s="26"/>
      <c r="VXM123" s="26"/>
      <c r="VXN123" s="26"/>
      <c r="VXO123" s="26"/>
      <c r="VXP123" s="26"/>
      <c r="VXQ123" s="26"/>
      <c r="VXR123" s="26"/>
      <c r="VXS123" s="26"/>
      <c r="VXT123" s="26"/>
      <c r="VXU123" s="26"/>
      <c r="VXV123" s="26"/>
      <c r="VXW123" s="26"/>
      <c r="VXX123" s="26"/>
      <c r="VXY123" s="26"/>
      <c r="VXZ123" s="26"/>
      <c r="VYA123" s="26"/>
      <c r="VYB123" s="26"/>
      <c r="VYC123" s="26"/>
      <c r="VYD123" s="26"/>
      <c r="VYE123" s="26"/>
      <c r="VYF123" s="26"/>
      <c r="VYG123" s="26"/>
      <c r="VYH123" s="26"/>
      <c r="VYI123" s="26"/>
      <c r="VYJ123" s="26"/>
      <c r="VYK123" s="26"/>
      <c r="VYL123" s="26"/>
      <c r="VYM123" s="26"/>
      <c r="VYN123" s="26"/>
      <c r="VYO123" s="26"/>
      <c r="VYP123" s="26"/>
      <c r="VYQ123" s="26"/>
      <c r="VYR123" s="26"/>
      <c r="VYS123" s="26"/>
      <c r="VYT123" s="26"/>
      <c r="VYU123" s="26"/>
      <c r="VYV123" s="26"/>
      <c r="VYW123" s="26"/>
      <c r="VYX123" s="26"/>
      <c r="VYY123" s="26"/>
      <c r="VYZ123" s="26"/>
      <c r="VZA123" s="26"/>
      <c r="VZB123" s="26"/>
      <c r="VZC123" s="26"/>
      <c r="VZD123" s="26"/>
      <c r="VZE123" s="26"/>
      <c r="VZF123" s="26"/>
      <c r="VZG123" s="26"/>
      <c r="VZH123" s="26"/>
      <c r="VZI123" s="26"/>
      <c r="VZJ123" s="26"/>
      <c r="VZK123" s="26"/>
      <c r="VZL123" s="26"/>
      <c r="VZM123" s="26"/>
      <c r="VZN123" s="26"/>
      <c r="VZO123" s="26"/>
      <c r="VZP123" s="26"/>
      <c r="VZQ123" s="26"/>
      <c r="VZR123" s="26"/>
      <c r="VZS123" s="26"/>
      <c r="VZT123" s="26"/>
      <c r="VZU123" s="26"/>
      <c r="VZV123" s="26"/>
      <c r="VZW123" s="26"/>
      <c r="VZX123" s="26"/>
      <c r="VZY123" s="26"/>
      <c r="VZZ123" s="26"/>
      <c r="WAA123" s="26"/>
      <c r="WAB123" s="26"/>
      <c r="WAC123" s="26"/>
      <c r="WAD123" s="26"/>
      <c r="WAE123" s="26"/>
      <c r="WAF123" s="26"/>
      <c r="WAG123" s="26"/>
      <c r="WAH123" s="26"/>
      <c r="WAI123" s="26"/>
      <c r="WAJ123" s="26"/>
      <c r="WAK123" s="26"/>
      <c r="WAL123" s="26"/>
      <c r="WAM123" s="26"/>
      <c r="WAN123" s="26"/>
      <c r="WAO123" s="26"/>
      <c r="WAP123" s="26"/>
      <c r="WAQ123" s="26"/>
      <c r="WAR123" s="26"/>
      <c r="WAS123" s="26"/>
      <c r="WAT123" s="26"/>
      <c r="WAU123" s="26"/>
      <c r="WAV123" s="26"/>
      <c r="WAW123" s="26"/>
      <c r="WAX123" s="26"/>
      <c r="WAY123" s="26"/>
      <c r="WAZ123" s="26"/>
      <c r="WBA123" s="26"/>
      <c r="WBB123" s="26"/>
      <c r="WBC123" s="26"/>
      <c r="WBD123" s="26"/>
      <c r="WBE123" s="26"/>
      <c r="WBF123" s="26"/>
      <c r="WBG123" s="26"/>
      <c r="WBH123" s="26"/>
      <c r="WBI123" s="26"/>
      <c r="WBJ123" s="26"/>
      <c r="WBK123" s="26"/>
      <c r="WBL123" s="26"/>
      <c r="WBM123" s="26"/>
      <c r="WBN123" s="26"/>
      <c r="WBO123" s="26"/>
      <c r="WBP123" s="26"/>
      <c r="WBQ123" s="26"/>
      <c r="WBR123" s="26"/>
      <c r="WBS123" s="26"/>
      <c r="WBT123" s="26"/>
      <c r="WBU123" s="26"/>
      <c r="WBV123" s="26"/>
      <c r="WBW123" s="26"/>
      <c r="WBX123" s="26"/>
      <c r="WBY123" s="26"/>
      <c r="WBZ123" s="26"/>
      <c r="WCA123" s="26"/>
      <c r="WCB123" s="26"/>
      <c r="WCC123" s="26"/>
      <c r="WCD123" s="26"/>
      <c r="WCE123" s="26"/>
      <c r="WCF123" s="26"/>
      <c r="WCG123" s="26"/>
      <c r="WCH123" s="26"/>
      <c r="WCI123" s="26"/>
      <c r="WCJ123" s="26"/>
      <c r="WCK123" s="26"/>
      <c r="WCL123" s="26"/>
      <c r="WCM123" s="26"/>
      <c r="WCN123" s="26"/>
      <c r="WCO123" s="26"/>
      <c r="WCP123" s="26"/>
      <c r="WCQ123" s="26"/>
      <c r="WCR123" s="26"/>
      <c r="WCS123" s="26"/>
      <c r="WCT123" s="26"/>
      <c r="WCU123" s="26"/>
      <c r="WCV123" s="26"/>
      <c r="WCW123" s="26"/>
      <c r="WCX123" s="26"/>
      <c r="WCY123" s="26"/>
      <c r="WCZ123" s="26"/>
      <c r="WDA123" s="26"/>
      <c r="WDB123" s="26"/>
      <c r="WDC123" s="26"/>
      <c r="WDD123" s="26"/>
      <c r="WDE123" s="26"/>
      <c r="WDF123" s="26"/>
      <c r="WDG123" s="26"/>
      <c r="WDH123" s="26"/>
      <c r="WDI123" s="26"/>
      <c r="WDJ123" s="26"/>
      <c r="WDK123" s="26"/>
      <c r="WDL123" s="26"/>
      <c r="WDM123" s="26"/>
      <c r="WDN123" s="26"/>
      <c r="WDO123" s="26"/>
      <c r="WDP123" s="26"/>
      <c r="WDQ123" s="26"/>
      <c r="WDR123" s="26"/>
      <c r="WDS123" s="26"/>
      <c r="WDT123" s="26"/>
      <c r="WDU123" s="26"/>
      <c r="WDV123" s="26"/>
      <c r="WDW123" s="26"/>
      <c r="WDX123" s="26"/>
      <c r="WDY123" s="26"/>
      <c r="WDZ123" s="26"/>
      <c r="WEA123" s="26"/>
      <c r="WEB123" s="26"/>
      <c r="WEC123" s="26"/>
      <c r="WED123" s="26"/>
      <c r="WEE123" s="26"/>
      <c r="WEF123" s="26"/>
      <c r="WEG123" s="26"/>
      <c r="WEH123" s="26"/>
      <c r="WEI123" s="26"/>
      <c r="WEJ123" s="26"/>
      <c r="WEK123" s="26"/>
      <c r="WEL123" s="26"/>
      <c r="WEM123" s="26"/>
      <c r="WEN123" s="26"/>
      <c r="WEO123" s="26"/>
      <c r="WEP123" s="26"/>
      <c r="WEQ123" s="26"/>
      <c r="WER123" s="26"/>
      <c r="WES123" s="26"/>
      <c r="WET123" s="26"/>
      <c r="WEU123" s="26"/>
      <c r="WEV123" s="26"/>
      <c r="WEW123" s="26"/>
      <c r="WEX123" s="26"/>
      <c r="WEY123" s="26"/>
      <c r="WEZ123" s="26"/>
      <c r="WFA123" s="26"/>
      <c r="WFB123" s="26"/>
      <c r="WFC123" s="26"/>
      <c r="WFD123" s="26"/>
      <c r="WFE123" s="26"/>
      <c r="WFF123" s="26"/>
      <c r="WFG123" s="26"/>
      <c r="WFH123" s="26"/>
      <c r="WFI123" s="26"/>
      <c r="WFJ123" s="26"/>
      <c r="WFK123" s="26"/>
      <c r="WFL123" s="26"/>
      <c r="WFM123" s="26"/>
      <c r="WFN123" s="26"/>
      <c r="WFO123" s="26"/>
      <c r="WFP123" s="26"/>
      <c r="WFQ123" s="26"/>
      <c r="WFR123" s="26"/>
      <c r="WFS123" s="26"/>
      <c r="WFT123" s="26"/>
      <c r="WFU123" s="26"/>
      <c r="WFV123" s="26"/>
      <c r="WFW123" s="26"/>
      <c r="WFX123" s="26"/>
      <c r="WFY123" s="26"/>
      <c r="WFZ123" s="26"/>
      <c r="WGA123" s="26"/>
      <c r="WGB123" s="26"/>
      <c r="WGC123" s="26"/>
      <c r="WGD123" s="26"/>
      <c r="WGE123" s="26"/>
      <c r="WGF123" s="26"/>
      <c r="WGG123" s="26"/>
      <c r="WGH123" s="26"/>
      <c r="WGI123" s="26"/>
      <c r="WGJ123" s="26"/>
      <c r="WGK123" s="26"/>
      <c r="WGL123" s="26"/>
      <c r="WGM123" s="26"/>
      <c r="WGN123" s="26"/>
      <c r="WGO123" s="26"/>
      <c r="WGP123" s="26"/>
      <c r="WGQ123" s="26"/>
      <c r="WGR123" s="26"/>
      <c r="WGS123" s="26"/>
      <c r="WGT123" s="26"/>
      <c r="WGU123" s="26"/>
      <c r="WGV123" s="26"/>
      <c r="WGW123" s="26"/>
      <c r="WGX123" s="26"/>
      <c r="WGY123" s="26"/>
      <c r="WGZ123" s="26"/>
      <c r="WHA123" s="26"/>
      <c r="WHB123" s="26"/>
      <c r="WHC123" s="26"/>
      <c r="WHD123" s="26"/>
      <c r="WHE123" s="26"/>
      <c r="WHF123" s="26"/>
      <c r="WHG123" s="26"/>
      <c r="WHH123" s="26"/>
      <c r="WHI123" s="26"/>
      <c r="WHJ123" s="26"/>
      <c r="WHK123" s="26"/>
      <c r="WHL123" s="26"/>
      <c r="WHM123" s="26"/>
      <c r="WHN123" s="26"/>
      <c r="WHO123" s="26"/>
      <c r="WHP123" s="26"/>
      <c r="WHQ123" s="26"/>
      <c r="WHR123" s="26"/>
      <c r="WHS123" s="26"/>
      <c r="WHT123" s="26"/>
      <c r="WHU123" s="26"/>
      <c r="WHV123" s="26"/>
      <c r="WHW123" s="26"/>
      <c r="WHX123" s="26"/>
      <c r="WHY123" s="26"/>
      <c r="WHZ123" s="26"/>
      <c r="WIA123" s="26"/>
      <c r="WIB123" s="26"/>
      <c r="WIC123" s="26"/>
      <c r="WID123" s="26"/>
      <c r="WIE123" s="26"/>
      <c r="WIF123" s="26"/>
      <c r="WIG123" s="26"/>
      <c r="WIH123" s="26"/>
      <c r="WII123" s="26"/>
      <c r="WIJ123" s="26"/>
      <c r="WIK123" s="26"/>
      <c r="WIL123" s="26"/>
      <c r="WIM123" s="26"/>
      <c r="WIN123" s="26"/>
      <c r="WIO123" s="26"/>
      <c r="WIP123" s="26"/>
      <c r="WIQ123" s="26"/>
      <c r="WIR123" s="26"/>
      <c r="WIS123" s="26"/>
      <c r="WIT123" s="26"/>
      <c r="WIU123" s="26"/>
      <c r="WIV123" s="26"/>
      <c r="WIW123" s="26"/>
      <c r="WIX123" s="26"/>
      <c r="WIY123" s="26"/>
      <c r="WIZ123" s="26"/>
      <c r="WJA123" s="26"/>
      <c r="WJB123" s="26"/>
      <c r="WJC123" s="26"/>
      <c r="WJD123" s="26"/>
      <c r="WJE123" s="26"/>
      <c r="WJF123" s="26"/>
      <c r="WJG123" s="26"/>
      <c r="WJH123" s="26"/>
      <c r="WJI123" s="26"/>
      <c r="WJJ123" s="26"/>
      <c r="WJK123" s="26"/>
      <c r="WJL123" s="26"/>
      <c r="WJM123" s="26"/>
      <c r="WJN123" s="26"/>
      <c r="WJO123" s="26"/>
      <c r="WJP123" s="26"/>
      <c r="WJQ123" s="26"/>
      <c r="WJR123" s="26"/>
      <c r="WJS123" s="26"/>
      <c r="WJT123" s="26"/>
      <c r="WJU123" s="26"/>
      <c r="WJV123" s="26"/>
      <c r="WJW123" s="26"/>
      <c r="WJX123" s="26"/>
      <c r="WJY123" s="26"/>
      <c r="WJZ123" s="26"/>
      <c r="WKA123" s="26"/>
      <c r="WKB123" s="26"/>
      <c r="WKC123" s="26"/>
      <c r="WKD123" s="26"/>
      <c r="WKE123" s="26"/>
      <c r="WKF123" s="26"/>
      <c r="WKG123" s="26"/>
      <c r="WKH123" s="26"/>
      <c r="WKI123" s="26"/>
      <c r="WKJ123" s="26"/>
      <c r="WKK123" s="26"/>
      <c r="WKL123" s="26"/>
      <c r="WKM123" s="26"/>
      <c r="WKN123" s="26"/>
      <c r="WKO123" s="26"/>
      <c r="WKP123" s="26"/>
      <c r="WKQ123" s="26"/>
      <c r="WKR123" s="26"/>
      <c r="WKS123" s="26"/>
      <c r="WKT123" s="26"/>
      <c r="WKU123" s="26"/>
      <c r="WKV123" s="26"/>
      <c r="WKW123" s="26"/>
      <c r="WKX123" s="26"/>
      <c r="WKY123" s="26"/>
      <c r="WKZ123" s="26"/>
      <c r="WLA123" s="26"/>
      <c r="WLB123" s="26"/>
      <c r="WLC123" s="26"/>
      <c r="WLD123" s="26"/>
      <c r="WLE123" s="26"/>
      <c r="WLF123" s="26"/>
      <c r="WLG123" s="26"/>
      <c r="WLH123" s="26"/>
      <c r="WLI123" s="26"/>
      <c r="WLJ123" s="26"/>
      <c r="WLK123" s="26"/>
      <c r="WLL123" s="26"/>
      <c r="WLM123" s="26"/>
      <c r="WLN123" s="26"/>
      <c r="WLO123" s="26"/>
      <c r="WLP123" s="26"/>
      <c r="WLQ123" s="26"/>
      <c r="WLR123" s="26"/>
      <c r="WLS123" s="26"/>
      <c r="WLT123" s="26"/>
      <c r="WLU123" s="26"/>
      <c r="WLV123" s="26"/>
      <c r="WLW123" s="26"/>
      <c r="WLX123" s="26"/>
      <c r="WLY123" s="26"/>
      <c r="WLZ123" s="26"/>
      <c r="WMA123" s="26"/>
      <c r="WMB123" s="26"/>
      <c r="WMC123" s="26"/>
      <c r="WMD123" s="26"/>
      <c r="WME123" s="26"/>
      <c r="WMF123" s="26"/>
      <c r="WMG123" s="26"/>
      <c r="WMH123" s="26"/>
      <c r="WMI123" s="26"/>
      <c r="WMJ123" s="26"/>
      <c r="WMK123" s="26"/>
      <c r="WML123" s="26"/>
      <c r="WMM123" s="26"/>
      <c r="WMN123" s="26"/>
      <c r="WMO123" s="26"/>
      <c r="WMP123" s="26"/>
      <c r="WMQ123" s="26"/>
      <c r="WMR123" s="26"/>
      <c r="WMS123" s="26"/>
      <c r="WMT123" s="26"/>
      <c r="WMU123" s="26"/>
      <c r="WMV123" s="26"/>
      <c r="WMW123" s="26"/>
      <c r="WMX123" s="26"/>
      <c r="WMY123" s="26"/>
      <c r="WMZ123" s="26"/>
      <c r="WNA123" s="26"/>
      <c r="WNB123" s="26"/>
      <c r="WNC123" s="26"/>
      <c r="WND123" s="26"/>
      <c r="WNE123" s="26"/>
      <c r="WNF123" s="26"/>
      <c r="WNG123" s="26"/>
      <c r="WNH123" s="26"/>
      <c r="WNI123" s="26"/>
      <c r="WNJ123" s="26"/>
      <c r="WNK123" s="26"/>
      <c r="WNL123" s="26"/>
      <c r="WNM123" s="26"/>
      <c r="WNN123" s="26"/>
      <c r="WNO123" s="26"/>
      <c r="WNP123" s="26"/>
      <c r="WNQ123" s="26"/>
      <c r="WNR123" s="26"/>
      <c r="WNS123" s="26"/>
      <c r="WNT123" s="26"/>
      <c r="WNU123" s="26"/>
      <c r="WNV123" s="26"/>
      <c r="WNW123" s="26"/>
      <c r="WNX123" s="26"/>
      <c r="WNY123" s="26"/>
      <c r="WNZ123" s="26"/>
      <c r="WOA123" s="26"/>
      <c r="WOB123" s="26"/>
      <c r="WOC123" s="26"/>
      <c r="WOD123" s="26"/>
      <c r="WOE123" s="26"/>
      <c r="WOF123" s="26"/>
      <c r="WOG123" s="26"/>
      <c r="WOH123" s="26"/>
      <c r="WOI123" s="26"/>
      <c r="WOJ123" s="26"/>
      <c r="WOK123" s="26"/>
      <c r="WOL123" s="26"/>
      <c r="WOM123" s="26"/>
      <c r="WON123" s="26"/>
      <c r="WOO123" s="26"/>
      <c r="WOP123" s="26"/>
      <c r="WOQ123" s="26"/>
      <c r="WOR123" s="26"/>
      <c r="WOS123" s="26"/>
      <c r="WOT123" s="26"/>
      <c r="WOU123" s="26"/>
      <c r="WOV123" s="26"/>
      <c r="WOW123" s="26"/>
      <c r="WOX123" s="26"/>
      <c r="WOY123" s="26"/>
      <c r="WOZ123" s="26"/>
      <c r="WPA123" s="26"/>
      <c r="WPB123" s="26"/>
      <c r="WPC123" s="26"/>
      <c r="WPD123" s="26"/>
      <c r="WPE123" s="26"/>
      <c r="WPF123" s="26"/>
      <c r="WPG123" s="26"/>
      <c r="WPH123" s="26"/>
      <c r="WPI123" s="26"/>
      <c r="WPJ123" s="26"/>
      <c r="WPK123" s="26"/>
      <c r="WPL123" s="26"/>
      <c r="WPM123" s="26"/>
      <c r="WPN123" s="26"/>
      <c r="WPO123" s="26"/>
      <c r="WPP123" s="26"/>
      <c r="WPQ123" s="26"/>
      <c r="WPR123" s="26"/>
      <c r="WPS123" s="26"/>
      <c r="WPT123" s="26"/>
      <c r="WPU123" s="26"/>
      <c r="WPV123" s="26"/>
      <c r="WPW123" s="26"/>
      <c r="WPX123" s="26"/>
      <c r="WPY123" s="26"/>
      <c r="WPZ123" s="26"/>
      <c r="WQA123" s="26"/>
      <c r="WQB123" s="26"/>
      <c r="WQC123" s="26"/>
      <c r="WQD123" s="26"/>
      <c r="WQE123" s="26"/>
      <c r="WQF123" s="26"/>
      <c r="WQG123" s="26"/>
      <c r="WQH123" s="26"/>
      <c r="WQI123" s="26"/>
      <c r="WQJ123" s="26"/>
      <c r="WQK123" s="26"/>
      <c r="WQL123" s="26"/>
      <c r="WQM123" s="26"/>
      <c r="WQN123" s="26"/>
      <c r="WQO123" s="26"/>
      <c r="WQP123" s="26"/>
      <c r="WQQ123" s="26"/>
      <c r="WQR123" s="26"/>
      <c r="WQS123" s="26"/>
      <c r="WQT123" s="26"/>
      <c r="WQU123" s="26"/>
      <c r="WQV123" s="26"/>
      <c r="WQW123" s="26"/>
      <c r="WQX123" s="26"/>
      <c r="WQY123" s="26"/>
      <c r="WQZ123" s="26"/>
      <c r="WRA123" s="26"/>
      <c r="WRB123" s="26"/>
      <c r="WRC123" s="26"/>
      <c r="WRD123" s="26"/>
      <c r="WRE123" s="26"/>
      <c r="WRF123" s="26"/>
      <c r="WRG123" s="26"/>
      <c r="WRH123" s="26"/>
      <c r="WRI123" s="26"/>
      <c r="WRJ123" s="26"/>
      <c r="WRK123" s="26"/>
      <c r="WRL123" s="26"/>
      <c r="WRM123" s="26"/>
      <c r="WRN123" s="26"/>
      <c r="WRO123" s="26"/>
      <c r="WRP123" s="26"/>
      <c r="WRQ123" s="26"/>
      <c r="WRR123" s="26"/>
      <c r="WRS123" s="26"/>
      <c r="WRT123" s="26"/>
      <c r="WRU123" s="26"/>
      <c r="WRV123" s="26"/>
      <c r="WRW123" s="26"/>
      <c r="WRX123" s="26"/>
      <c r="WRY123" s="26"/>
      <c r="WRZ123" s="26"/>
      <c r="WSA123" s="26"/>
      <c r="WSB123" s="26"/>
      <c r="WSC123" s="26"/>
      <c r="WSD123" s="26"/>
      <c r="WSE123" s="26"/>
      <c r="WSF123" s="26"/>
      <c r="WSG123" s="26"/>
      <c r="WSH123" s="26"/>
      <c r="WSI123" s="26"/>
      <c r="WSJ123" s="26"/>
      <c r="WSK123" s="26"/>
      <c r="WSL123" s="26"/>
      <c r="WSM123" s="26"/>
      <c r="WSN123" s="26"/>
      <c r="WSO123" s="26"/>
      <c r="WSP123" s="26"/>
      <c r="WSQ123" s="26"/>
      <c r="WSR123" s="26"/>
      <c r="WSS123" s="26"/>
      <c r="WST123" s="26"/>
      <c r="WSU123" s="26"/>
      <c r="WSV123" s="26"/>
      <c r="WSW123" s="26"/>
      <c r="WSX123" s="26"/>
      <c r="WSY123" s="26"/>
      <c r="WSZ123" s="26"/>
      <c r="WTA123" s="26"/>
      <c r="WTB123" s="26"/>
      <c r="WTC123" s="26"/>
      <c r="WTD123" s="26"/>
      <c r="WTE123" s="26"/>
      <c r="WTF123" s="26"/>
      <c r="WTG123" s="26"/>
      <c r="WTH123" s="26"/>
      <c r="WTI123" s="26"/>
      <c r="WTJ123" s="26"/>
      <c r="WTK123" s="26"/>
      <c r="WTL123" s="26"/>
      <c r="WTM123" s="26"/>
      <c r="WTN123" s="26"/>
      <c r="WTO123" s="26"/>
      <c r="WTP123" s="26"/>
      <c r="WTQ123" s="26"/>
      <c r="WTR123" s="26"/>
      <c r="WTS123" s="26"/>
      <c r="WTT123" s="26"/>
      <c r="WTU123" s="26"/>
      <c r="WTV123" s="26"/>
      <c r="WTW123" s="26"/>
      <c r="WTX123" s="26"/>
      <c r="WTY123" s="26"/>
      <c r="WTZ123" s="26"/>
      <c r="WUA123" s="26"/>
      <c r="WUB123" s="26"/>
      <c r="WUC123" s="26"/>
      <c r="WUD123" s="26"/>
      <c r="WUE123" s="26"/>
      <c r="WUF123" s="26"/>
      <c r="WUG123" s="26"/>
      <c r="WUH123" s="26"/>
      <c r="WUI123" s="26"/>
      <c r="WUJ123" s="26"/>
      <c r="WUK123" s="26"/>
      <c r="WUL123" s="26"/>
      <c r="WUM123" s="26"/>
      <c r="WUN123" s="26"/>
      <c r="WUO123" s="26"/>
      <c r="WUP123" s="26"/>
      <c r="WUQ123" s="26"/>
      <c r="WUR123" s="26"/>
      <c r="WUS123" s="26"/>
      <c r="WUT123" s="26"/>
      <c r="WUU123" s="26"/>
      <c r="WUV123" s="26"/>
      <c r="WUW123" s="26"/>
      <c r="WUX123" s="26"/>
      <c r="WUY123" s="26"/>
      <c r="WUZ123" s="26"/>
      <c r="WVA123" s="26"/>
      <c r="WVB123" s="26"/>
      <c r="WVC123" s="26"/>
      <c r="WVD123" s="26"/>
      <c r="WVE123" s="26"/>
      <c r="WVF123" s="26"/>
      <c r="WVG123" s="26"/>
      <c r="WVH123" s="26"/>
      <c r="WVI123" s="26"/>
      <c r="WVJ123" s="26"/>
      <c r="WVK123" s="26"/>
      <c r="WVL123" s="26"/>
      <c r="WVM123" s="26"/>
      <c r="WVN123" s="26"/>
      <c r="WVO123" s="26"/>
      <c r="WVP123" s="26"/>
      <c r="WVQ123" s="26"/>
      <c r="WVR123" s="26"/>
      <c r="WVS123" s="26"/>
      <c r="WVT123" s="26"/>
      <c r="WVU123" s="26"/>
      <c r="WVV123" s="26"/>
      <c r="WVW123" s="26"/>
      <c r="WVX123" s="26"/>
      <c r="WVY123" s="26"/>
      <c r="WVZ123" s="26"/>
      <c r="WWA123" s="26"/>
      <c r="WWB123" s="26"/>
      <c r="WWC123" s="26"/>
      <c r="WWD123" s="26"/>
      <c r="WWE123" s="26"/>
      <c r="WWF123" s="26"/>
      <c r="WWG123" s="26"/>
      <c r="WWH123" s="26"/>
      <c r="WWI123" s="26"/>
      <c r="WWJ123" s="26"/>
      <c r="WWK123" s="26"/>
      <c r="WWL123" s="26"/>
      <c r="WWM123" s="26"/>
      <c r="WWN123" s="26"/>
      <c r="WWO123" s="26"/>
      <c r="WWP123" s="26"/>
      <c r="WWQ123" s="26"/>
      <c r="WWR123" s="26"/>
      <c r="WWS123" s="26"/>
      <c r="WWT123" s="26"/>
      <c r="WWU123" s="26"/>
      <c r="WWV123" s="26"/>
      <c r="WWW123" s="26"/>
      <c r="WWX123" s="26"/>
      <c r="WWY123" s="26"/>
      <c r="WWZ123" s="26"/>
      <c r="WXA123" s="26"/>
      <c r="WXB123" s="26"/>
      <c r="WXC123" s="26"/>
      <c r="WXD123" s="26"/>
      <c r="WXE123" s="26"/>
      <c r="WXF123" s="26"/>
      <c r="WXG123" s="26"/>
      <c r="WXH123" s="26"/>
      <c r="WXI123" s="26"/>
      <c r="WXJ123" s="26"/>
      <c r="WXK123" s="26"/>
      <c r="WXL123" s="26"/>
      <c r="WXM123" s="26"/>
      <c r="WXN123" s="26"/>
      <c r="WXO123" s="26"/>
      <c r="WXP123" s="26"/>
      <c r="WXQ123" s="26"/>
      <c r="WXR123" s="26"/>
      <c r="WXS123" s="26"/>
      <c r="WXT123" s="26"/>
      <c r="WXU123" s="26"/>
      <c r="WXV123" s="26"/>
      <c r="WXW123" s="26"/>
      <c r="WXX123" s="26"/>
      <c r="WXY123" s="26"/>
      <c r="WXZ123" s="26"/>
      <c r="WYA123" s="26"/>
      <c r="WYB123" s="26"/>
      <c r="WYC123" s="26"/>
      <c r="WYD123" s="26"/>
      <c r="WYE123" s="26"/>
      <c r="WYF123" s="26"/>
      <c r="WYG123" s="26"/>
      <c r="WYH123" s="26"/>
      <c r="WYI123" s="26"/>
      <c r="WYJ123" s="26"/>
      <c r="WYK123" s="26"/>
      <c r="WYL123" s="26"/>
      <c r="WYM123" s="26"/>
      <c r="WYN123" s="26"/>
      <c r="WYO123" s="26"/>
      <c r="WYP123" s="26"/>
      <c r="WYQ123" s="26"/>
      <c r="WYR123" s="26"/>
      <c r="WYS123" s="26"/>
      <c r="WYT123" s="26"/>
      <c r="WYU123" s="26"/>
      <c r="WYV123" s="26"/>
      <c r="WYW123" s="26"/>
      <c r="WYX123" s="26"/>
      <c r="WYY123" s="26"/>
      <c r="WYZ123" s="26"/>
      <c r="WZA123" s="26"/>
      <c r="WZB123" s="26"/>
      <c r="WZC123" s="26"/>
      <c r="WZD123" s="26"/>
      <c r="WZE123" s="26"/>
      <c r="WZF123" s="26"/>
      <c r="WZG123" s="26"/>
      <c r="WZH123" s="26"/>
      <c r="WZI123" s="26"/>
      <c r="WZJ123" s="26"/>
      <c r="WZK123" s="26"/>
      <c r="WZL123" s="26"/>
      <c r="WZM123" s="26"/>
      <c r="WZN123" s="26"/>
      <c r="WZO123" s="26"/>
      <c r="WZP123" s="26"/>
      <c r="WZQ123" s="26"/>
      <c r="WZR123" s="26"/>
      <c r="WZS123" s="26"/>
      <c r="WZT123" s="26"/>
      <c r="WZU123" s="26"/>
      <c r="WZV123" s="26"/>
      <c r="WZW123" s="26"/>
      <c r="WZX123" s="26"/>
      <c r="WZY123" s="26"/>
      <c r="WZZ123" s="26"/>
      <c r="XAA123" s="26"/>
      <c r="XAB123" s="26"/>
      <c r="XAC123" s="26"/>
      <c r="XAD123" s="26"/>
      <c r="XAE123" s="26"/>
      <c r="XAF123" s="26"/>
      <c r="XAG123" s="26"/>
      <c r="XAH123" s="26"/>
      <c r="XAI123" s="26"/>
      <c r="XAJ123" s="26"/>
      <c r="XAK123" s="26"/>
      <c r="XAL123" s="26"/>
      <c r="XAM123" s="26"/>
      <c r="XAN123" s="26"/>
      <c r="XAO123" s="26"/>
      <c r="XAP123" s="26"/>
      <c r="XAQ123" s="26"/>
      <c r="XAR123" s="26"/>
      <c r="XAS123" s="26"/>
      <c r="XAT123" s="26"/>
      <c r="XAU123" s="26"/>
      <c r="XAV123" s="26"/>
      <c r="XAW123" s="26"/>
      <c r="XAX123" s="26"/>
      <c r="XAY123" s="26"/>
      <c r="XAZ123" s="26"/>
      <c r="XBA123" s="26"/>
      <c r="XBB123" s="26"/>
      <c r="XBC123" s="26"/>
      <c r="XBD123" s="26"/>
      <c r="XBE123" s="26"/>
      <c r="XBF123" s="26"/>
      <c r="XBG123" s="26"/>
      <c r="XBH123" s="26"/>
      <c r="XBI123" s="26"/>
      <c r="XBJ123" s="26"/>
      <c r="XBK123" s="26"/>
      <c r="XBL123" s="26"/>
      <c r="XBM123" s="26"/>
      <c r="XBN123" s="26"/>
      <c r="XBO123" s="26"/>
      <c r="XBP123" s="26"/>
      <c r="XBQ123" s="26"/>
      <c r="XBR123" s="26"/>
      <c r="XBS123" s="26"/>
      <c r="XBT123" s="26"/>
      <c r="XBU123" s="26"/>
      <c r="XBV123" s="26"/>
      <c r="XBW123" s="26"/>
      <c r="XBX123" s="26"/>
      <c r="XBY123" s="26"/>
      <c r="XBZ123" s="26"/>
      <c r="XCA123" s="26"/>
      <c r="XCB123" s="26"/>
      <c r="XCC123" s="26"/>
      <c r="XCD123" s="26"/>
      <c r="XCE123" s="26"/>
      <c r="XCF123" s="26"/>
      <c r="XCG123" s="26"/>
      <c r="XCH123" s="26"/>
      <c r="XCI123" s="26"/>
      <c r="XCJ123" s="26"/>
      <c r="XCK123" s="26"/>
      <c r="XCL123" s="26"/>
      <c r="XCM123" s="26"/>
      <c r="XCN123" s="26"/>
      <c r="XCO123" s="26"/>
      <c r="XCP123" s="26"/>
      <c r="XCQ123" s="26"/>
      <c r="XCR123" s="26"/>
      <c r="XCS123" s="26"/>
      <c r="XCT123" s="26"/>
      <c r="XCU123" s="26"/>
      <c r="XCV123" s="26"/>
      <c r="XCW123" s="26"/>
      <c r="XCX123" s="26"/>
      <c r="XCY123" s="26"/>
      <c r="XCZ123" s="26"/>
      <c r="XDA123" s="26"/>
      <c r="XDB123" s="26"/>
      <c r="XDC123" s="26"/>
      <c r="XDD123" s="26"/>
      <c r="XDE123" s="26"/>
      <c r="XDF123" s="26"/>
      <c r="XDG123" s="26"/>
      <c r="XDH123" s="26"/>
      <c r="XDI123" s="26"/>
      <c r="XDJ123" s="26"/>
      <c r="XDK123" s="26"/>
      <c r="XDL123" s="26"/>
      <c r="XDM123" s="26"/>
      <c r="XDN123" s="26"/>
      <c r="XDO123" s="26"/>
      <c r="XDP123" s="26"/>
      <c r="XDQ123" s="26"/>
      <c r="XDR123" s="26"/>
      <c r="XDS123" s="26"/>
      <c r="XDT123" s="26"/>
      <c r="XDU123" s="26"/>
      <c r="XDV123" s="26"/>
      <c r="XDW123" s="26"/>
      <c r="XDX123" s="26"/>
      <c r="XDY123" s="26"/>
      <c r="XDZ123" s="26"/>
      <c r="XEA123" s="26"/>
      <c r="XEB123" s="26"/>
      <c r="XEC123" s="26"/>
      <c r="XED123" s="26"/>
      <c r="XEE123" s="26"/>
      <c r="XEF123" s="26"/>
      <c r="XEG123" s="26"/>
      <c r="XEH123" s="26"/>
      <c r="XEI123" s="26"/>
      <c r="XEJ123" s="26"/>
      <c r="XEK123" s="26"/>
      <c r="XEL123" s="26"/>
      <c r="XEM123" s="26"/>
      <c r="XEN123" s="26"/>
      <c r="XEO123" s="26"/>
      <c r="XEP123" s="26"/>
      <c r="XEQ123" s="26"/>
    </row>
    <row r="124" spans="1:16371" s="29" customFormat="1" ht="54" x14ac:dyDescent="0.2">
      <c r="A124" s="8" t="s">
        <v>284</v>
      </c>
      <c r="B124" s="8" t="s">
        <v>354</v>
      </c>
      <c r="C124" s="8" t="s">
        <v>355</v>
      </c>
      <c r="D124" s="8" t="s">
        <v>356</v>
      </c>
      <c r="E124" s="8"/>
      <c r="F124" s="25"/>
    </row>
    <row r="125" spans="1:16371" s="29" customFormat="1" ht="64.8" x14ac:dyDescent="0.2">
      <c r="A125" s="8" t="s">
        <v>284</v>
      </c>
      <c r="B125" s="8" t="s">
        <v>357</v>
      </c>
      <c r="C125" s="8" t="s">
        <v>358</v>
      </c>
      <c r="D125" s="8" t="s">
        <v>359</v>
      </c>
      <c r="E125" s="8"/>
      <c r="F125" s="25"/>
    </row>
    <row r="126" spans="1:16371" s="29" customFormat="1" ht="54" x14ac:dyDescent="0.2">
      <c r="A126" s="8" t="s">
        <v>284</v>
      </c>
      <c r="B126" s="8" t="s">
        <v>360</v>
      </c>
      <c r="C126" s="8" t="s">
        <v>361</v>
      </c>
      <c r="D126" s="8" t="s">
        <v>362</v>
      </c>
      <c r="E126" s="8"/>
      <c r="F126" s="25"/>
    </row>
    <row r="127" spans="1:16371" s="27" customFormat="1" ht="54" x14ac:dyDescent="0.2">
      <c r="A127" s="8" t="s">
        <v>284</v>
      </c>
      <c r="B127" s="8" t="s">
        <v>1470</v>
      </c>
      <c r="C127" s="8" t="s">
        <v>363</v>
      </c>
      <c r="D127" s="8" t="s">
        <v>364</v>
      </c>
      <c r="E127" s="8"/>
      <c r="F127" s="26"/>
      <c r="G127" s="26"/>
      <c r="H127" s="26"/>
      <c r="I127" s="26"/>
      <c r="J127" s="26"/>
      <c r="K127" s="26"/>
      <c r="L127" s="26"/>
      <c r="M127" s="26"/>
      <c r="N127" s="26"/>
      <c r="O127" s="26"/>
      <c r="P127" s="26"/>
      <c r="Q127" s="26"/>
      <c r="R127" s="26"/>
      <c r="S127" s="26"/>
      <c r="T127" s="26"/>
      <c r="U127" s="26"/>
      <c r="V127" s="26"/>
      <c r="W127" s="26"/>
      <c r="X127" s="26"/>
      <c r="Y127" s="26"/>
      <c r="Z127" s="26"/>
      <c r="AA127" s="26"/>
      <c r="AB127" s="26"/>
      <c r="AC127" s="26"/>
      <c r="AD127" s="26"/>
      <c r="AE127" s="26"/>
      <c r="AF127" s="26"/>
      <c r="AG127" s="26"/>
      <c r="AH127" s="26"/>
      <c r="AI127" s="26"/>
      <c r="AJ127" s="26"/>
      <c r="AK127" s="26"/>
      <c r="AL127" s="26"/>
      <c r="AM127" s="26"/>
      <c r="AN127" s="26"/>
      <c r="AO127" s="26"/>
      <c r="AP127" s="26"/>
      <c r="AQ127" s="26"/>
      <c r="AR127" s="26"/>
      <c r="AS127" s="26"/>
      <c r="AT127" s="26"/>
      <c r="AU127" s="26"/>
      <c r="AV127" s="26"/>
      <c r="AW127" s="26"/>
      <c r="AX127" s="26"/>
      <c r="AY127" s="26"/>
      <c r="AZ127" s="26"/>
      <c r="BA127" s="26"/>
      <c r="BB127" s="26"/>
      <c r="BC127" s="26"/>
      <c r="BD127" s="26"/>
      <c r="BE127" s="26"/>
      <c r="BF127" s="26"/>
      <c r="BG127" s="26"/>
      <c r="BH127" s="26"/>
      <c r="BI127" s="26"/>
      <c r="BJ127" s="26"/>
      <c r="BK127" s="26"/>
      <c r="BL127" s="26"/>
      <c r="BM127" s="26"/>
      <c r="BN127" s="26"/>
      <c r="BO127" s="26"/>
      <c r="BP127" s="26"/>
      <c r="BQ127" s="26"/>
      <c r="BR127" s="26"/>
      <c r="BS127" s="26"/>
      <c r="BT127" s="26"/>
      <c r="BU127" s="26"/>
      <c r="BV127" s="26"/>
      <c r="BW127" s="26"/>
      <c r="BX127" s="26"/>
      <c r="BY127" s="26"/>
      <c r="BZ127" s="26"/>
      <c r="CA127" s="26"/>
      <c r="CB127" s="26"/>
      <c r="CC127" s="26"/>
      <c r="CD127" s="26"/>
      <c r="CE127" s="26"/>
      <c r="CF127" s="26"/>
      <c r="CG127" s="26"/>
      <c r="CH127" s="26"/>
      <c r="CI127" s="26"/>
      <c r="CJ127" s="26"/>
      <c r="CK127" s="26"/>
      <c r="CL127" s="26"/>
      <c r="CM127" s="26"/>
      <c r="CN127" s="26"/>
      <c r="CO127" s="26"/>
      <c r="CP127" s="26"/>
      <c r="CQ127" s="26"/>
      <c r="CR127" s="26"/>
      <c r="CS127" s="26"/>
      <c r="CT127" s="26"/>
      <c r="CU127" s="26"/>
      <c r="CV127" s="26"/>
      <c r="CW127" s="26"/>
      <c r="CX127" s="26"/>
      <c r="CY127" s="26"/>
      <c r="CZ127" s="26"/>
      <c r="DA127" s="26"/>
      <c r="DB127" s="26"/>
      <c r="DC127" s="26"/>
      <c r="DD127" s="26"/>
      <c r="DE127" s="26"/>
      <c r="DF127" s="26"/>
      <c r="DG127" s="26"/>
      <c r="DH127" s="26"/>
      <c r="DI127" s="26"/>
      <c r="DJ127" s="26"/>
      <c r="DK127" s="26"/>
      <c r="DL127" s="26"/>
      <c r="DM127" s="26"/>
      <c r="DN127" s="26"/>
      <c r="DO127" s="26"/>
      <c r="DP127" s="26"/>
      <c r="DQ127" s="26"/>
      <c r="DR127" s="26"/>
      <c r="DS127" s="26"/>
      <c r="DT127" s="26"/>
      <c r="DU127" s="26"/>
      <c r="DV127" s="26"/>
      <c r="DW127" s="26"/>
      <c r="DX127" s="26"/>
      <c r="DY127" s="26"/>
      <c r="DZ127" s="26"/>
      <c r="EA127" s="26"/>
      <c r="EB127" s="26"/>
      <c r="EC127" s="26"/>
      <c r="ED127" s="26"/>
      <c r="EE127" s="26"/>
      <c r="EF127" s="26"/>
      <c r="EG127" s="26"/>
      <c r="EH127" s="26"/>
      <c r="EI127" s="26"/>
      <c r="EJ127" s="26"/>
      <c r="EK127" s="26"/>
      <c r="EL127" s="26"/>
      <c r="EM127" s="26"/>
      <c r="EN127" s="26"/>
      <c r="EO127" s="26"/>
      <c r="EP127" s="26"/>
      <c r="EQ127" s="26"/>
      <c r="ER127" s="26"/>
      <c r="ES127" s="26"/>
      <c r="ET127" s="26"/>
      <c r="EU127" s="26"/>
      <c r="EV127" s="26"/>
      <c r="EW127" s="26"/>
      <c r="EX127" s="26"/>
      <c r="EY127" s="26"/>
      <c r="EZ127" s="26"/>
      <c r="FA127" s="26"/>
      <c r="FB127" s="26"/>
      <c r="FC127" s="26"/>
      <c r="FD127" s="26"/>
      <c r="FE127" s="26"/>
      <c r="FF127" s="26"/>
      <c r="FG127" s="26"/>
      <c r="FH127" s="26"/>
      <c r="FI127" s="26"/>
      <c r="FJ127" s="26"/>
      <c r="FK127" s="26"/>
      <c r="FL127" s="26"/>
      <c r="FM127" s="26"/>
      <c r="FN127" s="26"/>
      <c r="FO127" s="26"/>
      <c r="FP127" s="26"/>
      <c r="FQ127" s="26"/>
      <c r="FR127" s="26"/>
      <c r="FS127" s="26"/>
      <c r="FT127" s="26"/>
      <c r="FU127" s="26"/>
      <c r="FV127" s="26"/>
      <c r="FW127" s="26"/>
      <c r="FX127" s="26"/>
      <c r="FY127" s="26"/>
      <c r="FZ127" s="26"/>
      <c r="GA127" s="26"/>
      <c r="GB127" s="26"/>
      <c r="GC127" s="26"/>
      <c r="GD127" s="26"/>
      <c r="GE127" s="26"/>
      <c r="GF127" s="26"/>
      <c r="GG127" s="26"/>
      <c r="GH127" s="26"/>
      <c r="GI127" s="26"/>
      <c r="GJ127" s="26"/>
      <c r="GK127" s="26"/>
      <c r="GL127" s="26"/>
      <c r="GM127" s="26"/>
      <c r="GN127" s="26"/>
      <c r="GO127" s="26"/>
      <c r="GP127" s="26"/>
      <c r="GQ127" s="26"/>
      <c r="GR127" s="26"/>
      <c r="GS127" s="26"/>
      <c r="GT127" s="26"/>
      <c r="GU127" s="26"/>
      <c r="GV127" s="26"/>
      <c r="GW127" s="26"/>
      <c r="GX127" s="26"/>
      <c r="GY127" s="26"/>
      <c r="GZ127" s="26"/>
      <c r="HA127" s="26"/>
      <c r="HB127" s="26"/>
      <c r="HC127" s="26"/>
      <c r="HD127" s="26"/>
      <c r="HE127" s="26"/>
      <c r="HF127" s="26"/>
      <c r="HG127" s="26"/>
      <c r="HH127" s="26"/>
      <c r="HI127" s="26"/>
      <c r="HJ127" s="26"/>
      <c r="HK127" s="26"/>
      <c r="HL127" s="26"/>
      <c r="HM127" s="26"/>
      <c r="HN127" s="26"/>
      <c r="HO127" s="26"/>
      <c r="HP127" s="26"/>
      <c r="HQ127" s="26"/>
      <c r="HR127" s="26"/>
      <c r="HS127" s="26"/>
      <c r="HT127" s="26"/>
      <c r="HU127" s="26"/>
      <c r="HV127" s="26"/>
      <c r="HW127" s="26"/>
      <c r="HX127" s="26"/>
      <c r="HY127" s="26"/>
      <c r="HZ127" s="26"/>
      <c r="IA127" s="26"/>
      <c r="IB127" s="26"/>
      <c r="IC127" s="26"/>
      <c r="ID127" s="26"/>
      <c r="IE127" s="26"/>
      <c r="IF127" s="26"/>
      <c r="IG127" s="26"/>
      <c r="IH127" s="26"/>
      <c r="II127" s="26"/>
      <c r="IJ127" s="26"/>
      <c r="IK127" s="26"/>
      <c r="IL127" s="26"/>
      <c r="IM127" s="26"/>
      <c r="IN127" s="26"/>
      <c r="IO127" s="26"/>
      <c r="IP127" s="26"/>
      <c r="IQ127" s="26"/>
      <c r="IR127" s="26"/>
      <c r="IS127" s="26"/>
      <c r="IT127" s="26"/>
      <c r="IU127" s="26"/>
      <c r="IV127" s="26"/>
      <c r="IW127" s="26"/>
      <c r="IX127" s="26"/>
      <c r="IY127" s="26"/>
      <c r="IZ127" s="26"/>
      <c r="JA127" s="26"/>
      <c r="JB127" s="26"/>
      <c r="JC127" s="26"/>
      <c r="JD127" s="26"/>
      <c r="JE127" s="26"/>
      <c r="JF127" s="26"/>
      <c r="JG127" s="26"/>
      <c r="JH127" s="26"/>
      <c r="JI127" s="26"/>
      <c r="JJ127" s="26"/>
      <c r="JK127" s="26"/>
      <c r="JL127" s="26"/>
      <c r="JM127" s="26"/>
      <c r="JN127" s="26"/>
      <c r="JO127" s="26"/>
      <c r="JP127" s="26"/>
      <c r="JQ127" s="26"/>
      <c r="JR127" s="26"/>
      <c r="JS127" s="26"/>
      <c r="JT127" s="26"/>
      <c r="JU127" s="26"/>
      <c r="JV127" s="26"/>
      <c r="JW127" s="26"/>
      <c r="JX127" s="26"/>
      <c r="JY127" s="26"/>
      <c r="JZ127" s="26"/>
      <c r="KA127" s="26"/>
      <c r="KB127" s="26"/>
      <c r="KC127" s="26"/>
      <c r="KD127" s="26"/>
      <c r="KE127" s="26"/>
      <c r="KF127" s="26"/>
      <c r="KG127" s="26"/>
      <c r="KH127" s="26"/>
      <c r="KI127" s="26"/>
      <c r="KJ127" s="26"/>
      <c r="KK127" s="26"/>
      <c r="KL127" s="26"/>
      <c r="KM127" s="26"/>
      <c r="KN127" s="26"/>
      <c r="KO127" s="26"/>
      <c r="KP127" s="26"/>
      <c r="KQ127" s="26"/>
      <c r="KR127" s="26"/>
      <c r="KS127" s="26"/>
      <c r="KT127" s="26"/>
      <c r="KU127" s="26"/>
      <c r="KV127" s="26"/>
      <c r="KW127" s="26"/>
      <c r="KX127" s="26"/>
      <c r="KY127" s="26"/>
      <c r="KZ127" s="26"/>
      <c r="LA127" s="26"/>
      <c r="LB127" s="26"/>
      <c r="LC127" s="26"/>
      <c r="LD127" s="26"/>
      <c r="LE127" s="26"/>
      <c r="LF127" s="26"/>
      <c r="LG127" s="26"/>
      <c r="LH127" s="26"/>
      <c r="LI127" s="26"/>
      <c r="LJ127" s="26"/>
      <c r="LK127" s="26"/>
      <c r="LL127" s="26"/>
      <c r="LM127" s="26"/>
      <c r="LN127" s="26"/>
      <c r="LO127" s="26"/>
      <c r="LP127" s="26"/>
      <c r="LQ127" s="26"/>
      <c r="LR127" s="26"/>
      <c r="LS127" s="26"/>
      <c r="LT127" s="26"/>
      <c r="LU127" s="26"/>
      <c r="LV127" s="26"/>
      <c r="LW127" s="26"/>
      <c r="LX127" s="26"/>
      <c r="LY127" s="26"/>
      <c r="LZ127" s="26"/>
      <c r="MA127" s="26"/>
      <c r="MB127" s="26"/>
      <c r="MC127" s="26"/>
      <c r="MD127" s="26"/>
      <c r="ME127" s="26"/>
      <c r="MF127" s="26"/>
      <c r="MG127" s="26"/>
      <c r="MH127" s="26"/>
      <c r="MI127" s="26"/>
      <c r="MJ127" s="26"/>
      <c r="MK127" s="26"/>
      <c r="ML127" s="26"/>
      <c r="MM127" s="26"/>
      <c r="MN127" s="26"/>
      <c r="MO127" s="26"/>
      <c r="MP127" s="26"/>
      <c r="MQ127" s="26"/>
      <c r="MR127" s="26"/>
      <c r="MS127" s="26"/>
      <c r="MT127" s="26"/>
      <c r="MU127" s="26"/>
      <c r="MV127" s="26"/>
      <c r="MW127" s="26"/>
      <c r="MX127" s="26"/>
      <c r="MY127" s="26"/>
      <c r="MZ127" s="26"/>
      <c r="NA127" s="26"/>
      <c r="NB127" s="26"/>
      <c r="NC127" s="26"/>
      <c r="ND127" s="26"/>
      <c r="NE127" s="26"/>
      <c r="NF127" s="26"/>
      <c r="NG127" s="26"/>
      <c r="NH127" s="26"/>
      <c r="NI127" s="26"/>
      <c r="NJ127" s="26"/>
      <c r="NK127" s="26"/>
      <c r="NL127" s="26"/>
      <c r="NM127" s="26"/>
      <c r="NN127" s="26"/>
      <c r="NO127" s="26"/>
      <c r="NP127" s="26"/>
      <c r="NQ127" s="26"/>
      <c r="NR127" s="26"/>
      <c r="NS127" s="26"/>
      <c r="NT127" s="26"/>
      <c r="NU127" s="26"/>
      <c r="NV127" s="26"/>
      <c r="NW127" s="26"/>
      <c r="NX127" s="26"/>
      <c r="NY127" s="26"/>
      <c r="NZ127" s="26"/>
      <c r="OA127" s="26"/>
      <c r="OB127" s="26"/>
      <c r="OC127" s="26"/>
      <c r="OD127" s="26"/>
      <c r="OE127" s="26"/>
      <c r="OF127" s="26"/>
      <c r="OG127" s="26"/>
      <c r="OH127" s="26"/>
      <c r="OI127" s="26"/>
      <c r="OJ127" s="26"/>
      <c r="OK127" s="26"/>
      <c r="OL127" s="26"/>
      <c r="OM127" s="26"/>
      <c r="ON127" s="26"/>
      <c r="OO127" s="26"/>
      <c r="OP127" s="26"/>
      <c r="OQ127" s="26"/>
      <c r="OR127" s="26"/>
      <c r="OS127" s="26"/>
      <c r="OT127" s="26"/>
      <c r="OU127" s="26"/>
      <c r="OV127" s="26"/>
      <c r="OW127" s="26"/>
      <c r="OX127" s="26"/>
      <c r="OY127" s="26"/>
      <c r="OZ127" s="26"/>
      <c r="PA127" s="26"/>
      <c r="PB127" s="26"/>
      <c r="PC127" s="26"/>
      <c r="PD127" s="26"/>
      <c r="PE127" s="26"/>
      <c r="PF127" s="26"/>
      <c r="PG127" s="26"/>
      <c r="PH127" s="26"/>
      <c r="PI127" s="26"/>
      <c r="PJ127" s="26"/>
      <c r="PK127" s="26"/>
      <c r="PL127" s="26"/>
      <c r="PM127" s="26"/>
      <c r="PN127" s="26"/>
      <c r="PO127" s="26"/>
      <c r="PP127" s="26"/>
      <c r="PQ127" s="26"/>
      <c r="PR127" s="26"/>
      <c r="PS127" s="26"/>
      <c r="PT127" s="26"/>
      <c r="PU127" s="26"/>
      <c r="PV127" s="26"/>
      <c r="PW127" s="26"/>
      <c r="PX127" s="26"/>
      <c r="PY127" s="26"/>
      <c r="PZ127" s="26"/>
      <c r="QA127" s="26"/>
      <c r="QB127" s="26"/>
      <c r="QC127" s="26"/>
      <c r="QD127" s="26"/>
      <c r="QE127" s="26"/>
      <c r="QF127" s="26"/>
      <c r="QG127" s="26"/>
      <c r="QH127" s="26"/>
      <c r="QI127" s="26"/>
      <c r="QJ127" s="26"/>
      <c r="QK127" s="26"/>
      <c r="QL127" s="26"/>
      <c r="QM127" s="26"/>
      <c r="QN127" s="26"/>
      <c r="QO127" s="26"/>
      <c r="QP127" s="26"/>
      <c r="QQ127" s="26"/>
      <c r="QR127" s="26"/>
      <c r="QS127" s="26"/>
      <c r="QT127" s="26"/>
      <c r="QU127" s="26"/>
      <c r="QV127" s="26"/>
      <c r="QW127" s="26"/>
      <c r="QX127" s="26"/>
      <c r="QY127" s="26"/>
      <c r="QZ127" s="26"/>
      <c r="RA127" s="26"/>
      <c r="RB127" s="26"/>
      <c r="RC127" s="26"/>
      <c r="RD127" s="26"/>
      <c r="RE127" s="26"/>
      <c r="RF127" s="26"/>
      <c r="RG127" s="26"/>
      <c r="RH127" s="26"/>
      <c r="RI127" s="26"/>
      <c r="RJ127" s="26"/>
      <c r="RK127" s="26"/>
      <c r="RL127" s="26"/>
      <c r="RM127" s="26"/>
      <c r="RN127" s="26"/>
      <c r="RO127" s="26"/>
      <c r="RP127" s="26"/>
      <c r="RQ127" s="26"/>
      <c r="RR127" s="26"/>
      <c r="RS127" s="26"/>
      <c r="RT127" s="26"/>
      <c r="RU127" s="26"/>
      <c r="RV127" s="26"/>
      <c r="RW127" s="26"/>
      <c r="RX127" s="26"/>
      <c r="RY127" s="26"/>
      <c r="RZ127" s="26"/>
      <c r="SA127" s="26"/>
      <c r="SB127" s="26"/>
      <c r="SC127" s="26"/>
      <c r="SD127" s="26"/>
      <c r="SE127" s="26"/>
      <c r="SF127" s="26"/>
      <c r="SG127" s="26"/>
      <c r="SH127" s="26"/>
      <c r="SI127" s="26"/>
      <c r="SJ127" s="26"/>
      <c r="SK127" s="26"/>
      <c r="SL127" s="26"/>
      <c r="SM127" s="26"/>
      <c r="SN127" s="26"/>
      <c r="SO127" s="26"/>
      <c r="SP127" s="26"/>
      <c r="SQ127" s="26"/>
      <c r="SR127" s="26"/>
      <c r="SS127" s="26"/>
      <c r="ST127" s="26"/>
      <c r="SU127" s="26"/>
      <c r="SV127" s="26"/>
      <c r="SW127" s="26"/>
      <c r="SX127" s="26"/>
      <c r="SY127" s="26"/>
      <c r="SZ127" s="26"/>
      <c r="TA127" s="26"/>
      <c r="TB127" s="26"/>
      <c r="TC127" s="26"/>
      <c r="TD127" s="26"/>
      <c r="TE127" s="26"/>
      <c r="TF127" s="26"/>
      <c r="TG127" s="26"/>
      <c r="TH127" s="26"/>
      <c r="TI127" s="26"/>
      <c r="TJ127" s="26"/>
      <c r="TK127" s="26"/>
      <c r="TL127" s="26"/>
      <c r="TM127" s="26"/>
      <c r="TN127" s="26"/>
      <c r="TO127" s="26"/>
      <c r="TP127" s="26"/>
      <c r="TQ127" s="26"/>
      <c r="TR127" s="26"/>
      <c r="TS127" s="26"/>
      <c r="TT127" s="26"/>
      <c r="TU127" s="26"/>
      <c r="TV127" s="26"/>
      <c r="TW127" s="26"/>
      <c r="TX127" s="26"/>
      <c r="TY127" s="26"/>
      <c r="TZ127" s="26"/>
      <c r="UA127" s="26"/>
      <c r="UB127" s="26"/>
      <c r="UC127" s="26"/>
      <c r="UD127" s="26"/>
      <c r="UE127" s="26"/>
      <c r="UF127" s="26"/>
      <c r="UG127" s="26"/>
      <c r="UH127" s="26"/>
      <c r="UI127" s="26"/>
      <c r="UJ127" s="26"/>
      <c r="UK127" s="26"/>
      <c r="UL127" s="26"/>
      <c r="UM127" s="26"/>
      <c r="UN127" s="26"/>
      <c r="UO127" s="26"/>
      <c r="UP127" s="26"/>
      <c r="UQ127" s="26"/>
      <c r="UR127" s="26"/>
      <c r="US127" s="26"/>
      <c r="UT127" s="26"/>
      <c r="UU127" s="26"/>
      <c r="UV127" s="26"/>
      <c r="UW127" s="26"/>
      <c r="UX127" s="26"/>
      <c r="UY127" s="26"/>
      <c r="UZ127" s="26"/>
      <c r="VA127" s="26"/>
      <c r="VB127" s="26"/>
      <c r="VC127" s="26"/>
      <c r="VD127" s="26"/>
      <c r="VE127" s="26"/>
      <c r="VF127" s="26"/>
      <c r="VG127" s="26"/>
      <c r="VH127" s="26"/>
      <c r="VI127" s="26"/>
      <c r="VJ127" s="26"/>
      <c r="VK127" s="26"/>
      <c r="VL127" s="26"/>
      <c r="VM127" s="26"/>
      <c r="VN127" s="26"/>
      <c r="VO127" s="26"/>
      <c r="VP127" s="26"/>
      <c r="VQ127" s="26"/>
      <c r="VR127" s="26"/>
      <c r="VS127" s="26"/>
      <c r="VT127" s="26"/>
      <c r="VU127" s="26"/>
      <c r="VV127" s="26"/>
      <c r="VW127" s="26"/>
      <c r="VX127" s="26"/>
      <c r="VY127" s="26"/>
      <c r="VZ127" s="26"/>
      <c r="WA127" s="26"/>
      <c r="WB127" s="26"/>
      <c r="WC127" s="26"/>
      <c r="WD127" s="26"/>
      <c r="WE127" s="26"/>
      <c r="WF127" s="26"/>
      <c r="WG127" s="26"/>
      <c r="WH127" s="26"/>
      <c r="WI127" s="26"/>
      <c r="WJ127" s="26"/>
      <c r="WK127" s="26"/>
      <c r="WL127" s="26"/>
      <c r="WM127" s="26"/>
      <c r="WN127" s="26"/>
      <c r="WO127" s="26"/>
      <c r="WP127" s="26"/>
      <c r="WQ127" s="26"/>
      <c r="WR127" s="26"/>
      <c r="WS127" s="26"/>
      <c r="WT127" s="26"/>
      <c r="WU127" s="26"/>
      <c r="WV127" s="26"/>
      <c r="WW127" s="26"/>
      <c r="WX127" s="26"/>
      <c r="WY127" s="26"/>
      <c r="WZ127" s="26"/>
      <c r="XA127" s="26"/>
      <c r="XB127" s="26"/>
      <c r="XC127" s="26"/>
      <c r="XD127" s="26"/>
      <c r="XE127" s="26"/>
      <c r="XF127" s="26"/>
      <c r="XG127" s="26"/>
      <c r="XH127" s="26"/>
      <c r="XI127" s="26"/>
      <c r="XJ127" s="26"/>
      <c r="XK127" s="26"/>
      <c r="XL127" s="26"/>
      <c r="XM127" s="26"/>
      <c r="XN127" s="26"/>
      <c r="XO127" s="26"/>
      <c r="XP127" s="26"/>
      <c r="XQ127" s="26"/>
      <c r="XR127" s="26"/>
      <c r="XS127" s="26"/>
      <c r="XT127" s="26"/>
      <c r="XU127" s="26"/>
      <c r="XV127" s="26"/>
      <c r="XW127" s="26"/>
      <c r="XX127" s="26"/>
      <c r="XY127" s="26"/>
      <c r="XZ127" s="26"/>
      <c r="YA127" s="26"/>
      <c r="YB127" s="26"/>
      <c r="YC127" s="26"/>
      <c r="YD127" s="26"/>
      <c r="YE127" s="26"/>
      <c r="YF127" s="26"/>
      <c r="YG127" s="26"/>
      <c r="YH127" s="26"/>
      <c r="YI127" s="26"/>
      <c r="YJ127" s="26"/>
      <c r="YK127" s="26"/>
      <c r="YL127" s="26"/>
      <c r="YM127" s="26"/>
      <c r="YN127" s="26"/>
      <c r="YO127" s="26"/>
      <c r="YP127" s="26"/>
      <c r="YQ127" s="26"/>
      <c r="YR127" s="26"/>
      <c r="YS127" s="26"/>
      <c r="YT127" s="26"/>
      <c r="YU127" s="26"/>
      <c r="YV127" s="26"/>
      <c r="YW127" s="26"/>
      <c r="YX127" s="26"/>
      <c r="YY127" s="26"/>
      <c r="YZ127" s="26"/>
      <c r="ZA127" s="26"/>
      <c r="ZB127" s="26"/>
      <c r="ZC127" s="26"/>
      <c r="ZD127" s="26"/>
      <c r="ZE127" s="26"/>
      <c r="ZF127" s="26"/>
      <c r="ZG127" s="26"/>
      <c r="ZH127" s="26"/>
      <c r="ZI127" s="26"/>
      <c r="ZJ127" s="26"/>
      <c r="ZK127" s="26"/>
      <c r="ZL127" s="26"/>
      <c r="ZM127" s="26"/>
      <c r="ZN127" s="26"/>
      <c r="ZO127" s="26"/>
      <c r="ZP127" s="26"/>
      <c r="ZQ127" s="26"/>
      <c r="ZR127" s="26"/>
      <c r="ZS127" s="26"/>
      <c r="ZT127" s="26"/>
      <c r="ZU127" s="26"/>
      <c r="ZV127" s="26"/>
      <c r="ZW127" s="26"/>
      <c r="ZX127" s="26"/>
      <c r="ZY127" s="26"/>
      <c r="ZZ127" s="26"/>
      <c r="AAA127" s="26"/>
      <c r="AAB127" s="26"/>
      <c r="AAC127" s="26"/>
      <c r="AAD127" s="26"/>
      <c r="AAE127" s="26"/>
      <c r="AAF127" s="26"/>
      <c r="AAG127" s="26"/>
      <c r="AAH127" s="26"/>
      <c r="AAI127" s="26"/>
      <c r="AAJ127" s="26"/>
      <c r="AAK127" s="26"/>
      <c r="AAL127" s="26"/>
      <c r="AAM127" s="26"/>
      <c r="AAN127" s="26"/>
      <c r="AAO127" s="26"/>
      <c r="AAP127" s="26"/>
      <c r="AAQ127" s="26"/>
      <c r="AAR127" s="26"/>
      <c r="AAS127" s="26"/>
      <c r="AAT127" s="26"/>
      <c r="AAU127" s="26"/>
      <c r="AAV127" s="26"/>
      <c r="AAW127" s="26"/>
      <c r="AAX127" s="26"/>
      <c r="AAY127" s="26"/>
      <c r="AAZ127" s="26"/>
      <c r="ABA127" s="26"/>
      <c r="ABB127" s="26"/>
      <c r="ABC127" s="26"/>
      <c r="ABD127" s="26"/>
      <c r="ABE127" s="26"/>
      <c r="ABF127" s="26"/>
      <c r="ABG127" s="26"/>
      <c r="ABH127" s="26"/>
      <c r="ABI127" s="26"/>
      <c r="ABJ127" s="26"/>
      <c r="ABK127" s="26"/>
      <c r="ABL127" s="26"/>
      <c r="ABM127" s="26"/>
      <c r="ABN127" s="26"/>
      <c r="ABO127" s="26"/>
      <c r="ABP127" s="26"/>
      <c r="ABQ127" s="26"/>
      <c r="ABR127" s="26"/>
      <c r="ABS127" s="26"/>
      <c r="ABT127" s="26"/>
      <c r="ABU127" s="26"/>
      <c r="ABV127" s="26"/>
      <c r="ABW127" s="26"/>
      <c r="ABX127" s="26"/>
      <c r="ABY127" s="26"/>
      <c r="ABZ127" s="26"/>
      <c r="ACA127" s="26"/>
      <c r="ACB127" s="26"/>
      <c r="ACC127" s="26"/>
      <c r="ACD127" s="26"/>
      <c r="ACE127" s="26"/>
      <c r="ACF127" s="26"/>
      <c r="ACG127" s="26"/>
      <c r="ACH127" s="26"/>
      <c r="ACI127" s="26"/>
      <c r="ACJ127" s="26"/>
      <c r="ACK127" s="26"/>
      <c r="ACL127" s="26"/>
      <c r="ACM127" s="26"/>
      <c r="ACN127" s="26"/>
      <c r="ACO127" s="26"/>
      <c r="ACP127" s="26"/>
      <c r="ACQ127" s="26"/>
      <c r="ACR127" s="26"/>
      <c r="ACS127" s="26"/>
      <c r="ACT127" s="26"/>
      <c r="ACU127" s="26"/>
      <c r="ACV127" s="26"/>
      <c r="ACW127" s="26"/>
      <c r="ACX127" s="26"/>
      <c r="ACY127" s="26"/>
      <c r="ACZ127" s="26"/>
      <c r="ADA127" s="26"/>
      <c r="ADB127" s="26"/>
      <c r="ADC127" s="26"/>
      <c r="ADD127" s="26"/>
      <c r="ADE127" s="26"/>
      <c r="ADF127" s="26"/>
      <c r="ADG127" s="26"/>
      <c r="ADH127" s="26"/>
      <c r="ADI127" s="26"/>
      <c r="ADJ127" s="26"/>
      <c r="ADK127" s="26"/>
      <c r="ADL127" s="26"/>
      <c r="ADM127" s="26"/>
      <c r="ADN127" s="26"/>
      <c r="ADO127" s="26"/>
      <c r="ADP127" s="26"/>
      <c r="ADQ127" s="26"/>
      <c r="ADR127" s="26"/>
      <c r="ADS127" s="26"/>
      <c r="ADT127" s="26"/>
      <c r="ADU127" s="26"/>
      <c r="ADV127" s="26"/>
      <c r="ADW127" s="26"/>
      <c r="ADX127" s="26"/>
      <c r="ADY127" s="26"/>
      <c r="ADZ127" s="26"/>
      <c r="AEA127" s="26"/>
      <c r="AEB127" s="26"/>
      <c r="AEC127" s="26"/>
      <c r="AED127" s="26"/>
      <c r="AEE127" s="26"/>
      <c r="AEF127" s="26"/>
      <c r="AEG127" s="26"/>
      <c r="AEH127" s="26"/>
      <c r="AEI127" s="26"/>
      <c r="AEJ127" s="26"/>
      <c r="AEK127" s="26"/>
      <c r="AEL127" s="26"/>
      <c r="AEM127" s="26"/>
      <c r="AEN127" s="26"/>
      <c r="AEO127" s="26"/>
      <c r="AEP127" s="26"/>
      <c r="AEQ127" s="26"/>
      <c r="AER127" s="26"/>
      <c r="AES127" s="26"/>
      <c r="AET127" s="26"/>
      <c r="AEU127" s="26"/>
      <c r="AEV127" s="26"/>
      <c r="AEW127" s="26"/>
      <c r="AEX127" s="26"/>
      <c r="AEY127" s="26"/>
      <c r="AEZ127" s="26"/>
      <c r="AFA127" s="26"/>
      <c r="AFB127" s="26"/>
      <c r="AFC127" s="26"/>
      <c r="AFD127" s="26"/>
      <c r="AFE127" s="26"/>
      <c r="AFF127" s="26"/>
      <c r="AFG127" s="26"/>
      <c r="AFH127" s="26"/>
      <c r="AFI127" s="26"/>
      <c r="AFJ127" s="26"/>
      <c r="AFK127" s="26"/>
      <c r="AFL127" s="26"/>
      <c r="AFM127" s="26"/>
      <c r="AFN127" s="26"/>
      <c r="AFO127" s="26"/>
      <c r="AFP127" s="26"/>
      <c r="AFQ127" s="26"/>
      <c r="AFR127" s="26"/>
      <c r="AFS127" s="26"/>
      <c r="AFT127" s="26"/>
      <c r="AFU127" s="26"/>
      <c r="AFV127" s="26"/>
      <c r="AFW127" s="26"/>
      <c r="AFX127" s="26"/>
      <c r="AFY127" s="26"/>
      <c r="AFZ127" s="26"/>
      <c r="AGA127" s="26"/>
      <c r="AGB127" s="26"/>
      <c r="AGC127" s="26"/>
      <c r="AGD127" s="26"/>
      <c r="AGE127" s="26"/>
      <c r="AGF127" s="26"/>
      <c r="AGG127" s="26"/>
      <c r="AGH127" s="26"/>
      <c r="AGI127" s="26"/>
      <c r="AGJ127" s="26"/>
      <c r="AGK127" s="26"/>
      <c r="AGL127" s="26"/>
      <c r="AGM127" s="26"/>
      <c r="AGN127" s="26"/>
      <c r="AGO127" s="26"/>
      <c r="AGP127" s="26"/>
      <c r="AGQ127" s="26"/>
      <c r="AGR127" s="26"/>
      <c r="AGS127" s="26"/>
      <c r="AGT127" s="26"/>
      <c r="AGU127" s="26"/>
      <c r="AGV127" s="26"/>
      <c r="AGW127" s="26"/>
      <c r="AGX127" s="26"/>
      <c r="AGY127" s="26"/>
      <c r="AGZ127" s="26"/>
      <c r="AHA127" s="26"/>
      <c r="AHB127" s="26"/>
      <c r="AHC127" s="26"/>
      <c r="AHD127" s="26"/>
      <c r="AHE127" s="26"/>
      <c r="AHF127" s="26"/>
      <c r="AHG127" s="26"/>
      <c r="AHH127" s="26"/>
      <c r="AHI127" s="26"/>
      <c r="AHJ127" s="26"/>
      <c r="AHK127" s="26"/>
      <c r="AHL127" s="26"/>
      <c r="AHM127" s="26"/>
      <c r="AHN127" s="26"/>
      <c r="AHO127" s="26"/>
      <c r="AHP127" s="26"/>
      <c r="AHQ127" s="26"/>
      <c r="AHR127" s="26"/>
      <c r="AHS127" s="26"/>
      <c r="AHT127" s="26"/>
      <c r="AHU127" s="26"/>
      <c r="AHV127" s="26"/>
      <c r="AHW127" s="26"/>
      <c r="AHX127" s="26"/>
      <c r="AHY127" s="26"/>
      <c r="AHZ127" s="26"/>
      <c r="AIA127" s="26"/>
      <c r="AIB127" s="26"/>
      <c r="AIC127" s="26"/>
      <c r="AID127" s="26"/>
      <c r="AIE127" s="26"/>
      <c r="AIF127" s="26"/>
      <c r="AIG127" s="26"/>
      <c r="AIH127" s="26"/>
      <c r="AII127" s="26"/>
      <c r="AIJ127" s="26"/>
      <c r="AIK127" s="26"/>
      <c r="AIL127" s="26"/>
      <c r="AIM127" s="26"/>
      <c r="AIN127" s="26"/>
      <c r="AIO127" s="26"/>
      <c r="AIP127" s="26"/>
      <c r="AIQ127" s="26"/>
      <c r="AIR127" s="26"/>
      <c r="AIS127" s="26"/>
      <c r="AIT127" s="26"/>
      <c r="AIU127" s="26"/>
      <c r="AIV127" s="26"/>
      <c r="AIW127" s="26"/>
      <c r="AIX127" s="26"/>
      <c r="AIY127" s="26"/>
      <c r="AIZ127" s="26"/>
      <c r="AJA127" s="26"/>
      <c r="AJB127" s="26"/>
      <c r="AJC127" s="26"/>
      <c r="AJD127" s="26"/>
      <c r="AJE127" s="26"/>
      <c r="AJF127" s="26"/>
      <c r="AJG127" s="26"/>
      <c r="AJH127" s="26"/>
      <c r="AJI127" s="26"/>
      <c r="AJJ127" s="26"/>
      <c r="AJK127" s="26"/>
      <c r="AJL127" s="26"/>
      <c r="AJM127" s="26"/>
      <c r="AJN127" s="26"/>
      <c r="AJO127" s="26"/>
      <c r="AJP127" s="26"/>
      <c r="AJQ127" s="26"/>
      <c r="AJR127" s="26"/>
      <c r="AJS127" s="26"/>
      <c r="AJT127" s="26"/>
      <c r="AJU127" s="26"/>
      <c r="AJV127" s="26"/>
      <c r="AJW127" s="26"/>
      <c r="AJX127" s="26"/>
      <c r="AJY127" s="26"/>
      <c r="AJZ127" s="26"/>
      <c r="AKA127" s="26"/>
      <c r="AKB127" s="26"/>
      <c r="AKC127" s="26"/>
      <c r="AKD127" s="26"/>
      <c r="AKE127" s="26"/>
      <c r="AKF127" s="26"/>
      <c r="AKG127" s="26"/>
      <c r="AKH127" s="26"/>
      <c r="AKI127" s="26"/>
      <c r="AKJ127" s="26"/>
      <c r="AKK127" s="26"/>
      <c r="AKL127" s="26"/>
      <c r="AKM127" s="26"/>
      <c r="AKN127" s="26"/>
      <c r="AKO127" s="26"/>
      <c r="AKP127" s="26"/>
      <c r="AKQ127" s="26"/>
      <c r="AKR127" s="26"/>
      <c r="AKS127" s="26"/>
      <c r="AKT127" s="26"/>
      <c r="AKU127" s="26"/>
      <c r="AKV127" s="26"/>
      <c r="AKW127" s="26"/>
      <c r="AKX127" s="26"/>
      <c r="AKY127" s="26"/>
      <c r="AKZ127" s="26"/>
      <c r="ALA127" s="26"/>
      <c r="ALB127" s="26"/>
      <c r="ALC127" s="26"/>
      <c r="ALD127" s="26"/>
      <c r="ALE127" s="26"/>
      <c r="ALF127" s="26"/>
      <c r="ALG127" s="26"/>
      <c r="ALH127" s="26"/>
      <c r="ALI127" s="26"/>
      <c r="ALJ127" s="26"/>
      <c r="ALK127" s="26"/>
      <c r="ALL127" s="26"/>
      <c r="ALM127" s="26"/>
      <c r="ALN127" s="26"/>
      <c r="ALO127" s="26"/>
      <c r="ALP127" s="26"/>
      <c r="ALQ127" s="26"/>
      <c r="ALR127" s="26"/>
      <c r="ALS127" s="26"/>
      <c r="ALT127" s="26"/>
      <c r="ALU127" s="26"/>
      <c r="ALV127" s="26"/>
      <c r="ALW127" s="26"/>
      <c r="ALX127" s="26"/>
      <c r="ALY127" s="26"/>
      <c r="ALZ127" s="26"/>
      <c r="AMA127" s="26"/>
      <c r="AMB127" s="26"/>
      <c r="AMC127" s="26"/>
      <c r="AMD127" s="26"/>
      <c r="AME127" s="26"/>
      <c r="AMF127" s="26"/>
      <c r="AMG127" s="26"/>
      <c r="AMH127" s="26"/>
      <c r="AMI127" s="26"/>
      <c r="AMJ127" s="26"/>
      <c r="AMK127" s="26"/>
      <c r="AML127" s="26"/>
      <c r="AMM127" s="26"/>
      <c r="AMN127" s="26"/>
      <c r="AMO127" s="26"/>
      <c r="AMP127" s="26"/>
      <c r="AMQ127" s="26"/>
      <c r="AMR127" s="26"/>
      <c r="AMS127" s="26"/>
      <c r="AMT127" s="26"/>
      <c r="AMU127" s="26"/>
      <c r="AMV127" s="26"/>
      <c r="AMW127" s="26"/>
      <c r="AMX127" s="26"/>
      <c r="AMY127" s="26"/>
      <c r="AMZ127" s="26"/>
      <c r="ANA127" s="26"/>
      <c r="ANB127" s="26"/>
      <c r="ANC127" s="26"/>
      <c r="AND127" s="26"/>
      <c r="ANE127" s="26"/>
      <c r="ANF127" s="26"/>
      <c r="ANG127" s="26"/>
      <c r="ANH127" s="26"/>
      <c r="ANI127" s="26"/>
      <c r="ANJ127" s="26"/>
      <c r="ANK127" s="26"/>
      <c r="ANL127" s="26"/>
      <c r="ANM127" s="26"/>
      <c r="ANN127" s="26"/>
      <c r="ANO127" s="26"/>
      <c r="ANP127" s="26"/>
      <c r="ANQ127" s="26"/>
      <c r="ANR127" s="26"/>
      <c r="ANS127" s="26"/>
      <c r="ANT127" s="26"/>
      <c r="ANU127" s="26"/>
      <c r="ANV127" s="26"/>
      <c r="ANW127" s="26"/>
      <c r="ANX127" s="26"/>
      <c r="ANY127" s="26"/>
      <c r="ANZ127" s="26"/>
      <c r="AOA127" s="26"/>
      <c r="AOB127" s="26"/>
      <c r="AOC127" s="26"/>
      <c r="AOD127" s="26"/>
      <c r="AOE127" s="26"/>
      <c r="AOF127" s="26"/>
      <c r="AOG127" s="26"/>
      <c r="AOH127" s="26"/>
      <c r="AOI127" s="26"/>
      <c r="AOJ127" s="26"/>
      <c r="AOK127" s="26"/>
      <c r="AOL127" s="26"/>
      <c r="AOM127" s="26"/>
      <c r="AON127" s="26"/>
      <c r="AOO127" s="26"/>
      <c r="AOP127" s="26"/>
      <c r="AOQ127" s="26"/>
      <c r="AOR127" s="26"/>
      <c r="AOS127" s="26"/>
      <c r="AOT127" s="26"/>
      <c r="AOU127" s="26"/>
      <c r="AOV127" s="26"/>
      <c r="AOW127" s="26"/>
      <c r="AOX127" s="26"/>
      <c r="AOY127" s="26"/>
      <c r="AOZ127" s="26"/>
      <c r="APA127" s="26"/>
      <c r="APB127" s="26"/>
      <c r="APC127" s="26"/>
      <c r="APD127" s="26"/>
      <c r="APE127" s="26"/>
      <c r="APF127" s="26"/>
      <c r="APG127" s="26"/>
      <c r="APH127" s="26"/>
      <c r="API127" s="26"/>
      <c r="APJ127" s="26"/>
      <c r="APK127" s="26"/>
      <c r="APL127" s="26"/>
      <c r="APM127" s="26"/>
      <c r="APN127" s="26"/>
      <c r="APO127" s="26"/>
      <c r="APP127" s="26"/>
      <c r="APQ127" s="26"/>
      <c r="APR127" s="26"/>
      <c r="APS127" s="26"/>
      <c r="APT127" s="26"/>
      <c r="APU127" s="26"/>
      <c r="APV127" s="26"/>
      <c r="APW127" s="26"/>
      <c r="APX127" s="26"/>
      <c r="APY127" s="26"/>
      <c r="APZ127" s="26"/>
      <c r="AQA127" s="26"/>
      <c r="AQB127" s="26"/>
      <c r="AQC127" s="26"/>
      <c r="AQD127" s="26"/>
      <c r="AQE127" s="26"/>
      <c r="AQF127" s="26"/>
      <c r="AQG127" s="26"/>
      <c r="AQH127" s="26"/>
      <c r="AQI127" s="26"/>
      <c r="AQJ127" s="26"/>
      <c r="AQK127" s="26"/>
      <c r="AQL127" s="26"/>
      <c r="AQM127" s="26"/>
      <c r="AQN127" s="26"/>
      <c r="AQO127" s="26"/>
      <c r="AQP127" s="26"/>
      <c r="AQQ127" s="26"/>
      <c r="AQR127" s="26"/>
      <c r="AQS127" s="26"/>
      <c r="AQT127" s="26"/>
      <c r="AQU127" s="26"/>
      <c r="AQV127" s="26"/>
      <c r="AQW127" s="26"/>
      <c r="AQX127" s="26"/>
      <c r="AQY127" s="26"/>
      <c r="AQZ127" s="26"/>
      <c r="ARA127" s="26"/>
      <c r="ARB127" s="26"/>
      <c r="ARC127" s="26"/>
      <c r="ARD127" s="26"/>
      <c r="ARE127" s="26"/>
      <c r="ARF127" s="26"/>
      <c r="ARG127" s="26"/>
      <c r="ARH127" s="26"/>
      <c r="ARI127" s="26"/>
      <c r="ARJ127" s="26"/>
      <c r="ARK127" s="26"/>
      <c r="ARL127" s="26"/>
      <c r="ARM127" s="26"/>
      <c r="ARN127" s="26"/>
      <c r="ARO127" s="26"/>
      <c r="ARP127" s="26"/>
      <c r="ARQ127" s="26"/>
      <c r="ARR127" s="26"/>
      <c r="ARS127" s="26"/>
      <c r="ART127" s="26"/>
      <c r="ARU127" s="26"/>
      <c r="ARV127" s="26"/>
      <c r="ARW127" s="26"/>
      <c r="ARX127" s="26"/>
      <c r="ARY127" s="26"/>
      <c r="ARZ127" s="26"/>
      <c r="ASA127" s="26"/>
      <c r="ASB127" s="26"/>
      <c r="ASC127" s="26"/>
      <c r="ASD127" s="26"/>
      <c r="ASE127" s="26"/>
      <c r="ASF127" s="26"/>
      <c r="ASG127" s="26"/>
      <c r="ASH127" s="26"/>
      <c r="ASI127" s="26"/>
      <c r="ASJ127" s="26"/>
      <c r="ASK127" s="26"/>
      <c r="ASL127" s="26"/>
      <c r="ASM127" s="26"/>
      <c r="ASN127" s="26"/>
      <c r="ASO127" s="26"/>
      <c r="ASP127" s="26"/>
      <c r="ASQ127" s="26"/>
      <c r="ASR127" s="26"/>
      <c r="ASS127" s="26"/>
      <c r="AST127" s="26"/>
      <c r="ASU127" s="26"/>
      <c r="ASV127" s="26"/>
      <c r="ASW127" s="26"/>
      <c r="ASX127" s="26"/>
      <c r="ASY127" s="26"/>
      <c r="ASZ127" s="26"/>
      <c r="ATA127" s="26"/>
      <c r="ATB127" s="26"/>
      <c r="ATC127" s="26"/>
      <c r="ATD127" s="26"/>
      <c r="ATE127" s="26"/>
      <c r="ATF127" s="26"/>
      <c r="ATG127" s="26"/>
      <c r="ATH127" s="26"/>
      <c r="ATI127" s="26"/>
      <c r="ATJ127" s="26"/>
      <c r="ATK127" s="26"/>
      <c r="ATL127" s="26"/>
      <c r="ATM127" s="26"/>
      <c r="ATN127" s="26"/>
      <c r="ATO127" s="26"/>
      <c r="ATP127" s="26"/>
      <c r="ATQ127" s="26"/>
      <c r="ATR127" s="26"/>
      <c r="ATS127" s="26"/>
      <c r="ATT127" s="26"/>
      <c r="ATU127" s="26"/>
      <c r="ATV127" s="26"/>
      <c r="ATW127" s="26"/>
      <c r="ATX127" s="26"/>
      <c r="ATY127" s="26"/>
      <c r="ATZ127" s="26"/>
      <c r="AUA127" s="26"/>
      <c r="AUB127" s="26"/>
      <c r="AUC127" s="26"/>
      <c r="AUD127" s="26"/>
      <c r="AUE127" s="26"/>
      <c r="AUF127" s="26"/>
      <c r="AUG127" s="26"/>
      <c r="AUH127" s="26"/>
      <c r="AUI127" s="26"/>
      <c r="AUJ127" s="26"/>
      <c r="AUK127" s="26"/>
      <c r="AUL127" s="26"/>
      <c r="AUM127" s="26"/>
      <c r="AUN127" s="26"/>
      <c r="AUO127" s="26"/>
      <c r="AUP127" s="26"/>
      <c r="AUQ127" s="26"/>
      <c r="AUR127" s="26"/>
      <c r="AUS127" s="26"/>
      <c r="AUT127" s="26"/>
      <c r="AUU127" s="26"/>
      <c r="AUV127" s="26"/>
      <c r="AUW127" s="26"/>
      <c r="AUX127" s="26"/>
      <c r="AUY127" s="26"/>
      <c r="AUZ127" s="26"/>
      <c r="AVA127" s="26"/>
      <c r="AVB127" s="26"/>
      <c r="AVC127" s="26"/>
      <c r="AVD127" s="26"/>
      <c r="AVE127" s="26"/>
      <c r="AVF127" s="26"/>
      <c r="AVG127" s="26"/>
      <c r="AVH127" s="26"/>
      <c r="AVI127" s="26"/>
      <c r="AVJ127" s="26"/>
      <c r="AVK127" s="26"/>
      <c r="AVL127" s="26"/>
      <c r="AVM127" s="26"/>
      <c r="AVN127" s="26"/>
      <c r="AVO127" s="26"/>
      <c r="AVP127" s="26"/>
      <c r="AVQ127" s="26"/>
      <c r="AVR127" s="26"/>
      <c r="AVS127" s="26"/>
      <c r="AVT127" s="26"/>
      <c r="AVU127" s="26"/>
      <c r="AVV127" s="26"/>
      <c r="AVW127" s="26"/>
      <c r="AVX127" s="26"/>
      <c r="AVY127" s="26"/>
      <c r="AVZ127" s="26"/>
      <c r="AWA127" s="26"/>
      <c r="AWB127" s="26"/>
      <c r="AWC127" s="26"/>
      <c r="AWD127" s="26"/>
      <c r="AWE127" s="26"/>
      <c r="AWF127" s="26"/>
      <c r="AWG127" s="26"/>
      <c r="AWH127" s="26"/>
      <c r="AWI127" s="26"/>
      <c r="AWJ127" s="26"/>
      <c r="AWK127" s="26"/>
      <c r="AWL127" s="26"/>
      <c r="AWM127" s="26"/>
      <c r="AWN127" s="26"/>
      <c r="AWO127" s="26"/>
      <c r="AWP127" s="26"/>
      <c r="AWQ127" s="26"/>
      <c r="AWR127" s="26"/>
      <c r="AWS127" s="26"/>
      <c r="AWT127" s="26"/>
      <c r="AWU127" s="26"/>
      <c r="AWV127" s="26"/>
      <c r="AWW127" s="26"/>
      <c r="AWX127" s="26"/>
      <c r="AWY127" s="26"/>
      <c r="AWZ127" s="26"/>
      <c r="AXA127" s="26"/>
      <c r="AXB127" s="26"/>
      <c r="AXC127" s="26"/>
      <c r="AXD127" s="26"/>
      <c r="AXE127" s="26"/>
      <c r="AXF127" s="26"/>
      <c r="AXG127" s="26"/>
      <c r="AXH127" s="26"/>
      <c r="AXI127" s="26"/>
      <c r="AXJ127" s="26"/>
      <c r="AXK127" s="26"/>
      <c r="AXL127" s="26"/>
      <c r="AXM127" s="26"/>
      <c r="AXN127" s="26"/>
      <c r="AXO127" s="26"/>
      <c r="AXP127" s="26"/>
      <c r="AXQ127" s="26"/>
      <c r="AXR127" s="26"/>
      <c r="AXS127" s="26"/>
      <c r="AXT127" s="26"/>
      <c r="AXU127" s="26"/>
      <c r="AXV127" s="26"/>
      <c r="AXW127" s="26"/>
      <c r="AXX127" s="26"/>
      <c r="AXY127" s="26"/>
      <c r="AXZ127" s="26"/>
      <c r="AYA127" s="26"/>
      <c r="AYB127" s="26"/>
      <c r="AYC127" s="26"/>
      <c r="AYD127" s="26"/>
      <c r="AYE127" s="26"/>
      <c r="AYF127" s="26"/>
      <c r="AYG127" s="26"/>
      <c r="AYH127" s="26"/>
      <c r="AYI127" s="26"/>
      <c r="AYJ127" s="26"/>
      <c r="AYK127" s="26"/>
      <c r="AYL127" s="26"/>
      <c r="AYM127" s="26"/>
      <c r="AYN127" s="26"/>
      <c r="AYO127" s="26"/>
      <c r="AYP127" s="26"/>
      <c r="AYQ127" s="26"/>
      <c r="AYR127" s="26"/>
      <c r="AYS127" s="26"/>
      <c r="AYT127" s="26"/>
      <c r="AYU127" s="26"/>
      <c r="AYV127" s="26"/>
      <c r="AYW127" s="26"/>
      <c r="AYX127" s="26"/>
      <c r="AYY127" s="26"/>
      <c r="AYZ127" s="26"/>
      <c r="AZA127" s="26"/>
      <c r="AZB127" s="26"/>
      <c r="AZC127" s="26"/>
      <c r="AZD127" s="26"/>
      <c r="AZE127" s="26"/>
      <c r="AZF127" s="26"/>
      <c r="AZG127" s="26"/>
      <c r="AZH127" s="26"/>
      <c r="AZI127" s="26"/>
      <c r="AZJ127" s="26"/>
      <c r="AZK127" s="26"/>
      <c r="AZL127" s="26"/>
      <c r="AZM127" s="26"/>
      <c r="AZN127" s="26"/>
      <c r="AZO127" s="26"/>
      <c r="AZP127" s="26"/>
      <c r="AZQ127" s="26"/>
      <c r="AZR127" s="26"/>
      <c r="AZS127" s="26"/>
      <c r="AZT127" s="26"/>
      <c r="AZU127" s="26"/>
      <c r="AZV127" s="26"/>
      <c r="AZW127" s="26"/>
      <c r="AZX127" s="26"/>
      <c r="AZY127" s="26"/>
      <c r="AZZ127" s="26"/>
      <c r="BAA127" s="26"/>
      <c r="BAB127" s="26"/>
      <c r="BAC127" s="26"/>
      <c r="BAD127" s="26"/>
      <c r="BAE127" s="26"/>
      <c r="BAF127" s="26"/>
      <c r="BAG127" s="26"/>
      <c r="BAH127" s="26"/>
      <c r="BAI127" s="26"/>
      <c r="BAJ127" s="26"/>
      <c r="BAK127" s="26"/>
      <c r="BAL127" s="26"/>
      <c r="BAM127" s="26"/>
      <c r="BAN127" s="26"/>
      <c r="BAO127" s="26"/>
      <c r="BAP127" s="26"/>
      <c r="BAQ127" s="26"/>
      <c r="BAR127" s="26"/>
      <c r="BAS127" s="26"/>
      <c r="BAT127" s="26"/>
      <c r="BAU127" s="26"/>
      <c r="BAV127" s="26"/>
      <c r="BAW127" s="26"/>
      <c r="BAX127" s="26"/>
      <c r="BAY127" s="26"/>
      <c r="BAZ127" s="26"/>
      <c r="BBA127" s="26"/>
      <c r="BBB127" s="26"/>
      <c r="BBC127" s="26"/>
      <c r="BBD127" s="26"/>
      <c r="BBE127" s="26"/>
      <c r="BBF127" s="26"/>
      <c r="BBG127" s="26"/>
      <c r="BBH127" s="26"/>
      <c r="BBI127" s="26"/>
      <c r="BBJ127" s="26"/>
      <c r="BBK127" s="26"/>
      <c r="BBL127" s="26"/>
      <c r="BBM127" s="26"/>
      <c r="BBN127" s="26"/>
      <c r="BBO127" s="26"/>
      <c r="BBP127" s="26"/>
      <c r="BBQ127" s="26"/>
      <c r="BBR127" s="26"/>
      <c r="BBS127" s="26"/>
      <c r="BBT127" s="26"/>
      <c r="BBU127" s="26"/>
      <c r="BBV127" s="26"/>
      <c r="BBW127" s="26"/>
      <c r="BBX127" s="26"/>
      <c r="BBY127" s="26"/>
      <c r="BBZ127" s="26"/>
      <c r="BCA127" s="26"/>
      <c r="BCB127" s="26"/>
      <c r="BCC127" s="26"/>
      <c r="BCD127" s="26"/>
      <c r="BCE127" s="26"/>
      <c r="BCF127" s="26"/>
      <c r="BCG127" s="26"/>
      <c r="BCH127" s="26"/>
      <c r="BCI127" s="26"/>
      <c r="BCJ127" s="26"/>
      <c r="BCK127" s="26"/>
      <c r="BCL127" s="26"/>
      <c r="BCM127" s="26"/>
      <c r="BCN127" s="26"/>
      <c r="BCO127" s="26"/>
      <c r="BCP127" s="26"/>
      <c r="BCQ127" s="26"/>
      <c r="BCR127" s="26"/>
      <c r="BCS127" s="26"/>
      <c r="BCT127" s="26"/>
      <c r="BCU127" s="26"/>
      <c r="BCV127" s="26"/>
      <c r="BCW127" s="26"/>
      <c r="BCX127" s="26"/>
      <c r="BCY127" s="26"/>
      <c r="BCZ127" s="26"/>
      <c r="BDA127" s="26"/>
      <c r="BDB127" s="26"/>
      <c r="BDC127" s="26"/>
      <c r="BDD127" s="26"/>
      <c r="BDE127" s="26"/>
      <c r="BDF127" s="26"/>
      <c r="BDG127" s="26"/>
      <c r="BDH127" s="26"/>
      <c r="BDI127" s="26"/>
      <c r="BDJ127" s="26"/>
      <c r="BDK127" s="26"/>
      <c r="BDL127" s="26"/>
      <c r="BDM127" s="26"/>
      <c r="BDN127" s="26"/>
      <c r="BDO127" s="26"/>
      <c r="BDP127" s="26"/>
      <c r="BDQ127" s="26"/>
      <c r="BDR127" s="26"/>
      <c r="BDS127" s="26"/>
      <c r="BDT127" s="26"/>
      <c r="BDU127" s="26"/>
      <c r="BDV127" s="26"/>
      <c r="BDW127" s="26"/>
      <c r="BDX127" s="26"/>
      <c r="BDY127" s="26"/>
      <c r="BDZ127" s="26"/>
      <c r="BEA127" s="26"/>
      <c r="BEB127" s="26"/>
      <c r="BEC127" s="26"/>
      <c r="BED127" s="26"/>
      <c r="BEE127" s="26"/>
      <c r="BEF127" s="26"/>
      <c r="BEG127" s="26"/>
      <c r="BEH127" s="26"/>
      <c r="BEI127" s="26"/>
      <c r="BEJ127" s="26"/>
      <c r="BEK127" s="26"/>
      <c r="BEL127" s="26"/>
      <c r="BEM127" s="26"/>
      <c r="BEN127" s="26"/>
      <c r="BEO127" s="26"/>
      <c r="BEP127" s="26"/>
      <c r="BEQ127" s="26"/>
      <c r="BER127" s="26"/>
      <c r="BES127" s="26"/>
      <c r="BET127" s="26"/>
      <c r="BEU127" s="26"/>
      <c r="BEV127" s="26"/>
      <c r="BEW127" s="26"/>
      <c r="BEX127" s="26"/>
      <c r="BEY127" s="26"/>
      <c r="BEZ127" s="26"/>
      <c r="BFA127" s="26"/>
      <c r="BFB127" s="26"/>
      <c r="BFC127" s="26"/>
      <c r="BFD127" s="26"/>
      <c r="BFE127" s="26"/>
      <c r="BFF127" s="26"/>
      <c r="BFG127" s="26"/>
      <c r="BFH127" s="26"/>
      <c r="BFI127" s="26"/>
      <c r="BFJ127" s="26"/>
      <c r="BFK127" s="26"/>
      <c r="BFL127" s="26"/>
      <c r="BFM127" s="26"/>
      <c r="BFN127" s="26"/>
      <c r="BFO127" s="26"/>
      <c r="BFP127" s="26"/>
      <c r="BFQ127" s="26"/>
      <c r="BFR127" s="26"/>
      <c r="BFS127" s="26"/>
      <c r="BFT127" s="26"/>
      <c r="BFU127" s="26"/>
      <c r="BFV127" s="26"/>
      <c r="BFW127" s="26"/>
      <c r="BFX127" s="26"/>
      <c r="BFY127" s="26"/>
      <c r="BFZ127" s="26"/>
      <c r="BGA127" s="26"/>
      <c r="BGB127" s="26"/>
      <c r="BGC127" s="26"/>
      <c r="BGD127" s="26"/>
      <c r="BGE127" s="26"/>
      <c r="BGF127" s="26"/>
      <c r="BGG127" s="26"/>
      <c r="BGH127" s="26"/>
      <c r="BGI127" s="26"/>
      <c r="BGJ127" s="26"/>
      <c r="BGK127" s="26"/>
      <c r="BGL127" s="26"/>
      <c r="BGM127" s="26"/>
      <c r="BGN127" s="26"/>
      <c r="BGO127" s="26"/>
      <c r="BGP127" s="26"/>
      <c r="BGQ127" s="26"/>
      <c r="BGR127" s="26"/>
      <c r="BGS127" s="26"/>
      <c r="BGT127" s="26"/>
      <c r="BGU127" s="26"/>
      <c r="BGV127" s="26"/>
      <c r="BGW127" s="26"/>
      <c r="BGX127" s="26"/>
      <c r="BGY127" s="26"/>
      <c r="BGZ127" s="26"/>
      <c r="BHA127" s="26"/>
      <c r="BHB127" s="26"/>
      <c r="BHC127" s="26"/>
      <c r="BHD127" s="26"/>
      <c r="BHE127" s="26"/>
      <c r="BHF127" s="26"/>
      <c r="BHG127" s="26"/>
      <c r="BHH127" s="26"/>
      <c r="BHI127" s="26"/>
      <c r="BHJ127" s="26"/>
      <c r="BHK127" s="26"/>
      <c r="BHL127" s="26"/>
      <c r="BHM127" s="26"/>
      <c r="BHN127" s="26"/>
      <c r="BHO127" s="26"/>
      <c r="BHP127" s="26"/>
      <c r="BHQ127" s="26"/>
      <c r="BHR127" s="26"/>
      <c r="BHS127" s="26"/>
      <c r="BHT127" s="26"/>
      <c r="BHU127" s="26"/>
      <c r="BHV127" s="26"/>
      <c r="BHW127" s="26"/>
      <c r="BHX127" s="26"/>
      <c r="BHY127" s="26"/>
      <c r="BHZ127" s="26"/>
      <c r="BIA127" s="26"/>
      <c r="BIB127" s="26"/>
      <c r="BIC127" s="26"/>
      <c r="BID127" s="26"/>
      <c r="BIE127" s="26"/>
      <c r="BIF127" s="26"/>
      <c r="BIG127" s="26"/>
      <c r="BIH127" s="26"/>
      <c r="BII127" s="26"/>
      <c r="BIJ127" s="26"/>
      <c r="BIK127" s="26"/>
      <c r="BIL127" s="26"/>
      <c r="BIM127" s="26"/>
      <c r="BIN127" s="26"/>
      <c r="BIO127" s="26"/>
      <c r="BIP127" s="26"/>
      <c r="BIQ127" s="26"/>
      <c r="BIR127" s="26"/>
      <c r="BIS127" s="26"/>
      <c r="BIT127" s="26"/>
      <c r="BIU127" s="26"/>
      <c r="BIV127" s="26"/>
      <c r="BIW127" s="26"/>
      <c r="BIX127" s="26"/>
      <c r="BIY127" s="26"/>
      <c r="BIZ127" s="26"/>
      <c r="BJA127" s="26"/>
      <c r="BJB127" s="26"/>
      <c r="BJC127" s="26"/>
      <c r="BJD127" s="26"/>
      <c r="BJE127" s="26"/>
      <c r="BJF127" s="26"/>
      <c r="BJG127" s="26"/>
      <c r="BJH127" s="26"/>
      <c r="BJI127" s="26"/>
      <c r="BJJ127" s="26"/>
      <c r="BJK127" s="26"/>
      <c r="BJL127" s="26"/>
      <c r="BJM127" s="26"/>
      <c r="BJN127" s="26"/>
      <c r="BJO127" s="26"/>
      <c r="BJP127" s="26"/>
      <c r="BJQ127" s="26"/>
      <c r="BJR127" s="26"/>
      <c r="BJS127" s="26"/>
      <c r="BJT127" s="26"/>
      <c r="BJU127" s="26"/>
      <c r="BJV127" s="26"/>
      <c r="BJW127" s="26"/>
      <c r="BJX127" s="26"/>
      <c r="BJY127" s="26"/>
      <c r="BJZ127" s="26"/>
      <c r="BKA127" s="26"/>
      <c r="BKB127" s="26"/>
      <c r="BKC127" s="26"/>
      <c r="BKD127" s="26"/>
      <c r="BKE127" s="26"/>
      <c r="BKF127" s="26"/>
      <c r="BKG127" s="26"/>
      <c r="BKH127" s="26"/>
      <c r="BKI127" s="26"/>
      <c r="BKJ127" s="26"/>
      <c r="BKK127" s="26"/>
      <c r="BKL127" s="26"/>
      <c r="BKM127" s="26"/>
      <c r="BKN127" s="26"/>
      <c r="BKO127" s="26"/>
      <c r="BKP127" s="26"/>
      <c r="BKQ127" s="26"/>
      <c r="BKR127" s="26"/>
      <c r="BKS127" s="26"/>
      <c r="BKT127" s="26"/>
      <c r="BKU127" s="26"/>
      <c r="BKV127" s="26"/>
      <c r="BKW127" s="26"/>
      <c r="BKX127" s="26"/>
      <c r="BKY127" s="26"/>
      <c r="BKZ127" s="26"/>
      <c r="BLA127" s="26"/>
      <c r="BLB127" s="26"/>
      <c r="BLC127" s="26"/>
      <c r="BLD127" s="26"/>
      <c r="BLE127" s="26"/>
      <c r="BLF127" s="26"/>
      <c r="BLG127" s="26"/>
      <c r="BLH127" s="26"/>
      <c r="BLI127" s="26"/>
      <c r="BLJ127" s="26"/>
      <c r="BLK127" s="26"/>
      <c r="BLL127" s="26"/>
      <c r="BLM127" s="26"/>
      <c r="BLN127" s="26"/>
      <c r="BLO127" s="26"/>
      <c r="BLP127" s="26"/>
      <c r="BLQ127" s="26"/>
      <c r="BLR127" s="26"/>
      <c r="BLS127" s="26"/>
      <c r="BLT127" s="26"/>
      <c r="BLU127" s="26"/>
      <c r="BLV127" s="26"/>
      <c r="BLW127" s="26"/>
      <c r="BLX127" s="26"/>
      <c r="BLY127" s="26"/>
      <c r="BLZ127" s="26"/>
      <c r="BMA127" s="26"/>
      <c r="BMB127" s="26"/>
      <c r="BMC127" s="26"/>
      <c r="BMD127" s="26"/>
      <c r="BME127" s="26"/>
      <c r="BMF127" s="26"/>
      <c r="BMG127" s="26"/>
      <c r="BMH127" s="26"/>
      <c r="BMI127" s="26"/>
      <c r="BMJ127" s="26"/>
      <c r="BMK127" s="26"/>
      <c r="BML127" s="26"/>
      <c r="BMM127" s="26"/>
      <c r="BMN127" s="26"/>
      <c r="BMO127" s="26"/>
      <c r="BMP127" s="26"/>
      <c r="BMQ127" s="26"/>
      <c r="BMR127" s="26"/>
      <c r="BMS127" s="26"/>
      <c r="BMT127" s="26"/>
      <c r="BMU127" s="26"/>
      <c r="BMV127" s="26"/>
      <c r="BMW127" s="26"/>
      <c r="BMX127" s="26"/>
      <c r="BMY127" s="26"/>
      <c r="BMZ127" s="26"/>
      <c r="BNA127" s="26"/>
      <c r="BNB127" s="26"/>
      <c r="BNC127" s="26"/>
      <c r="BND127" s="26"/>
      <c r="BNE127" s="26"/>
      <c r="BNF127" s="26"/>
      <c r="BNG127" s="26"/>
      <c r="BNH127" s="26"/>
      <c r="BNI127" s="26"/>
      <c r="BNJ127" s="26"/>
      <c r="BNK127" s="26"/>
      <c r="BNL127" s="26"/>
      <c r="BNM127" s="26"/>
      <c r="BNN127" s="26"/>
      <c r="BNO127" s="26"/>
      <c r="BNP127" s="26"/>
      <c r="BNQ127" s="26"/>
      <c r="BNR127" s="26"/>
      <c r="BNS127" s="26"/>
      <c r="BNT127" s="26"/>
      <c r="BNU127" s="26"/>
      <c r="BNV127" s="26"/>
      <c r="BNW127" s="26"/>
      <c r="BNX127" s="26"/>
      <c r="BNY127" s="26"/>
      <c r="BNZ127" s="26"/>
      <c r="BOA127" s="26"/>
      <c r="BOB127" s="26"/>
      <c r="BOC127" s="26"/>
      <c r="BOD127" s="26"/>
      <c r="BOE127" s="26"/>
      <c r="BOF127" s="26"/>
      <c r="BOG127" s="26"/>
      <c r="BOH127" s="26"/>
      <c r="BOI127" s="26"/>
      <c r="BOJ127" s="26"/>
      <c r="BOK127" s="26"/>
      <c r="BOL127" s="26"/>
      <c r="BOM127" s="26"/>
      <c r="BON127" s="26"/>
      <c r="BOO127" s="26"/>
      <c r="BOP127" s="26"/>
      <c r="BOQ127" s="26"/>
      <c r="BOR127" s="26"/>
      <c r="BOS127" s="26"/>
      <c r="BOT127" s="26"/>
      <c r="BOU127" s="26"/>
      <c r="BOV127" s="26"/>
      <c r="BOW127" s="26"/>
      <c r="BOX127" s="26"/>
      <c r="BOY127" s="26"/>
      <c r="BOZ127" s="26"/>
      <c r="BPA127" s="26"/>
      <c r="BPB127" s="26"/>
      <c r="BPC127" s="26"/>
      <c r="BPD127" s="26"/>
      <c r="BPE127" s="26"/>
      <c r="BPF127" s="26"/>
      <c r="BPG127" s="26"/>
      <c r="BPH127" s="26"/>
      <c r="BPI127" s="26"/>
      <c r="BPJ127" s="26"/>
      <c r="BPK127" s="26"/>
      <c r="BPL127" s="26"/>
      <c r="BPM127" s="26"/>
      <c r="BPN127" s="26"/>
      <c r="BPO127" s="26"/>
      <c r="BPP127" s="26"/>
      <c r="BPQ127" s="26"/>
      <c r="BPR127" s="26"/>
      <c r="BPS127" s="26"/>
      <c r="BPT127" s="26"/>
      <c r="BPU127" s="26"/>
      <c r="BPV127" s="26"/>
      <c r="BPW127" s="26"/>
      <c r="BPX127" s="26"/>
      <c r="BPY127" s="26"/>
      <c r="BPZ127" s="26"/>
      <c r="BQA127" s="26"/>
      <c r="BQB127" s="26"/>
      <c r="BQC127" s="26"/>
      <c r="BQD127" s="26"/>
      <c r="BQE127" s="26"/>
      <c r="BQF127" s="26"/>
      <c r="BQG127" s="26"/>
      <c r="BQH127" s="26"/>
      <c r="BQI127" s="26"/>
      <c r="BQJ127" s="26"/>
      <c r="BQK127" s="26"/>
      <c r="BQL127" s="26"/>
      <c r="BQM127" s="26"/>
      <c r="BQN127" s="26"/>
      <c r="BQO127" s="26"/>
      <c r="BQP127" s="26"/>
      <c r="BQQ127" s="26"/>
      <c r="BQR127" s="26"/>
      <c r="BQS127" s="26"/>
      <c r="BQT127" s="26"/>
      <c r="BQU127" s="26"/>
      <c r="BQV127" s="26"/>
      <c r="BQW127" s="26"/>
      <c r="BQX127" s="26"/>
      <c r="BQY127" s="26"/>
      <c r="BQZ127" s="26"/>
      <c r="BRA127" s="26"/>
      <c r="BRB127" s="26"/>
      <c r="BRC127" s="26"/>
      <c r="BRD127" s="26"/>
      <c r="BRE127" s="26"/>
      <c r="BRF127" s="26"/>
      <c r="BRG127" s="26"/>
      <c r="BRH127" s="26"/>
      <c r="BRI127" s="26"/>
      <c r="BRJ127" s="26"/>
      <c r="BRK127" s="26"/>
      <c r="BRL127" s="26"/>
      <c r="BRM127" s="26"/>
      <c r="BRN127" s="26"/>
      <c r="BRO127" s="26"/>
      <c r="BRP127" s="26"/>
      <c r="BRQ127" s="26"/>
      <c r="BRR127" s="26"/>
      <c r="BRS127" s="26"/>
      <c r="BRT127" s="26"/>
      <c r="BRU127" s="26"/>
      <c r="BRV127" s="26"/>
      <c r="BRW127" s="26"/>
      <c r="BRX127" s="26"/>
      <c r="BRY127" s="26"/>
      <c r="BRZ127" s="26"/>
      <c r="BSA127" s="26"/>
      <c r="BSB127" s="26"/>
      <c r="BSC127" s="26"/>
      <c r="BSD127" s="26"/>
      <c r="BSE127" s="26"/>
      <c r="BSF127" s="26"/>
      <c r="BSG127" s="26"/>
      <c r="BSH127" s="26"/>
      <c r="BSI127" s="26"/>
      <c r="BSJ127" s="26"/>
      <c r="BSK127" s="26"/>
      <c r="BSL127" s="26"/>
      <c r="BSM127" s="26"/>
      <c r="BSN127" s="26"/>
      <c r="BSO127" s="26"/>
      <c r="BSP127" s="26"/>
      <c r="BSQ127" s="26"/>
      <c r="BSR127" s="26"/>
      <c r="BSS127" s="26"/>
      <c r="BST127" s="26"/>
      <c r="BSU127" s="26"/>
      <c r="BSV127" s="26"/>
      <c r="BSW127" s="26"/>
      <c r="BSX127" s="26"/>
      <c r="BSY127" s="26"/>
      <c r="BSZ127" s="26"/>
      <c r="BTA127" s="26"/>
      <c r="BTB127" s="26"/>
      <c r="BTC127" s="26"/>
      <c r="BTD127" s="26"/>
      <c r="BTE127" s="26"/>
      <c r="BTF127" s="26"/>
      <c r="BTG127" s="26"/>
      <c r="BTH127" s="26"/>
      <c r="BTI127" s="26"/>
      <c r="BTJ127" s="26"/>
      <c r="BTK127" s="26"/>
      <c r="BTL127" s="26"/>
      <c r="BTM127" s="26"/>
      <c r="BTN127" s="26"/>
      <c r="BTO127" s="26"/>
      <c r="BTP127" s="26"/>
      <c r="BTQ127" s="26"/>
      <c r="BTR127" s="26"/>
      <c r="BTS127" s="26"/>
      <c r="BTT127" s="26"/>
      <c r="BTU127" s="26"/>
      <c r="BTV127" s="26"/>
      <c r="BTW127" s="26"/>
      <c r="BTX127" s="26"/>
      <c r="BTY127" s="26"/>
      <c r="BTZ127" s="26"/>
      <c r="BUA127" s="26"/>
      <c r="BUB127" s="26"/>
      <c r="BUC127" s="26"/>
      <c r="BUD127" s="26"/>
      <c r="BUE127" s="26"/>
      <c r="BUF127" s="26"/>
      <c r="BUG127" s="26"/>
      <c r="BUH127" s="26"/>
      <c r="BUI127" s="26"/>
      <c r="BUJ127" s="26"/>
      <c r="BUK127" s="26"/>
      <c r="BUL127" s="26"/>
      <c r="BUM127" s="26"/>
      <c r="BUN127" s="26"/>
      <c r="BUO127" s="26"/>
      <c r="BUP127" s="26"/>
      <c r="BUQ127" s="26"/>
      <c r="BUR127" s="26"/>
      <c r="BUS127" s="26"/>
      <c r="BUT127" s="26"/>
      <c r="BUU127" s="26"/>
      <c r="BUV127" s="26"/>
      <c r="BUW127" s="26"/>
      <c r="BUX127" s="26"/>
      <c r="BUY127" s="26"/>
      <c r="BUZ127" s="26"/>
      <c r="BVA127" s="26"/>
      <c r="BVB127" s="26"/>
      <c r="BVC127" s="26"/>
      <c r="BVD127" s="26"/>
      <c r="BVE127" s="26"/>
      <c r="BVF127" s="26"/>
      <c r="BVG127" s="26"/>
      <c r="BVH127" s="26"/>
      <c r="BVI127" s="26"/>
      <c r="BVJ127" s="26"/>
      <c r="BVK127" s="26"/>
      <c r="BVL127" s="26"/>
      <c r="BVM127" s="26"/>
      <c r="BVN127" s="26"/>
      <c r="BVO127" s="26"/>
      <c r="BVP127" s="26"/>
      <c r="BVQ127" s="26"/>
      <c r="BVR127" s="26"/>
      <c r="BVS127" s="26"/>
      <c r="BVT127" s="26"/>
      <c r="BVU127" s="26"/>
      <c r="BVV127" s="26"/>
      <c r="BVW127" s="26"/>
      <c r="BVX127" s="26"/>
      <c r="BVY127" s="26"/>
      <c r="BVZ127" s="26"/>
      <c r="BWA127" s="26"/>
      <c r="BWB127" s="26"/>
      <c r="BWC127" s="26"/>
      <c r="BWD127" s="26"/>
      <c r="BWE127" s="26"/>
      <c r="BWF127" s="26"/>
      <c r="BWG127" s="26"/>
      <c r="BWH127" s="26"/>
      <c r="BWI127" s="26"/>
      <c r="BWJ127" s="26"/>
      <c r="BWK127" s="26"/>
      <c r="BWL127" s="26"/>
      <c r="BWM127" s="26"/>
      <c r="BWN127" s="26"/>
      <c r="BWO127" s="26"/>
      <c r="BWP127" s="26"/>
      <c r="BWQ127" s="26"/>
      <c r="BWR127" s="26"/>
      <c r="BWS127" s="26"/>
      <c r="BWT127" s="26"/>
      <c r="BWU127" s="26"/>
      <c r="BWV127" s="26"/>
      <c r="BWW127" s="26"/>
      <c r="BWX127" s="26"/>
      <c r="BWY127" s="26"/>
      <c r="BWZ127" s="26"/>
      <c r="BXA127" s="26"/>
      <c r="BXB127" s="26"/>
      <c r="BXC127" s="26"/>
      <c r="BXD127" s="26"/>
      <c r="BXE127" s="26"/>
      <c r="BXF127" s="26"/>
      <c r="BXG127" s="26"/>
      <c r="BXH127" s="26"/>
      <c r="BXI127" s="26"/>
      <c r="BXJ127" s="26"/>
      <c r="BXK127" s="26"/>
      <c r="BXL127" s="26"/>
      <c r="BXM127" s="26"/>
      <c r="BXN127" s="26"/>
      <c r="BXO127" s="26"/>
      <c r="BXP127" s="26"/>
      <c r="BXQ127" s="26"/>
      <c r="BXR127" s="26"/>
      <c r="BXS127" s="26"/>
      <c r="BXT127" s="26"/>
      <c r="BXU127" s="26"/>
      <c r="BXV127" s="26"/>
      <c r="BXW127" s="26"/>
      <c r="BXX127" s="26"/>
      <c r="BXY127" s="26"/>
      <c r="BXZ127" s="26"/>
      <c r="BYA127" s="26"/>
      <c r="BYB127" s="26"/>
      <c r="BYC127" s="26"/>
      <c r="BYD127" s="26"/>
      <c r="BYE127" s="26"/>
      <c r="BYF127" s="26"/>
      <c r="BYG127" s="26"/>
      <c r="BYH127" s="26"/>
      <c r="BYI127" s="26"/>
      <c r="BYJ127" s="26"/>
      <c r="BYK127" s="26"/>
      <c r="BYL127" s="26"/>
      <c r="BYM127" s="26"/>
      <c r="BYN127" s="26"/>
      <c r="BYO127" s="26"/>
      <c r="BYP127" s="26"/>
      <c r="BYQ127" s="26"/>
      <c r="BYR127" s="26"/>
      <c r="BYS127" s="26"/>
      <c r="BYT127" s="26"/>
      <c r="BYU127" s="26"/>
      <c r="BYV127" s="26"/>
      <c r="BYW127" s="26"/>
      <c r="BYX127" s="26"/>
      <c r="BYY127" s="26"/>
      <c r="BYZ127" s="26"/>
      <c r="BZA127" s="26"/>
      <c r="BZB127" s="26"/>
      <c r="BZC127" s="26"/>
      <c r="BZD127" s="26"/>
      <c r="BZE127" s="26"/>
      <c r="BZF127" s="26"/>
      <c r="BZG127" s="26"/>
      <c r="BZH127" s="26"/>
      <c r="BZI127" s="26"/>
      <c r="BZJ127" s="26"/>
      <c r="BZK127" s="26"/>
      <c r="BZL127" s="26"/>
      <c r="BZM127" s="26"/>
      <c r="BZN127" s="26"/>
      <c r="BZO127" s="26"/>
      <c r="BZP127" s="26"/>
      <c r="BZQ127" s="26"/>
      <c r="BZR127" s="26"/>
      <c r="BZS127" s="26"/>
      <c r="BZT127" s="26"/>
      <c r="BZU127" s="26"/>
      <c r="BZV127" s="26"/>
      <c r="BZW127" s="26"/>
      <c r="BZX127" s="26"/>
      <c r="BZY127" s="26"/>
      <c r="BZZ127" s="26"/>
      <c r="CAA127" s="26"/>
      <c r="CAB127" s="26"/>
      <c r="CAC127" s="26"/>
      <c r="CAD127" s="26"/>
      <c r="CAE127" s="26"/>
      <c r="CAF127" s="26"/>
      <c r="CAG127" s="26"/>
      <c r="CAH127" s="26"/>
      <c r="CAI127" s="26"/>
      <c r="CAJ127" s="26"/>
      <c r="CAK127" s="26"/>
      <c r="CAL127" s="26"/>
      <c r="CAM127" s="26"/>
      <c r="CAN127" s="26"/>
      <c r="CAO127" s="26"/>
      <c r="CAP127" s="26"/>
      <c r="CAQ127" s="26"/>
      <c r="CAR127" s="26"/>
      <c r="CAS127" s="26"/>
      <c r="CAT127" s="26"/>
      <c r="CAU127" s="26"/>
      <c r="CAV127" s="26"/>
      <c r="CAW127" s="26"/>
      <c r="CAX127" s="26"/>
      <c r="CAY127" s="26"/>
      <c r="CAZ127" s="26"/>
      <c r="CBA127" s="26"/>
      <c r="CBB127" s="26"/>
      <c r="CBC127" s="26"/>
      <c r="CBD127" s="26"/>
      <c r="CBE127" s="26"/>
      <c r="CBF127" s="26"/>
      <c r="CBG127" s="26"/>
      <c r="CBH127" s="26"/>
      <c r="CBI127" s="26"/>
      <c r="CBJ127" s="26"/>
      <c r="CBK127" s="26"/>
      <c r="CBL127" s="26"/>
      <c r="CBM127" s="26"/>
      <c r="CBN127" s="26"/>
      <c r="CBO127" s="26"/>
      <c r="CBP127" s="26"/>
      <c r="CBQ127" s="26"/>
      <c r="CBR127" s="26"/>
      <c r="CBS127" s="26"/>
      <c r="CBT127" s="26"/>
      <c r="CBU127" s="26"/>
      <c r="CBV127" s="26"/>
      <c r="CBW127" s="26"/>
      <c r="CBX127" s="26"/>
      <c r="CBY127" s="26"/>
      <c r="CBZ127" s="26"/>
      <c r="CCA127" s="26"/>
      <c r="CCB127" s="26"/>
      <c r="CCC127" s="26"/>
      <c r="CCD127" s="26"/>
      <c r="CCE127" s="26"/>
      <c r="CCF127" s="26"/>
      <c r="CCG127" s="26"/>
      <c r="CCH127" s="26"/>
      <c r="CCI127" s="26"/>
      <c r="CCJ127" s="26"/>
      <c r="CCK127" s="26"/>
      <c r="CCL127" s="26"/>
      <c r="CCM127" s="26"/>
      <c r="CCN127" s="26"/>
      <c r="CCO127" s="26"/>
      <c r="CCP127" s="26"/>
      <c r="CCQ127" s="26"/>
      <c r="CCR127" s="26"/>
      <c r="CCS127" s="26"/>
      <c r="CCT127" s="26"/>
      <c r="CCU127" s="26"/>
      <c r="CCV127" s="26"/>
      <c r="CCW127" s="26"/>
      <c r="CCX127" s="26"/>
      <c r="CCY127" s="26"/>
      <c r="CCZ127" s="26"/>
      <c r="CDA127" s="26"/>
      <c r="CDB127" s="26"/>
      <c r="CDC127" s="26"/>
      <c r="CDD127" s="26"/>
      <c r="CDE127" s="26"/>
      <c r="CDF127" s="26"/>
      <c r="CDG127" s="26"/>
      <c r="CDH127" s="26"/>
      <c r="CDI127" s="26"/>
      <c r="CDJ127" s="26"/>
      <c r="CDK127" s="26"/>
      <c r="CDL127" s="26"/>
      <c r="CDM127" s="26"/>
      <c r="CDN127" s="26"/>
      <c r="CDO127" s="26"/>
      <c r="CDP127" s="26"/>
      <c r="CDQ127" s="26"/>
      <c r="CDR127" s="26"/>
      <c r="CDS127" s="26"/>
      <c r="CDT127" s="26"/>
      <c r="CDU127" s="26"/>
      <c r="CDV127" s="26"/>
      <c r="CDW127" s="26"/>
      <c r="CDX127" s="26"/>
      <c r="CDY127" s="26"/>
      <c r="CDZ127" s="26"/>
      <c r="CEA127" s="26"/>
      <c r="CEB127" s="26"/>
      <c r="CEC127" s="26"/>
      <c r="CED127" s="26"/>
      <c r="CEE127" s="26"/>
      <c r="CEF127" s="26"/>
      <c r="CEG127" s="26"/>
      <c r="CEH127" s="26"/>
      <c r="CEI127" s="26"/>
      <c r="CEJ127" s="26"/>
      <c r="CEK127" s="26"/>
      <c r="CEL127" s="26"/>
      <c r="CEM127" s="26"/>
      <c r="CEN127" s="26"/>
      <c r="CEO127" s="26"/>
      <c r="CEP127" s="26"/>
      <c r="CEQ127" s="26"/>
      <c r="CER127" s="26"/>
      <c r="CES127" s="26"/>
      <c r="CET127" s="26"/>
      <c r="CEU127" s="26"/>
      <c r="CEV127" s="26"/>
      <c r="CEW127" s="26"/>
      <c r="CEX127" s="26"/>
      <c r="CEY127" s="26"/>
      <c r="CEZ127" s="26"/>
      <c r="CFA127" s="26"/>
      <c r="CFB127" s="26"/>
      <c r="CFC127" s="26"/>
      <c r="CFD127" s="26"/>
      <c r="CFE127" s="26"/>
      <c r="CFF127" s="26"/>
      <c r="CFG127" s="26"/>
      <c r="CFH127" s="26"/>
      <c r="CFI127" s="26"/>
      <c r="CFJ127" s="26"/>
      <c r="CFK127" s="26"/>
      <c r="CFL127" s="26"/>
      <c r="CFM127" s="26"/>
      <c r="CFN127" s="26"/>
      <c r="CFO127" s="26"/>
      <c r="CFP127" s="26"/>
      <c r="CFQ127" s="26"/>
      <c r="CFR127" s="26"/>
      <c r="CFS127" s="26"/>
      <c r="CFT127" s="26"/>
      <c r="CFU127" s="26"/>
      <c r="CFV127" s="26"/>
      <c r="CFW127" s="26"/>
      <c r="CFX127" s="26"/>
      <c r="CFY127" s="26"/>
      <c r="CFZ127" s="26"/>
      <c r="CGA127" s="26"/>
      <c r="CGB127" s="26"/>
      <c r="CGC127" s="26"/>
      <c r="CGD127" s="26"/>
      <c r="CGE127" s="26"/>
      <c r="CGF127" s="26"/>
      <c r="CGG127" s="26"/>
      <c r="CGH127" s="26"/>
      <c r="CGI127" s="26"/>
      <c r="CGJ127" s="26"/>
      <c r="CGK127" s="26"/>
      <c r="CGL127" s="26"/>
      <c r="CGM127" s="26"/>
      <c r="CGN127" s="26"/>
      <c r="CGO127" s="26"/>
      <c r="CGP127" s="26"/>
      <c r="CGQ127" s="26"/>
      <c r="CGR127" s="26"/>
      <c r="CGS127" s="26"/>
      <c r="CGT127" s="26"/>
      <c r="CGU127" s="26"/>
      <c r="CGV127" s="26"/>
      <c r="CGW127" s="26"/>
      <c r="CGX127" s="26"/>
      <c r="CGY127" s="26"/>
      <c r="CGZ127" s="26"/>
      <c r="CHA127" s="26"/>
      <c r="CHB127" s="26"/>
      <c r="CHC127" s="26"/>
      <c r="CHD127" s="26"/>
      <c r="CHE127" s="26"/>
      <c r="CHF127" s="26"/>
      <c r="CHG127" s="26"/>
      <c r="CHH127" s="26"/>
      <c r="CHI127" s="26"/>
      <c r="CHJ127" s="26"/>
      <c r="CHK127" s="26"/>
      <c r="CHL127" s="26"/>
      <c r="CHM127" s="26"/>
      <c r="CHN127" s="26"/>
      <c r="CHO127" s="26"/>
      <c r="CHP127" s="26"/>
      <c r="CHQ127" s="26"/>
      <c r="CHR127" s="26"/>
      <c r="CHS127" s="26"/>
      <c r="CHT127" s="26"/>
      <c r="CHU127" s="26"/>
      <c r="CHV127" s="26"/>
      <c r="CHW127" s="26"/>
      <c r="CHX127" s="26"/>
      <c r="CHY127" s="26"/>
      <c r="CHZ127" s="26"/>
      <c r="CIA127" s="26"/>
      <c r="CIB127" s="26"/>
      <c r="CIC127" s="26"/>
      <c r="CID127" s="26"/>
      <c r="CIE127" s="26"/>
      <c r="CIF127" s="26"/>
      <c r="CIG127" s="26"/>
      <c r="CIH127" s="26"/>
      <c r="CII127" s="26"/>
      <c r="CIJ127" s="26"/>
      <c r="CIK127" s="26"/>
      <c r="CIL127" s="26"/>
      <c r="CIM127" s="26"/>
      <c r="CIN127" s="26"/>
      <c r="CIO127" s="26"/>
      <c r="CIP127" s="26"/>
      <c r="CIQ127" s="26"/>
      <c r="CIR127" s="26"/>
      <c r="CIS127" s="26"/>
      <c r="CIT127" s="26"/>
      <c r="CIU127" s="26"/>
      <c r="CIV127" s="26"/>
      <c r="CIW127" s="26"/>
      <c r="CIX127" s="26"/>
      <c r="CIY127" s="26"/>
      <c r="CIZ127" s="26"/>
      <c r="CJA127" s="26"/>
      <c r="CJB127" s="26"/>
      <c r="CJC127" s="26"/>
      <c r="CJD127" s="26"/>
      <c r="CJE127" s="26"/>
      <c r="CJF127" s="26"/>
      <c r="CJG127" s="26"/>
      <c r="CJH127" s="26"/>
      <c r="CJI127" s="26"/>
      <c r="CJJ127" s="26"/>
      <c r="CJK127" s="26"/>
      <c r="CJL127" s="26"/>
      <c r="CJM127" s="26"/>
      <c r="CJN127" s="26"/>
      <c r="CJO127" s="26"/>
      <c r="CJP127" s="26"/>
      <c r="CJQ127" s="26"/>
      <c r="CJR127" s="26"/>
      <c r="CJS127" s="26"/>
      <c r="CJT127" s="26"/>
      <c r="CJU127" s="26"/>
      <c r="CJV127" s="26"/>
      <c r="CJW127" s="26"/>
      <c r="CJX127" s="26"/>
      <c r="CJY127" s="26"/>
      <c r="CJZ127" s="26"/>
      <c r="CKA127" s="26"/>
      <c r="CKB127" s="26"/>
      <c r="CKC127" s="26"/>
      <c r="CKD127" s="26"/>
      <c r="CKE127" s="26"/>
      <c r="CKF127" s="26"/>
      <c r="CKG127" s="26"/>
      <c r="CKH127" s="26"/>
      <c r="CKI127" s="26"/>
      <c r="CKJ127" s="26"/>
      <c r="CKK127" s="26"/>
      <c r="CKL127" s="26"/>
      <c r="CKM127" s="26"/>
      <c r="CKN127" s="26"/>
      <c r="CKO127" s="26"/>
      <c r="CKP127" s="26"/>
      <c r="CKQ127" s="26"/>
      <c r="CKR127" s="26"/>
      <c r="CKS127" s="26"/>
      <c r="CKT127" s="26"/>
      <c r="CKU127" s="26"/>
      <c r="CKV127" s="26"/>
      <c r="CKW127" s="26"/>
      <c r="CKX127" s="26"/>
      <c r="CKY127" s="26"/>
      <c r="CKZ127" s="26"/>
      <c r="CLA127" s="26"/>
      <c r="CLB127" s="26"/>
      <c r="CLC127" s="26"/>
      <c r="CLD127" s="26"/>
      <c r="CLE127" s="26"/>
      <c r="CLF127" s="26"/>
      <c r="CLG127" s="26"/>
      <c r="CLH127" s="26"/>
      <c r="CLI127" s="26"/>
      <c r="CLJ127" s="26"/>
      <c r="CLK127" s="26"/>
      <c r="CLL127" s="26"/>
      <c r="CLM127" s="26"/>
      <c r="CLN127" s="26"/>
      <c r="CLO127" s="26"/>
      <c r="CLP127" s="26"/>
      <c r="CLQ127" s="26"/>
      <c r="CLR127" s="26"/>
      <c r="CLS127" s="26"/>
      <c r="CLT127" s="26"/>
      <c r="CLU127" s="26"/>
      <c r="CLV127" s="26"/>
      <c r="CLW127" s="26"/>
      <c r="CLX127" s="26"/>
      <c r="CLY127" s="26"/>
      <c r="CLZ127" s="26"/>
      <c r="CMA127" s="26"/>
      <c r="CMB127" s="26"/>
      <c r="CMC127" s="26"/>
      <c r="CMD127" s="26"/>
      <c r="CME127" s="26"/>
      <c r="CMF127" s="26"/>
      <c r="CMG127" s="26"/>
      <c r="CMH127" s="26"/>
      <c r="CMI127" s="26"/>
      <c r="CMJ127" s="26"/>
      <c r="CMK127" s="26"/>
      <c r="CML127" s="26"/>
      <c r="CMM127" s="26"/>
      <c r="CMN127" s="26"/>
      <c r="CMO127" s="26"/>
      <c r="CMP127" s="26"/>
      <c r="CMQ127" s="26"/>
      <c r="CMR127" s="26"/>
      <c r="CMS127" s="26"/>
      <c r="CMT127" s="26"/>
      <c r="CMU127" s="26"/>
      <c r="CMV127" s="26"/>
      <c r="CMW127" s="26"/>
      <c r="CMX127" s="26"/>
      <c r="CMY127" s="26"/>
      <c r="CMZ127" s="26"/>
      <c r="CNA127" s="26"/>
      <c r="CNB127" s="26"/>
      <c r="CNC127" s="26"/>
      <c r="CND127" s="26"/>
      <c r="CNE127" s="26"/>
      <c r="CNF127" s="26"/>
      <c r="CNG127" s="26"/>
      <c r="CNH127" s="26"/>
      <c r="CNI127" s="26"/>
      <c r="CNJ127" s="26"/>
      <c r="CNK127" s="26"/>
      <c r="CNL127" s="26"/>
      <c r="CNM127" s="26"/>
      <c r="CNN127" s="26"/>
      <c r="CNO127" s="26"/>
      <c r="CNP127" s="26"/>
      <c r="CNQ127" s="26"/>
      <c r="CNR127" s="26"/>
      <c r="CNS127" s="26"/>
      <c r="CNT127" s="26"/>
      <c r="CNU127" s="26"/>
      <c r="CNV127" s="26"/>
      <c r="CNW127" s="26"/>
      <c r="CNX127" s="26"/>
      <c r="CNY127" s="26"/>
      <c r="CNZ127" s="26"/>
      <c r="COA127" s="26"/>
      <c r="COB127" s="26"/>
      <c r="COC127" s="26"/>
      <c r="COD127" s="26"/>
      <c r="COE127" s="26"/>
      <c r="COF127" s="26"/>
      <c r="COG127" s="26"/>
      <c r="COH127" s="26"/>
      <c r="COI127" s="26"/>
      <c r="COJ127" s="26"/>
      <c r="COK127" s="26"/>
      <c r="COL127" s="26"/>
      <c r="COM127" s="26"/>
      <c r="CON127" s="26"/>
      <c r="COO127" s="26"/>
      <c r="COP127" s="26"/>
      <c r="COQ127" s="26"/>
      <c r="COR127" s="26"/>
      <c r="COS127" s="26"/>
      <c r="COT127" s="26"/>
      <c r="COU127" s="26"/>
      <c r="COV127" s="26"/>
      <c r="COW127" s="26"/>
      <c r="COX127" s="26"/>
      <c r="COY127" s="26"/>
      <c r="COZ127" s="26"/>
      <c r="CPA127" s="26"/>
      <c r="CPB127" s="26"/>
      <c r="CPC127" s="26"/>
      <c r="CPD127" s="26"/>
      <c r="CPE127" s="26"/>
      <c r="CPF127" s="26"/>
      <c r="CPG127" s="26"/>
      <c r="CPH127" s="26"/>
      <c r="CPI127" s="26"/>
      <c r="CPJ127" s="26"/>
      <c r="CPK127" s="26"/>
      <c r="CPL127" s="26"/>
      <c r="CPM127" s="26"/>
      <c r="CPN127" s="26"/>
      <c r="CPO127" s="26"/>
      <c r="CPP127" s="26"/>
      <c r="CPQ127" s="26"/>
      <c r="CPR127" s="26"/>
      <c r="CPS127" s="26"/>
      <c r="CPT127" s="26"/>
      <c r="CPU127" s="26"/>
      <c r="CPV127" s="26"/>
      <c r="CPW127" s="26"/>
      <c r="CPX127" s="26"/>
      <c r="CPY127" s="26"/>
      <c r="CPZ127" s="26"/>
      <c r="CQA127" s="26"/>
      <c r="CQB127" s="26"/>
      <c r="CQC127" s="26"/>
      <c r="CQD127" s="26"/>
      <c r="CQE127" s="26"/>
      <c r="CQF127" s="26"/>
      <c r="CQG127" s="26"/>
      <c r="CQH127" s="26"/>
      <c r="CQI127" s="26"/>
      <c r="CQJ127" s="26"/>
      <c r="CQK127" s="26"/>
      <c r="CQL127" s="26"/>
      <c r="CQM127" s="26"/>
      <c r="CQN127" s="26"/>
      <c r="CQO127" s="26"/>
      <c r="CQP127" s="26"/>
      <c r="CQQ127" s="26"/>
      <c r="CQR127" s="26"/>
      <c r="CQS127" s="26"/>
      <c r="CQT127" s="26"/>
      <c r="CQU127" s="26"/>
      <c r="CQV127" s="26"/>
      <c r="CQW127" s="26"/>
      <c r="CQX127" s="26"/>
      <c r="CQY127" s="26"/>
      <c r="CQZ127" s="26"/>
      <c r="CRA127" s="26"/>
      <c r="CRB127" s="26"/>
      <c r="CRC127" s="26"/>
      <c r="CRD127" s="26"/>
      <c r="CRE127" s="26"/>
      <c r="CRF127" s="26"/>
      <c r="CRG127" s="26"/>
      <c r="CRH127" s="26"/>
      <c r="CRI127" s="26"/>
      <c r="CRJ127" s="26"/>
      <c r="CRK127" s="26"/>
      <c r="CRL127" s="26"/>
      <c r="CRM127" s="26"/>
      <c r="CRN127" s="26"/>
      <c r="CRO127" s="26"/>
      <c r="CRP127" s="26"/>
      <c r="CRQ127" s="26"/>
      <c r="CRR127" s="26"/>
      <c r="CRS127" s="26"/>
      <c r="CRT127" s="26"/>
      <c r="CRU127" s="26"/>
      <c r="CRV127" s="26"/>
      <c r="CRW127" s="26"/>
      <c r="CRX127" s="26"/>
      <c r="CRY127" s="26"/>
      <c r="CRZ127" s="26"/>
      <c r="CSA127" s="26"/>
      <c r="CSB127" s="26"/>
      <c r="CSC127" s="26"/>
      <c r="CSD127" s="26"/>
      <c r="CSE127" s="26"/>
      <c r="CSF127" s="26"/>
      <c r="CSG127" s="26"/>
      <c r="CSH127" s="26"/>
      <c r="CSI127" s="26"/>
      <c r="CSJ127" s="26"/>
      <c r="CSK127" s="26"/>
      <c r="CSL127" s="26"/>
      <c r="CSM127" s="26"/>
      <c r="CSN127" s="26"/>
      <c r="CSO127" s="26"/>
      <c r="CSP127" s="26"/>
      <c r="CSQ127" s="26"/>
      <c r="CSR127" s="26"/>
      <c r="CSS127" s="26"/>
      <c r="CST127" s="26"/>
      <c r="CSU127" s="26"/>
      <c r="CSV127" s="26"/>
      <c r="CSW127" s="26"/>
      <c r="CSX127" s="26"/>
      <c r="CSY127" s="26"/>
      <c r="CSZ127" s="26"/>
      <c r="CTA127" s="26"/>
      <c r="CTB127" s="26"/>
      <c r="CTC127" s="26"/>
      <c r="CTD127" s="26"/>
      <c r="CTE127" s="26"/>
      <c r="CTF127" s="26"/>
      <c r="CTG127" s="26"/>
      <c r="CTH127" s="26"/>
      <c r="CTI127" s="26"/>
      <c r="CTJ127" s="26"/>
      <c r="CTK127" s="26"/>
      <c r="CTL127" s="26"/>
      <c r="CTM127" s="26"/>
      <c r="CTN127" s="26"/>
      <c r="CTO127" s="26"/>
      <c r="CTP127" s="26"/>
      <c r="CTQ127" s="26"/>
      <c r="CTR127" s="26"/>
      <c r="CTS127" s="26"/>
      <c r="CTT127" s="26"/>
      <c r="CTU127" s="26"/>
      <c r="CTV127" s="26"/>
      <c r="CTW127" s="26"/>
      <c r="CTX127" s="26"/>
      <c r="CTY127" s="26"/>
      <c r="CTZ127" s="26"/>
      <c r="CUA127" s="26"/>
      <c r="CUB127" s="26"/>
      <c r="CUC127" s="26"/>
      <c r="CUD127" s="26"/>
      <c r="CUE127" s="26"/>
      <c r="CUF127" s="26"/>
      <c r="CUG127" s="26"/>
      <c r="CUH127" s="26"/>
      <c r="CUI127" s="26"/>
      <c r="CUJ127" s="26"/>
      <c r="CUK127" s="26"/>
      <c r="CUL127" s="26"/>
      <c r="CUM127" s="26"/>
      <c r="CUN127" s="26"/>
      <c r="CUO127" s="26"/>
      <c r="CUP127" s="26"/>
      <c r="CUQ127" s="26"/>
      <c r="CUR127" s="26"/>
      <c r="CUS127" s="26"/>
      <c r="CUT127" s="26"/>
      <c r="CUU127" s="26"/>
      <c r="CUV127" s="26"/>
      <c r="CUW127" s="26"/>
      <c r="CUX127" s="26"/>
      <c r="CUY127" s="26"/>
      <c r="CUZ127" s="26"/>
      <c r="CVA127" s="26"/>
      <c r="CVB127" s="26"/>
      <c r="CVC127" s="26"/>
      <c r="CVD127" s="26"/>
      <c r="CVE127" s="26"/>
      <c r="CVF127" s="26"/>
      <c r="CVG127" s="26"/>
      <c r="CVH127" s="26"/>
      <c r="CVI127" s="26"/>
      <c r="CVJ127" s="26"/>
      <c r="CVK127" s="26"/>
      <c r="CVL127" s="26"/>
      <c r="CVM127" s="26"/>
      <c r="CVN127" s="26"/>
      <c r="CVO127" s="26"/>
      <c r="CVP127" s="26"/>
      <c r="CVQ127" s="26"/>
      <c r="CVR127" s="26"/>
      <c r="CVS127" s="26"/>
      <c r="CVT127" s="26"/>
      <c r="CVU127" s="26"/>
      <c r="CVV127" s="26"/>
      <c r="CVW127" s="26"/>
      <c r="CVX127" s="26"/>
      <c r="CVY127" s="26"/>
      <c r="CVZ127" s="26"/>
      <c r="CWA127" s="26"/>
      <c r="CWB127" s="26"/>
      <c r="CWC127" s="26"/>
      <c r="CWD127" s="26"/>
      <c r="CWE127" s="26"/>
      <c r="CWF127" s="26"/>
      <c r="CWG127" s="26"/>
      <c r="CWH127" s="26"/>
      <c r="CWI127" s="26"/>
      <c r="CWJ127" s="26"/>
      <c r="CWK127" s="26"/>
      <c r="CWL127" s="26"/>
      <c r="CWM127" s="26"/>
      <c r="CWN127" s="26"/>
      <c r="CWO127" s="26"/>
      <c r="CWP127" s="26"/>
      <c r="CWQ127" s="26"/>
      <c r="CWR127" s="26"/>
      <c r="CWS127" s="26"/>
      <c r="CWT127" s="26"/>
      <c r="CWU127" s="26"/>
      <c r="CWV127" s="26"/>
      <c r="CWW127" s="26"/>
      <c r="CWX127" s="26"/>
      <c r="CWY127" s="26"/>
      <c r="CWZ127" s="26"/>
      <c r="CXA127" s="26"/>
      <c r="CXB127" s="26"/>
      <c r="CXC127" s="26"/>
      <c r="CXD127" s="26"/>
      <c r="CXE127" s="26"/>
      <c r="CXF127" s="26"/>
      <c r="CXG127" s="26"/>
      <c r="CXH127" s="26"/>
      <c r="CXI127" s="26"/>
      <c r="CXJ127" s="26"/>
      <c r="CXK127" s="26"/>
      <c r="CXL127" s="26"/>
      <c r="CXM127" s="26"/>
      <c r="CXN127" s="26"/>
      <c r="CXO127" s="26"/>
      <c r="CXP127" s="26"/>
      <c r="CXQ127" s="26"/>
      <c r="CXR127" s="26"/>
      <c r="CXS127" s="26"/>
      <c r="CXT127" s="26"/>
      <c r="CXU127" s="26"/>
      <c r="CXV127" s="26"/>
      <c r="CXW127" s="26"/>
      <c r="CXX127" s="26"/>
      <c r="CXY127" s="26"/>
      <c r="CXZ127" s="26"/>
      <c r="CYA127" s="26"/>
      <c r="CYB127" s="26"/>
      <c r="CYC127" s="26"/>
      <c r="CYD127" s="26"/>
      <c r="CYE127" s="26"/>
      <c r="CYF127" s="26"/>
      <c r="CYG127" s="26"/>
      <c r="CYH127" s="26"/>
      <c r="CYI127" s="26"/>
      <c r="CYJ127" s="26"/>
      <c r="CYK127" s="26"/>
      <c r="CYL127" s="26"/>
      <c r="CYM127" s="26"/>
      <c r="CYN127" s="26"/>
      <c r="CYO127" s="26"/>
      <c r="CYP127" s="26"/>
      <c r="CYQ127" s="26"/>
      <c r="CYR127" s="26"/>
      <c r="CYS127" s="26"/>
      <c r="CYT127" s="26"/>
      <c r="CYU127" s="26"/>
      <c r="CYV127" s="26"/>
      <c r="CYW127" s="26"/>
      <c r="CYX127" s="26"/>
      <c r="CYY127" s="26"/>
      <c r="CYZ127" s="26"/>
      <c r="CZA127" s="26"/>
      <c r="CZB127" s="26"/>
      <c r="CZC127" s="26"/>
      <c r="CZD127" s="26"/>
      <c r="CZE127" s="26"/>
      <c r="CZF127" s="26"/>
      <c r="CZG127" s="26"/>
      <c r="CZH127" s="26"/>
      <c r="CZI127" s="26"/>
      <c r="CZJ127" s="26"/>
      <c r="CZK127" s="26"/>
      <c r="CZL127" s="26"/>
      <c r="CZM127" s="26"/>
      <c r="CZN127" s="26"/>
      <c r="CZO127" s="26"/>
      <c r="CZP127" s="26"/>
      <c r="CZQ127" s="26"/>
      <c r="CZR127" s="26"/>
      <c r="CZS127" s="26"/>
      <c r="CZT127" s="26"/>
      <c r="CZU127" s="26"/>
      <c r="CZV127" s="26"/>
      <c r="CZW127" s="26"/>
      <c r="CZX127" s="26"/>
      <c r="CZY127" s="26"/>
      <c r="CZZ127" s="26"/>
      <c r="DAA127" s="26"/>
      <c r="DAB127" s="26"/>
      <c r="DAC127" s="26"/>
      <c r="DAD127" s="26"/>
      <c r="DAE127" s="26"/>
      <c r="DAF127" s="26"/>
      <c r="DAG127" s="26"/>
      <c r="DAH127" s="26"/>
      <c r="DAI127" s="26"/>
      <c r="DAJ127" s="26"/>
      <c r="DAK127" s="26"/>
      <c r="DAL127" s="26"/>
      <c r="DAM127" s="26"/>
      <c r="DAN127" s="26"/>
      <c r="DAO127" s="26"/>
      <c r="DAP127" s="26"/>
      <c r="DAQ127" s="26"/>
      <c r="DAR127" s="26"/>
      <c r="DAS127" s="26"/>
      <c r="DAT127" s="26"/>
      <c r="DAU127" s="26"/>
      <c r="DAV127" s="26"/>
      <c r="DAW127" s="26"/>
      <c r="DAX127" s="26"/>
      <c r="DAY127" s="26"/>
      <c r="DAZ127" s="26"/>
      <c r="DBA127" s="26"/>
      <c r="DBB127" s="26"/>
      <c r="DBC127" s="26"/>
      <c r="DBD127" s="26"/>
      <c r="DBE127" s="26"/>
      <c r="DBF127" s="26"/>
      <c r="DBG127" s="26"/>
      <c r="DBH127" s="26"/>
      <c r="DBI127" s="26"/>
      <c r="DBJ127" s="26"/>
      <c r="DBK127" s="26"/>
      <c r="DBL127" s="26"/>
      <c r="DBM127" s="26"/>
      <c r="DBN127" s="26"/>
      <c r="DBO127" s="26"/>
      <c r="DBP127" s="26"/>
      <c r="DBQ127" s="26"/>
      <c r="DBR127" s="26"/>
      <c r="DBS127" s="26"/>
      <c r="DBT127" s="26"/>
      <c r="DBU127" s="26"/>
      <c r="DBV127" s="26"/>
      <c r="DBW127" s="26"/>
      <c r="DBX127" s="26"/>
      <c r="DBY127" s="26"/>
      <c r="DBZ127" s="26"/>
      <c r="DCA127" s="26"/>
      <c r="DCB127" s="26"/>
      <c r="DCC127" s="26"/>
      <c r="DCD127" s="26"/>
      <c r="DCE127" s="26"/>
      <c r="DCF127" s="26"/>
      <c r="DCG127" s="26"/>
      <c r="DCH127" s="26"/>
      <c r="DCI127" s="26"/>
      <c r="DCJ127" s="26"/>
      <c r="DCK127" s="26"/>
      <c r="DCL127" s="26"/>
      <c r="DCM127" s="26"/>
      <c r="DCN127" s="26"/>
      <c r="DCO127" s="26"/>
      <c r="DCP127" s="26"/>
      <c r="DCQ127" s="26"/>
      <c r="DCR127" s="26"/>
      <c r="DCS127" s="26"/>
      <c r="DCT127" s="26"/>
      <c r="DCU127" s="26"/>
      <c r="DCV127" s="26"/>
      <c r="DCW127" s="26"/>
      <c r="DCX127" s="26"/>
      <c r="DCY127" s="26"/>
      <c r="DCZ127" s="26"/>
      <c r="DDA127" s="26"/>
      <c r="DDB127" s="26"/>
      <c r="DDC127" s="26"/>
      <c r="DDD127" s="26"/>
      <c r="DDE127" s="26"/>
      <c r="DDF127" s="26"/>
      <c r="DDG127" s="26"/>
      <c r="DDH127" s="26"/>
      <c r="DDI127" s="26"/>
      <c r="DDJ127" s="26"/>
      <c r="DDK127" s="26"/>
      <c r="DDL127" s="26"/>
      <c r="DDM127" s="26"/>
      <c r="DDN127" s="26"/>
      <c r="DDO127" s="26"/>
      <c r="DDP127" s="26"/>
      <c r="DDQ127" s="26"/>
      <c r="DDR127" s="26"/>
      <c r="DDS127" s="26"/>
      <c r="DDT127" s="26"/>
      <c r="DDU127" s="26"/>
      <c r="DDV127" s="26"/>
      <c r="DDW127" s="26"/>
      <c r="DDX127" s="26"/>
      <c r="DDY127" s="26"/>
      <c r="DDZ127" s="26"/>
      <c r="DEA127" s="26"/>
      <c r="DEB127" s="26"/>
      <c r="DEC127" s="26"/>
      <c r="DED127" s="26"/>
      <c r="DEE127" s="26"/>
      <c r="DEF127" s="26"/>
      <c r="DEG127" s="26"/>
      <c r="DEH127" s="26"/>
      <c r="DEI127" s="26"/>
      <c r="DEJ127" s="26"/>
      <c r="DEK127" s="26"/>
      <c r="DEL127" s="26"/>
      <c r="DEM127" s="26"/>
      <c r="DEN127" s="26"/>
      <c r="DEO127" s="26"/>
      <c r="DEP127" s="26"/>
      <c r="DEQ127" s="26"/>
      <c r="DER127" s="26"/>
      <c r="DES127" s="26"/>
      <c r="DET127" s="26"/>
      <c r="DEU127" s="26"/>
      <c r="DEV127" s="26"/>
      <c r="DEW127" s="26"/>
      <c r="DEX127" s="26"/>
      <c r="DEY127" s="26"/>
      <c r="DEZ127" s="26"/>
      <c r="DFA127" s="26"/>
      <c r="DFB127" s="26"/>
      <c r="DFC127" s="26"/>
      <c r="DFD127" s="26"/>
      <c r="DFE127" s="26"/>
      <c r="DFF127" s="26"/>
      <c r="DFG127" s="26"/>
      <c r="DFH127" s="26"/>
      <c r="DFI127" s="26"/>
      <c r="DFJ127" s="26"/>
      <c r="DFK127" s="26"/>
      <c r="DFL127" s="26"/>
      <c r="DFM127" s="26"/>
      <c r="DFN127" s="26"/>
      <c r="DFO127" s="26"/>
      <c r="DFP127" s="26"/>
      <c r="DFQ127" s="26"/>
      <c r="DFR127" s="26"/>
      <c r="DFS127" s="26"/>
      <c r="DFT127" s="26"/>
      <c r="DFU127" s="26"/>
      <c r="DFV127" s="26"/>
      <c r="DFW127" s="26"/>
      <c r="DFX127" s="26"/>
      <c r="DFY127" s="26"/>
      <c r="DFZ127" s="26"/>
      <c r="DGA127" s="26"/>
      <c r="DGB127" s="26"/>
      <c r="DGC127" s="26"/>
      <c r="DGD127" s="26"/>
      <c r="DGE127" s="26"/>
      <c r="DGF127" s="26"/>
      <c r="DGG127" s="26"/>
      <c r="DGH127" s="26"/>
      <c r="DGI127" s="26"/>
      <c r="DGJ127" s="26"/>
      <c r="DGK127" s="26"/>
      <c r="DGL127" s="26"/>
      <c r="DGM127" s="26"/>
      <c r="DGN127" s="26"/>
      <c r="DGO127" s="26"/>
      <c r="DGP127" s="26"/>
      <c r="DGQ127" s="26"/>
      <c r="DGR127" s="26"/>
      <c r="DGS127" s="26"/>
      <c r="DGT127" s="26"/>
      <c r="DGU127" s="26"/>
      <c r="DGV127" s="26"/>
      <c r="DGW127" s="26"/>
      <c r="DGX127" s="26"/>
      <c r="DGY127" s="26"/>
      <c r="DGZ127" s="26"/>
      <c r="DHA127" s="26"/>
      <c r="DHB127" s="26"/>
      <c r="DHC127" s="26"/>
      <c r="DHD127" s="26"/>
      <c r="DHE127" s="26"/>
      <c r="DHF127" s="26"/>
      <c r="DHG127" s="26"/>
      <c r="DHH127" s="26"/>
      <c r="DHI127" s="26"/>
      <c r="DHJ127" s="26"/>
      <c r="DHK127" s="26"/>
      <c r="DHL127" s="26"/>
      <c r="DHM127" s="26"/>
      <c r="DHN127" s="26"/>
      <c r="DHO127" s="26"/>
      <c r="DHP127" s="26"/>
      <c r="DHQ127" s="26"/>
      <c r="DHR127" s="26"/>
      <c r="DHS127" s="26"/>
      <c r="DHT127" s="26"/>
      <c r="DHU127" s="26"/>
      <c r="DHV127" s="26"/>
      <c r="DHW127" s="26"/>
      <c r="DHX127" s="26"/>
      <c r="DHY127" s="26"/>
      <c r="DHZ127" s="26"/>
      <c r="DIA127" s="26"/>
      <c r="DIB127" s="26"/>
      <c r="DIC127" s="26"/>
      <c r="DID127" s="26"/>
      <c r="DIE127" s="26"/>
      <c r="DIF127" s="26"/>
      <c r="DIG127" s="26"/>
      <c r="DIH127" s="26"/>
      <c r="DII127" s="26"/>
      <c r="DIJ127" s="26"/>
      <c r="DIK127" s="26"/>
      <c r="DIL127" s="26"/>
      <c r="DIM127" s="26"/>
      <c r="DIN127" s="26"/>
      <c r="DIO127" s="26"/>
      <c r="DIP127" s="26"/>
      <c r="DIQ127" s="26"/>
      <c r="DIR127" s="26"/>
      <c r="DIS127" s="26"/>
      <c r="DIT127" s="26"/>
      <c r="DIU127" s="26"/>
      <c r="DIV127" s="26"/>
      <c r="DIW127" s="26"/>
      <c r="DIX127" s="26"/>
      <c r="DIY127" s="26"/>
      <c r="DIZ127" s="26"/>
      <c r="DJA127" s="26"/>
      <c r="DJB127" s="26"/>
      <c r="DJC127" s="26"/>
      <c r="DJD127" s="26"/>
      <c r="DJE127" s="26"/>
      <c r="DJF127" s="26"/>
      <c r="DJG127" s="26"/>
      <c r="DJH127" s="26"/>
      <c r="DJI127" s="26"/>
      <c r="DJJ127" s="26"/>
      <c r="DJK127" s="26"/>
      <c r="DJL127" s="26"/>
      <c r="DJM127" s="26"/>
      <c r="DJN127" s="26"/>
      <c r="DJO127" s="26"/>
      <c r="DJP127" s="26"/>
      <c r="DJQ127" s="26"/>
      <c r="DJR127" s="26"/>
      <c r="DJS127" s="26"/>
      <c r="DJT127" s="26"/>
      <c r="DJU127" s="26"/>
      <c r="DJV127" s="26"/>
      <c r="DJW127" s="26"/>
      <c r="DJX127" s="26"/>
      <c r="DJY127" s="26"/>
      <c r="DJZ127" s="26"/>
      <c r="DKA127" s="26"/>
      <c r="DKB127" s="26"/>
      <c r="DKC127" s="26"/>
      <c r="DKD127" s="26"/>
      <c r="DKE127" s="26"/>
      <c r="DKF127" s="26"/>
      <c r="DKG127" s="26"/>
      <c r="DKH127" s="26"/>
      <c r="DKI127" s="26"/>
      <c r="DKJ127" s="26"/>
      <c r="DKK127" s="26"/>
      <c r="DKL127" s="26"/>
      <c r="DKM127" s="26"/>
      <c r="DKN127" s="26"/>
      <c r="DKO127" s="26"/>
      <c r="DKP127" s="26"/>
      <c r="DKQ127" s="26"/>
      <c r="DKR127" s="26"/>
      <c r="DKS127" s="26"/>
      <c r="DKT127" s="26"/>
      <c r="DKU127" s="26"/>
      <c r="DKV127" s="26"/>
      <c r="DKW127" s="26"/>
      <c r="DKX127" s="26"/>
      <c r="DKY127" s="26"/>
      <c r="DKZ127" s="26"/>
      <c r="DLA127" s="26"/>
      <c r="DLB127" s="26"/>
      <c r="DLC127" s="26"/>
      <c r="DLD127" s="26"/>
      <c r="DLE127" s="26"/>
      <c r="DLF127" s="26"/>
      <c r="DLG127" s="26"/>
      <c r="DLH127" s="26"/>
      <c r="DLI127" s="26"/>
      <c r="DLJ127" s="26"/>
      <c r="DLK127" s="26"/>
      <c r="DLL127" s="26"/>
      <c r="DLM127" s="26"/>
      <c r="DLN127" s="26"/>
      <c r="DLO127" s="26"/>
      <c r="DLP127" s="26"/>
      <c r="DLQ127" s="26"/>
      <c r="DLR127" s="26"/>
      <c r="DLS127" s="26"/>
      <c r="DLT127" s="26"/>
      <c r="DLU127" s="26"/>
      <c r="DLV127" s="26"/>
      <c r="DLW127" s="26"/>
      <c r="DLX127" s="26"/>
      <c r="DLY127" s="26"/>
      <c r="DLZ127" s="26"/>
      <c r="DMA127" s="26"/>
      <c r="DMB127" s="26"/>
      <c r="DMC127" s="26"/>
      <c r="DMD127" s="26"/>
      <c r="DME127" s="26"/>
      <c r="DMF127" s="26"/>
      <c r="DMG127" s="26"/>
      <c r="DMH127" s="26"/>
      <c r="DMI127" s="26"/>
      <c r="DMJ127" s="26"/>
      <c r="DMK127" s="26"/>
      <c r="DML127" s="26"/>
      <c r="DMM127" s="26"/>
      <c r="DMN127" s="26"/>
      <c r="DMO127" s="26"/>
      <c r="DMP127" s="26"/>
      <c r="DMQ127" s="26"/>
      <c r="DMR127" s="26"/>
      <c r="DMS127" s="26"/>
      <c r="DMT127" s="26"/>
      <c r="DMU127" s="26"/>
      <c r="DMV127" s="26"/>
      <c r="DMW127" s="26"/>
      <c r="DMX127" s="26"/>
      <c r="DMY127" s="26"/>
      <c r="DMZ127" s="26"/>
      <c r="DNA127" s="26"/>
      <c r="DNB127" s="26"/>
      <c r="DNC127" s="26"/>
      <c r="DND127" s="26"/>
      <c r="DNE127" s="26"/>
      <c r="DNF127" s="26"/>
      <c r="DNG127" s="26"/>
      <c r="DNH127" s="26"/>
      <c r="DNI127" s="26"/>
      <c r="DNJ127" s="26"/>
      <c r="DNK127" s="26"/>
      <c r="DNL127" s="26"/>
      <c r="DNM127" s="26"/>
      <c r="DNN127" s="26"/>
      <c r="DNO127" s="26"/>
      <c r="DNP127" s="26"/>
      <c r="DNQ127" s="26"/>
      <c r="DNR127" s="26"/>
      <c r="DNS127" s="26"/>
      <c r="DNT127" s="26"/>
      <c r="DNU127" s="26"/>
      <c r="DNV127" s="26"/>
      <c r="DNW127" s="26"/>
      <c r="DNX127" s="26"/>
      <c r="DNY127" s="26"/>
      <c r="DNZ127" s="26"/>
      <c r="DOA127" s="26"/>
      <c r="DOB127" s="26"/>
      <c r="DOC127" s="26"/>
      <c r="DOD127" s="26"/>
      <c r="DOE127" s="26"/>
      <c r="DOF127" s="26"/>
      <c r="DOG127" s="26"/>
      <c r="DOH127" s="26"/>
      <c r="DOI127" s="26"/>
      <c r="DOJ127" s="26"/>
      <c r="DOK127" s="26"/>
      <c r="DOL127" s="26"/>
      <c r="DOM127" s="26"/>
      <c r="DON127" s="26"/>
      <c r="DOO127" s="26"/>
      <c r="DOP127" s="26"/>
      <c r="DOQ127" s="26"/>
      <c r="DOR127" s="26"/>
      <c r="DOS127" s="26"/>
      <c r="DOT127" s="26"/>
      <c r="DOU127" s="26"/>
      <c r="DOV127" s="26"/>
      <c r="DOW127" s="26"/>
      <c r="DOX127" s="26"/>
      <c r="DOY127" s="26"/>
      <c r="DOZ127" s="26"/>
      <c r="DPA127" s="26"/>
      <c r="DPB127" s="26"/>
      <c r="DPC127" s="26"/>
      <c r="DPD127" s="26"/>
      <c r="DPE127" s="26"/>
      <c r="DPF127" s="26"/>
      <c r="DPG127" s="26"/>
      <c r="DPH127" s="26"/>
      <c r="DPI127" s="26"/>
      <c r="DPJ127" s="26"/>
      <c r="DPK127" s="26"/>
      <c r="DPL127" s="26"/>
      <c r="DPM127" s="26"/>
      <c r="DPN127" s="26"/>
      <c r="DPO127" s="26"/>
      <c r="DPP127" s="26"/>
      <c r="DPQ127" s="26"/>
      <c r="DPR127" s="26"/>
      <c r="DPS127" s="26"/>
      <c r="DPT127" s="26"/>
      <c r="DPU127" s="26"/>
      <c r="DPV127" s="26"/>
      <c r="DPW127" s="26"/>
      <c r="DPX127" s="26"/>
      <c r="DPY127" s="26"/>
      <c r="DPZ127" s="26"/>
      <c r="DQA127" s="26"/>
      <c r="DQB127" s="26"/>
      <c r="DQC127" s="26"/>
      <c r="DQD127" s="26"/>
      <c r="DQE127" s="26"/>
      <c r="DQF127" s="26"/>
      <c r="DQG127" s="26"/>
      <c r="DQH127" s="26"/>
      <c r="DQI127" s="26"/>
      <c r="DQJ127" s="26"/>
      <c r="DQK127" s="26"/>
      <c r="DQL127" s="26"/>
      <c r="DQM127" s="26"/>
      <c r="DQN127" s="26"/>
      <c r="DQO127" s="26"/>
      <c r="DQP127" s="26"/>
      <c r="DQQ127" s="26"/>
      <c r="DQR127" s="26"/>
      <c r="DQS127" s="26"/>
      <c r="DQT127" s="26"/>
      <c r="DQU127" s="26"/>
      <c r="DQV127" s="26"/>
      <c r="DQW127" s="26"/>
      <c r="DQX127" s="26"/>
      <c r="DQY127" s="26"/>
      <c r="DQZ127" s="26"/>
      <c r="DRA127" s="26"/>
      <c r="DRB127" s="26"/>
      <c r="DRC127" s="26"/>
      <c r="DRD127" s="26"/>
      <c r="DRE127" s="26"/>
      <c r="DRF127" s="26"/>
      <c r="DRG127" s="26"/>
      <c r="DRH127" s="26"/>
      <c r="DRI127" s="26"/>
      <c r="DRJ127" s="26"/>
      <c r="DRK127" s="26"/>
      <c r="DRL127" s="26"/>
      <c r="DRM127" s="26"/>
      <c r="DRN127" s="26"/>
      <c r="DRO127" s="26"/>
      <c r="DRP127" s="26"/>
      <c r="DRQ127" s="26"/>
      <c r="DRR127" s="26"/>
      <c r="DRS127" s="26"/>
      <c r="DRT127" s="26"/>
      <c r="DRU127" s="26"/>
      <c r="DRV127" s="26"/>
      <c r="DRW127" s="26"/>
      <c r="DRX127" s="26"/>
      <c r="DRY127" s="26"/>
      <c r="DRZ127" s="26"/>
      <c r="DSA127" s="26"/>
      <c r="DSB127" s="26"/>
      <c r="DSC127" s="26"/>
      <c r="DSD127" s="26"/>
      <c r="DSE127" s="26"/>
      <c r="DSF127" s="26"/>
      <c r="DSG127" s="26"/>
      <c r="DSH127" s="26"/>
      <c r="DSI127" s="26"/>
      <c r="DSJ127" s="26"/>
      <c r="DSK127" s="26"/>
      <c r="DSL127" s="26"/>
      <c r="DSM127" s="26"/>
      <c r="DSN127" s="26"/>
      <c r="DSO127" s="26"/>
      <c r="DSP127" s="26"/>
      <c r="DSQ127" s="26"/>
      <c r="DSR127" s="26"/>
      <c r="DSS127" s="26"/>
      <c r="DST127" s="26"/>
      <c r="DSU127" s="26"/>
      <c r="DSV127" s="26"/>
      <c r="DSW127" s="26"/>
      <c r="DSX127" s="26"/>
      <c r="DSY127" s="26"/>
      <c r="DSZ127" s="26"/>
      <c r="DTA127" s="26"/>
      <c r="DTB127" s="26"/>
      <c r="DTC127" s="26"/>
      <c r="DTD127" s="26"/>
      <c r="DTE127" s="26"/>
      <c r="DTF127" s="26"/>
      <c r="DTG127" s="26"/>
      <c r="DTH127" s="26"/>
      <c r="DTI127" s="26"/>
      <c r="DTJ127" s="26"/>
      <c r="DTK127" s="26"/>
      <c r="DTL127" s="26"/>
      <c r="DTM127" s="26"/>
      <c r="DTN127" s="26"/>
      <c r="DTO127" s="26"/>
      <c r="DTP127" s="26"/>
      <c r="DTQ127" s="26"/>
      <c r="DTR127" s="26"/>
      <c r="DTS127" s="26"/>
      <c r="DTT127" s="26"/>
      <c r="DTU127" s="26"/>
      <c r="DTV127" s="26"/>
      <c r="DTW127" s="26"/>
      <c r="DTX127" s="26"/>
      <c r="DTY127" s="26"/>
      <c r="DTZ127" s="26"/>
      <c r="DUA127" s="26"/>
      <c r="DUB127" s="26"/>
      <c r="DUC127" s="26"/>
      <c r="DUD127" s="26"/>
      <c r="DUE127" s="26"/>
      <c r="DUF127" s="26"/>
      <c r="DUG127" s="26"/>
      <c r="DUH127" s="26"/>
      <c r="DUI127" s="26"/>
      <c r="DUJ127" s="26"/>
      <c r="DUK127" s="26"/>
      <c r="DUL127" s="26"/>
      <c r="DUM127" s="26"/>
      <c r="DUN127" s="26"/>
      <c r="DUO127" s="26"/>
      <c r="DUP127" s="26"/>
      <c r="DUQ127" s="26"/>
      <c r="DUR127" s="26"/>
      <c r="DUS127" s="26"/>
      <c r="DUT127" s="26"/>
      <c r="DUU127" s="26"/>
      <c r="DUV127" s="26"/>
      <c r="DUW127" s="26"/>
      <c r="DUX127" s="26"/>
      <c r="DUY127" s="26"/>
      <c r="DUZ127" s="26"/>
      <c r="DVA127" s="26"/>
      <c r="DVB127" s="26"/>
      <c r="DVC127" s="26"/>
      <c r="DVD127" s="26"/>
      <c r="DVE127" s="26"/>
      <c r="DVF127" s="26"/>
      <c r="DVG127" s="26"/>
      <c r="DVH127" s="26"/>
      <c r="DVI127" s="26"/>
      <c r="DVJ127" s="26"/>
      <c r="DVK127" s="26"/>
      <c r="DVL127" s="26"/>
      <c r="DVM127" s="26"/>
      <c r="DVN127" s="26"/>
      <c r="DVO127" s="26"/>
      <c r="DVP127" s="26"/>
      <c r="DVQ127" s="26"/>
      <c r="DVR127" s="26"/>
      <c r="DVS127" s="26"/>
      <c r="DVT127" s="26"/>
      <c r="DVU127" s="26"/>
      <c r="DVV127" s="26"/>
      <c r="DVW127" s="26"/>
      <c r="DVX127" s="26"/>
      <c r="DVY127" s="26"/>
      <c r="DVZ127" s="26"/>
      <c r="DWA127" s="26"/>
      <c r="DWB127" s="26"/>
      <c r="DWC127" s="26"/>
      <c r="DWD127" s="26"/>
      <c r="DWE127" s="26"/>
      <c r="DWF127" s="26"/>
      <c r="DWG127" s="26"/>
      <c r="DWH127" s="26"/>
      <c r="DWI127" s="26"/>
      <c r="DWJ127" s="26"/>
      <c r="DWK127" s="26"/>
      <c r="DWL127" s="26"/>
      <c r="DWM127" s="26"/>
      <c r="DWN127" s="26"/>
      <c r="DWO127" s="26"/>
      <c r="DWP127" s="26"/>
      <c r="DWQ127" s="26"/>
      <c r="DWR127" s="26"/>
      <c r="DWS127" s="26"/>
      <c r="DWT127" s="26"/>
      <c r="DWU127" s="26"/>
      <c r="DWV127" s="26"/>
      <c r="DWW127" s="26"/>
      <c r="DWX127" s="26"/>
      <c r="DWY127" s="26"/>
      <c r="DWZ127" s="26"/>
      <c r="DXA127" s="26"/>
      <c r="DXB127" s="26"/>
      <c r="DXC127" s="26"/>
      <c r="DXD127" s="26"/>
      <c r="DXE127" s="26"/>
      <c r="DXF127" s="26"/>
      <c r="DXG127" s="26"/>
      <c r="DXH127" s="26"/>
      <c r="DXI127" s="26"/>
      <c r="DXJ127" s="26"/>
      <c r="DXK127" s="26"/>
      <c r="DXL127" s="26"/>
      <c r="DXM127" s="26"/>
      <c r="DXN127" s="26"/>
      <c r="DXO127" s="26"/>
      <c r="DXP127" s="26"/>
      <c r="DXQ127" s="26"/>
      <c r="DXR127" s="26"/>
      <c r="DXS127" s="26"/>
      <c r="DXT127" s="26"/>
      <c r="DXU127" s="26"/>
      <c r="DXV127" s="26"/>
      <c r="DXW127" s="26"/>
      <c r="DXX127" s="26"/>
      <c r="DXY127" s="26"/>
      <c r="DXZ127" s="26"/>
      <c r="DYA127" s="26"/>
      <c r="DYB127" s="26"/>
      <c r="DYC127" s="26"/>
      <c r="DYD127" s="26"/>
      <c r="DYE127" s="26"/>
      <c r="DYF127" s="26"/>
      <c r="DYG127" s="26"/>
      <c r="DYH127" s="26"/>
      <c r="DYI127" s="26"/>
      <c r="DYJ127" s="26"/>
      <c r="DYK127" s="26"/>
      <c r="DYL127" s="26"/>
      <c r="DYM127" s="26"/>
      <c r="DYN127" s="26"/>
      <c r="DYO127" s="26"/>
      <c r="DYP127" s="26"/>
      <c r="DYQ127" s="26"/>
      <c r="DYR127" s="26"/>
      <c r="DYS127" s="26"/>
      <c r="DYT127" s="26"/>
      <c r="DYU127" s="26"/>
      <c r="DYV127" s="26"/>
      <c r="DYW127" s="26"/>
      <c r="DYX127" s="26"/>
      <c r="DYY127" s="26"/>
      <c r="DYZ127" s="26"/>
      <c r="DZA127" s="26"/>
      <c r="DZB127" s="26"/>
      <c r="DZC127" s="26"/>
      <c r="DZD127" s="26"/>
      <c r="DZE127" s="26"/>
      <c r="DZF127" s="26"/>
      <c r="DZG127" s="26"/>
      <c r="DZH127" s="26"/>
      <c r="DZI127" s="26"/>
      <c r="DZJ127" s="26"/>
      <c r="DZK127" s="26"/>
      <c r="DZL127" s="26"/>
      <c r="DZM127" s="26"/>
      <c r="DZN127" s="26"/>
      <c r="DZO127" s="26"/>
      <c r="DZP127" s="26"/>
      <c r="DZQ127" s="26"/>
      <c r="DZR127" s="26"/>
      <c r="DZS127" s="26"/>
      <c r="DZT127" s="26"/>
      <c r="DZU127" s="26"/>
      <c r="DZV127" s="26"/>
      <c r="DZW127" s="26"/>
      <c r="DZX127" s="26"/>
      <c r="DZY127" s="26"/>
      <c r="DZZ127" s="26"/>
      <c r="EAA127" s="26"/>
      <c r="EAB127" s="26"/>
      <c r="EAC127" s="26"/>
      <c r="EAD127" s="26"/>
      <c r="EAE127" s="26"/>
      <c r="EAF127" s="26"/>
      <c r="EAG127" s="26"/>
      <c r="EAH127" s="26"/>
      <c r="EAI127" s="26"/>
      <c r="EAJ127" s="26"/>
      <c r="EAK127" s="26"/>
      <c r="EAL127" s="26"/>
      <c r="EAM127" s="26"/>
      <c r="EAN127" s="26"/>
      <c r="EAO127" s="26"/>
      <c r="EAP127" s="26"/>
      <c r="EAQ127" s="26"/>
      <c r="EAR127" s="26"/>
      <c r="EAS127" s="26"/>
      <c r="EAT127" s="26"/>
      <c r="EAU127" s="26"/>
      <c r="EAV127" s="26"/>
      <c r="EAW127" s="26"/>
      <c r="EAX127" s="26"/>
      <c r="EAY127" s="26"/>
      <c r="EAZ127" s="26"/>
      <c r="EBA127" s="26"/>
      <c r="EBB127" s="26"/>
      <c r="EBC127" s="26"/>
      <c r="EBD127" s="26"/>
      <c r="EBE127" s="26"/>
      <c r="EBF127" s="26"/>
      <c r="EBG127" s="26"/>
      <c r="EBH127" s="26"/>
      <c r="EBI127" s="26"/>
      <c r="EBJ127" s="26"/>
      <c r="EBK127" s="26"/>
      <c r="EBL127" s="26"/>
      <c r="EBM127" s="26"/>
      <c r="EBN127" s="26"/>
      <c r="EBO127" s="26"/>
      <c r="EBP127" s="26"/>
      <c r="EBQ127" s="26"/>
      <c r="EBR127" s="26"/>
      <c r="EBS127" s="26"/>
      <c r="EBT127" s="26"/>
      <c r="EBU127" s="26"/>
      <c r="EBV127" s="26"/>
      <c r="EBW127" s="26"/>
      <c r="EBX127" s="26"/>
      <c r="EBY127" s="26"/>
      <c r="EBZ127" s="26"/>
      <c r="ECA127" s="26"/>
      <c r="ECB127" s="26"/>
      <c r="ECC127" s="26"/>
      <c r="ECD127" s="26"/>
      <c r="ECE127" s="26"/>
      <c r="ECF127" s="26"/>
      <c r="ECG127" s="26"/>
      <c r="ECH127" s="26"/>
      <c r="ECI127" s="26"/>
      <c r="ECJ127" s="26"/>
      <c r="ECK127" s="26"/>
      <c r="ECL127" s="26"/>
      <c r="ECM127" s="26"/>
      <c r="ECN127" s="26"/>
      <c r="ECO127" s="26"/>
      <c r="ECP127" s="26"/>
      <c r="ECQ127" s="26"/>
      <c r="ECR127" s="26"/>
      <c r="ECS127" s="26"/>
      <c r="ECT127" s="26"/>
      <c r="ECU127" s="26"/>
      <c r="ECV127" s="26"/>
      <c r="ECW127" s="26"/>
      <c r="ECX127" s="26"/>
      <c r="ECY127" s="26"/>
      <c r="ECZ127" s="26"/>
      <c r="EDA127" s="26"/>
      <c r="EDB127" s="26"/>
      <c r="EDC127" s="26"/>
      <c r="EDD127" s="26"/>
      <c r="EDE127" s="26"/>
      <c r="EDF127" s="26"/>
      <c r="EDG127" s="26"/>
      <c r="EDH127" s="26"/>
      <c r="EDI127" s="26"/>
      <c r="EDJ127" s="26"/>
      <c r="EDK127" s="26"/>
      <c r="EDL127" s="26"/>
      <c r="EDM127" s="26"/>
      <c r="EDN127" s="26"/>
      <c r="EDO127" s="26"/>
      <c r="EDP127" s="26"/>
      <c r="EDQ127" s="26"/>
      <c r="EDR127" s="26"/>
      <c r="EDS127" s="26"/>
      <c r="EDT127" s="26"/>
      <c r="EDU127" s="26"/>
      <c r="EDV127" s="26"/>
      <c r="EDW127" s="26"/>
      <c r="EDX127" s="26"/>
      <c r="EDY127" s="26"/>
      <c r="EDZ127" s="26"/>
      <c r="EEA127" s="26"/>
      <c r="EEB127" s="26"/>
      <c r="EEC127" s="26"/>
      <c r="EED127" s="26"/>
      <c r="EEE127" s="26"/>
      <c r="EEF127" s="26"/>
      <c r="EEG127" s="26"/>
      <c r="EEH127" s="26"/>
      <c r="EEI127" s="26"/>
      <c r="EEJ127" s="26"/>
      <c r="EEK127" s="26"/>
      <c r="EEL127" s="26"/>
      <c r="EEM127" s="26"/>
      <c r="EEN127" s="26"/>
      <c r="EEO127" s="26"/>
      <c r="EEP127" s="26"/>
      <c r="EEQ127" s="26"/>
      <c r="EER127" s="26"/>
      <c r="EES127" s="26"/>
      <c r="EET127" s="26"/>
      <c r="EEU127" s="26"/>
      <c r="EEV127" s="26"/>
      <c r="EEW127" s="26"/>
      <c r="EEX127" s="26"/>
      <c r="EEY127" s="26"/>
      <c r="EEZ127" s="26"/>
      <c r="EFA127" s="26"/>
      <c r="EFB127" s="26"/>
      <c r="EFC127" s="26"/>
      <c r="EFD127" s="26"/>
      <c r="EFE127" s="26"/>
      <c r="EFF127" s="26"/>
      <c r="EFG127" s="26"/>
      <c r="EFH127" s="26"/>
      <c r="EFI127" s="26"/>
      <c r="EFJ127" s="26"/>
      <c r="EFK127" s="26"/>
      <c r="EFL127" s="26"/>
      <c r="EFM127" s="26"/>
      <c r="EFN127" s="26"/>
      <c r="EFO127" s="26"/>
      <c r="EFP127" s="26"/>
      <c r="EFQ127" s="26"/>
      <c r="EFR127" s="26"/>
      <c r="EFS127" s="26"/>
      <c r="EFT127" s="26"/>
      <c r="EFU127" s="26"/>
      <c r="EFV127" s="26"/>
      <c r="EFW127" s="26"/>
      <c r="EFX127" s="26"/>
      <c r="EFY127" s="26"/>
      <c r="EFZ127" s="26"/>
      <c r="EGA127" s="26"/>
      <c r="EGB127" s="26"/>
      <c r="EGC127" s="26"/>
      <c r="EGD127" s="26"/>
      <c r="EGE127" s="26"/>
      <c r="EGF127" s="26"/>
      <c r="EGG127" s="26"/>
      <c r="EGH127" s="26"/>
      <c r="EGI127" s="26"/>
      <c r="EGJ127" s="26"/>
      <c r="EGK127" s="26"/>
      <c r="EGL127" s="26"/>
      <c r="EGM127" s="26"/>
      <c r="EGN127" s="26"/>
      <c r="EGO127" s="26"/>
      <c r="EGP127" s="26"/>
      <c r="EGQ127" s="26"/>
      <c r="EGR127" s="26"/>
      <c r="EGS127" s="26"/>
      <c r="EGT127" s="26"/>
      <c r="EGU127" s="26"/>
      <c r="EGV127" s="26"/>
      <c r="EGW127" s="26"/>
      <c r="EGX127" s="26"/>
      <c r="EGY127" s="26"/>
      <c r="EGZ127" s="26"/>
      <c r="EHA127" s="26"/>
      <c r="EHB127" s="26"/>
      <c r="EHC127" s="26"/>
      <c r="EHD127" s="26"/>
      <c r="EHE127" s="26"/>
      <c r="EHF127" s="26"/>
      <c r="EHG127" s="26"/>
      <c r="EHH127" s="26"/>
      <c r="EHI127" s="26"/>
      <c r="EHJ127" s="26"/>
      <c r="EHK127" s="26"/>
      <c r="EHL127" s="26"/>
      <c r="EHM127" s="26"/>
      <c r="EHN127" s="26"/>
      <c r="EHO127" s="26"/>
      <c r="EHP127" s="26"/>
      <c r="EHQ127" s="26"/>
      <c r="EHR127" s="26"/>
      <c r="EHS127" s="26"/>
      <c r="EHT127" s="26"/>
      <c r="EHU127" s="26"/>
      <c r="EHV127" s="26"/>
      <c r="EHW127" s="26"/>
      <c r="EHX127" s="26"/>
      <c r="EHY127" s="26"/>
      <c r="EHZ127" s="26"/>
      <c r="EIA127" s="26"/>
      <c r="EIB127" s="26"/>
      <c r="EIC127" s="26"/>
      <c r="EID127" s="26"/>
      <c r="EIE127" s="26"/>
      <c r="EIF127" s="26"/>
      <c r="EIG127" s="26"/>
      <c r="EIH127" s="26"/>
      <c r="EII127" s="26"/>
      <c r="EIJ127" s="26"/>
      <c r="EIK127" s="26"/>
      <c r="EIL127" s="26"/>
      <c r="EIM127" s="26"/>
      <c r="EIN127" s="26"/>
      <c r="EIO127" s="26"/>
      <c r="EIP127" s="26"/>
      <c r="EIQ127" s="26"/>
      <c r="EIR127" s="26"/>
      <c r="EIS127" s="26"/>
      <c r="EIT127" s="26"/>
      <c r="EIU127" s="26"/>
      <c r="EIV127" s="26"/>
      <c r="EIW127" s="26"/>
      <c r="EIX127" s="26"/>
      <c r="EIY127" s="26"/>
      <c r="EIZ127" s="26"/>
      <c r="EJA127" s="26"/>
      <c r="EJB127" s="26"/>
      <c r="EJC127" s="26"/>
      <c r="EJD127" s="26"/>
      <c r="EJE127" s="26"/>
      <c r="EJF127" s="26"/>
      <c r="EJG127" s="26"/>
      <c r="EJH127" s="26"/>
      <c r="EJI127" s="26"/>
      <c r="EJJ127" s="26"/>
      <c r="EJK127" s="26"/>
      <c r="EJL127" s="26"/>
      <c r="EJM127" s="26"/>
      <c r="EJN127" s="26"/>
      <c r="EJO127" s="26"/>
      <c r="EJP127" s="26"/>
      <c r="EJQ127" s="26"/>
      <c r="EJR127" s="26"/>
      <c r="EJS127" s="26"/>
      <c r="EJT127" s="26"/>
      <c r="EJU127" s="26"/>
      <c r="EJV127" s="26"/>
      <c r="EJW127" s="26"/>
      <c r="EJX127" s="26"/>
      <c r="EJY127" s="26"/>
      <c r="EJZ127" s="26"/>
      <c r="EKA127" s="26"/>
      <c r="EKB127" s="26"/>
      <c r="EKC127" s="26"/>
      <c r="EKD127" s="26"/>
      <c r="EKE127" s="26"/>
      <c r="EKF127" s="26"/>
      <c r="EKG127" s="26"/>
      <c r="EKH127" s="26"/>
      <c r="EKI127" s="26"/>
      <c r="EKJ127" s="26"/>
      <c r="EKK127" s="26"/>
      <c r="EKL127" s="26"/>
      <c r="EKM127" s="26"/>
      <c r="EKN127" s="26"/>
      <c r="EKO127" s="26"/>
      <c r="EKP127" s="26"/>
      <c r="EKQ127" s="26"/>
      <c r="EKR127" s="26"/>
      <c r="EKS127" s="26"/>
      <c r="EKT127" s="26"/>
      <c r="EKU127" s="26"/>
      <c r="EKV127" s="26"/>
      <c r="EKW127" s="26"/>
      <c r="EKX127" s="26"/>
      <c r="EKY127" s="26"/>
      <c r="EKZ127" s="26"/>
      <c r="ELA127" s="26"/>
      <c r="ELB127" s="26"/>
      <c r="ELC127" s="26"/>
      <c r="ELD127" s="26"/>
      <c r="ELE127" s="26"/>
      <c r="ELF127" s="26"/>
      <c r="ELG127" s="26"/>
      <c r="ELH127" s="26"/>
      <c r="ELI127" s="26"/>
      <c r="ELJ127" s="26"/>
      <c r="ELK127" s="26"/>
      <c r="ELL127" s="26"/>
      <c r="ELM127" s="26"/>
      <c r="ELN127" s="26"/>
      <c r="ELO127" s="26"/>
      <c r="ELP127" s="26"/>
      <c r="ELQ127" s="26"/>
      <c r="ELR127" s="26"/>
      <c r="ELS127" s="26"/>
      <c r="ELT127" s="26"/>
      <c r="ELU127" s="26"/>
      <c r="ELV127" s="26"/>
      <c r="ELW127" s="26"/>
      <c r="ELX127" s="26"/>
      <c r="ELY127" s="26"/>
      <c r="ELZ127" s="26"/>
      <c r="EMA127" s="26"/>
      <c r="EMB127" s="26"/>
      <c r="EMC127" s="26"/>
      <c r="EMD127" s="26"/>
      <c r="EME127" s="26"/>
      <c r="EMF127" s="26"/>
      <c r="EMG127" s="26"/>
      <c r="EMH127" s="26"/>
      <c r="EMI127" s="26"/>
      <c r="EMJ127" s="26"/>
      <c r="EMK127" s="26"/>
      <c r="EML127" s="26"/>
      <c r="EMM127" s="26"/>
      <c r="EMN127" s="26"/>
      <c r="EMO127" s="26"/>
      <c r="EMP127" s="26"/>
      <c r="EMQ127" s="26"/>
      <c r="EMR127" s="26"/>
      <c r="EMS127" s="26"/>
      <c r="EMT127" s="26"/>
      <c r="EMU127" s="26"/>
      <c r="EMV127" s="26"/>
      <c r="EMW127" s="26"/>
      <c r="EMX127" s="26"/>
      <c r="EMY127" s="26"/>
      <c r="EMZ127" s="26"/>
      <c r="ENA127" s="26"/>
      <c r="ENB127" s="26"/>
      <c r="ENC127" s="26"/>
      <c r="END127" s="26"/>
      <c r="ENE127" s="26"/>
      <c r="ENF127" s="26"/>
      <c r="ENG127" s="26"/>
      <c r="ENH127" s="26"/>
      <c r="ENI127" s="26"/>
      <c r="ENJ127" s="26"/>
      <c r="ENK127" s="26"/>
      <c r="ENL127" s="26"/>
      <c r="ENM127" s="26"/>
      <c r="ENN127" s="26"/>
      <c r="ENO127" s="26"/>
      <c r="ENP127" s="26"/>
      <c r="ENQ127" s="26"/>
      <c r="ENR127" s="26"/>
      <c r="ENS127" s="26"/>
      <c r="ENT127" s="26"/>
      <c r="ENU127" s="26"/>
      <c r="ENV127" s="26"/>
      <c r="ENW127" s="26"/>
      <c r="ENX127" s="26"/>
      <c r="ENY127" s="26"/>
      <c r="ENZ127" s="26"/>
      <c r="EOA127" s="26"/>
      <c r="EOB127" s="26"/>
      <c r="EOC127" s="26"/>
      <c r="EOD127" s="26"/>
      <c r="EOE127" s="26"/>
      <c r="EOF127" s="26"/>
      <c r="EOG127" s="26"/>
      <c r="EOH127" s="26"/>
      <c r="EOI127" s="26"/>
      <c r="EOJ127" s="26"/>
      <c r="EOK127" s="26"/>
      <c r="EOL127" s="26"/>
      <c r="EOM127" s="26"/>
      <c r="EON127" s="26"/>
      <c r="EOO127" s="26"/>
      <c r="EOP127" s="26"/>
      <c r="EOQ127" s="26"/>
      <c r="EOR127" s="26"/>
      <c r="EOS127" s="26"/>
      <c r="EOT127" s="26"/>
      <c r="EOU127" s="26"/>
      <c r="EOV127" s="26"/>
      <c r="EOW127" s="26"/>
      <c r="EOX127" s="26"/>
      <c r="EOY127" s="26"/>
      <c r="EOZ127" s="26"/>
      <c r="EPA127" s="26"/>
      <c r="EPB127" s="26"/>
      <c r="EPC127" s="26"/>
      <c r="EPD127" s="26"/>
      <c r="EPE127" s="26"/>
      <c r="EPF127" s="26"/>
      <c r="EPG127" s="26"/>
      <c r="EPH127" s="26"/>
      <c r="EPI127" s="26"/>
      <c r="EPJ127" s="26"/>
      <c r="EPK127" s="26"/>
      <c r="EPL127" s="26"/>
      <c r="EPM127" s="26"/>
      <c r="EPN127" s="26"/>
      <c r="EPO127" s="26"/>
      <c r="EPP127" s="26"/>
      <c r="EPQ127" s="26"/>
      <c r="EPR127" s="26"/>
      <c r="EPS127" s="26"/>
      <c r="EPT127" s="26"/>
      <c r="EPU127" s="26"/>
      <c r="EPV127" s="26"/>
      <c r="EPW127" s="26"/>
      <c r="EPX127" s="26"/>
      <c r="EPY127" s="26"/>
      <c r="EPZ127" s="26"/>
      <c r="EQA127" s="26"/>
      <c r="EQB127" s="26"/>
      <c r="EQC127" s="26"/>
      <c r="EQD127" s="26"/>
      <c r="EQE127" s="26"/>
      <c r="EQF127" s="26"/>
      <c r="EQG127" s="26"/>
      <c r="EQH127" s="26"/>
      <c r="EQI127" s="26"/>
      <c r="EQJ127" s="26"/>
      <c r="EQK127" s="26"/>
      <c r="EQL127" s="26"/>
      <c r="EQM127" s="26"/>
      <c r="EQN127" s="26"/>
      <c r="EQO127" s="26"/>
      <c r="EQP127" s="26"/>
      <c r="EQQ127" s="26"/>
      <c r="EQR127" s="26"/>
      <c r="EQS127" s="26"/>
      <c r="EQT127" s="26"/>
      <c r="EQU127" s="26"/>
      <c r="EQV127" s="26"/>
      <c r="EQW127" s="26"/>
      <c r="EQX127" s="26"/>
      <c r="EQY127" s="26"/>
      <c r="EQZ127" s="26"/>
      <c r="ERA127" s="26"/>
      <c r="ERB127" s="26"/>
      <c r="ERC127" s="26"/>
      <c r="ERD127" s="26"/>
      <c r="ERE127" s="26"/>
      <c r="ERF127" s="26"/>
      <c r="ERG127" s="26"/>
      <c r="ERH127" s="26"/>
      <c r="ERI127" s="26"/>
      <c r="ERJ127" s="26"/>
      <c r="ERK127" s="26"/>
      <c r="ERL127" s="26"/>
      <c r="ERM127" s="26"/>
      <c r="ERN127" s="26"/>
      <c r="ERO127" s="26"/>
      <c r="ERP127" s="26"/>
      <c r="ERQ127" s="26"/>
      <c r="ERR127" s="26"/>
      <c r="ERS127" s="26"/>
      <c r="ERT127" s="26"/>
      <c r="ERU127" s="26"/>
      <c r="ERV127" s="26"/>
      <c r="ERW127" s="26"/>
      <c r="ERX127" s="26"/>
      <c r="ERY127" s="26"/>
      <c r="ERZ127" s="26"/>
      <c r="ESA127" s="26"/>
      <c r="ESB127" s="26"/>
      <c r="ESC127" s="26"/>
      <c r="ESD127" s="26"/>
      <c r="ESE127" s="26"/>
      <c r="ESF127" s="26"/>
      <c r="ESG127" s="26"/>
      <c r="ESH127" s="26"/>
      <c r="ESI127" s="26"/>
      <c r="ESJ127" s="26"/>
      <c r="ESK127" s="26"/>
      <c r="ESL127" s="26"/>
      <c r="ESM127" s="26"/>
      <c r="ESN127" s="26"/>
      <c r="ESO127" s="26"/>
      <c r="ESP127" s="26"/>
      <c r="ESQ127" s="26"/>
      <c r="ESR127" s="26"/>
      <c r="ESS127" s="26"/>
      <c r="EST127" s="26"/>
      <c r="ESU127" s="26"/>
      <c r="ESV127" s="26"/>
      <c r="ESW127" s="26"/>
      <c r="ESX127" s="26"/>
      <c r="ESY127" s="26"/>
      <c r="ESZ127" s="26"/>
      <c r="ETA127" s="26"/>
      <c r="ETB127" s="26"/>
      <c r="ETC127" s="26"/>
      <c r="ETD127" s="26"/>
      <c r="ETE127" s="26"/>
      <c r="ETF127" s="26"/>
      <c r="ETG127" s="26"/>
      <c r="ETH127" s="26"/>
      <c r="ETI127" s="26"/>
      <c r="ETJ127" s="26"/>
      <c r="ETK127" s="26"/>
      <c r="ETL127" s="26"/>
      <c r="ETM127" s="26"/>
      <c r="ETN127" s="26"/>
      <c r="ETO127" s="26"/>
      <c r="ETP127" s="26"/>
      <c r="ETQ127" s="26"/>
      <c r="ETR127" s="26"/>
      <c r="ETS127" s="26"/>
      <c r="ETT127" s="26"/>
      <c r="ETU127" s="26"/>
      <c r="ETV127" s="26"/>
      <c r="ETW127" s="26"/>
      <c r="ETX127" s="26"/>
      <c r="ETY127" s="26"/>
      <c r="ETZ127" s="26"/>
      <c r="EUA127" s="26"/>
      <c r="EUB127" s="26"/>
      <c r="EUC127" s="26"/>
      <c r="EUD127" s="26"/>
      <c r="EUE127" s="26"/>
      <c r="EUF127" s="26"/>
      <c r="EUG127" s="26"/>
      <c r="EUH127" s="26"/>
      <c r="EUI127" s="26"/>
      <c r="EUJ127" s="26"/>
      <c r="EUK127" s="26"/>
      <c r="EUL127" s="26"/>
      <c r="EUM127" s="26"/>
      <c r="EUN127" s="26"/>
      <c r="EUO127" s="26"/>
      <c r="EUP127" s="26"/>
      <c r="EUQ127" s="26"/>
      <c r="EUR127" s="26"/>
      <c r="EUS127" s="26"/>
      <c r="EUT127" s="26"/>
      <c r="EUU127" s="26"/>
      <c r="EUV127" s="26"/>
      <c r="EUW127" s="26"/>
      <c r="EUX127" s="26"/>
      <c r="EUY127" s="26"/>
      <c r="EUZ127" s="26"/>
      <c r="EVA127" s="26"/>
      <c r="EVB127" s="26"/>
      <c r="EVC127" s="26"/>
      <c r="EVD127" s="26"/>
      <c r="EVE127" s="26"/>
      <c r="EVF127" s="26"/>
      <c r="EVG127" s="26"/>
      <c r="EVH127" s="26"/>
      <c r="EVI127" s="26"/>
      <c r="EVJ127" s="26"/>
      <c r="EVK127" s="26"/>
      <c r="EVL127" s="26"/>
      <c r="EVM127" s="26"/>
      <c r="EVN127" s="26"/>
      <c r="EVO127" s="26"/>
      <c r="EVP127" s="26"/>
      <c r="EVQ127" s="26"/>
      <c r="EVR127" s="26"/>
      <c r="EVS127" s="26"/>
      <c r="EVT127" s="26"/>
      <c r="EVU127" s="26"/>
      <c r="EVV127" s="26"/>
      <c r="EVW127" s="26"/>
      <c r="EVX127" s="26"/>
      <c r="EVY127" s="26"/>
      <c r="EVZ127" s="26"/>
      <c r="EWA127" s="26"/>
      <c r="EWB127" s="26"/>
      <c r="EWC127" s="26"/>
      <c r="EWD127" s="26"/>
      <c r="EWE127" s="26"/>
      <c r="EWF127" s="26"/>
      <c r="EWG127" s="26"/>
      <c r="EWH127" s="26"/>
      <c r="EWI127" s="26"/>
      <c r="EWJ127" s="26"/>
      <c r="EWK127" s="26"/>
      <c r="EWL127" s="26"/>
      <c r="EWM127" s="26"/>
      <c r="EWN127" s="26"/>
      <c r="EWO127" s="26"/>
      <c r="EWP127" s="26"/>
      <c r="EWQ127" s="26"/>
      <c r="EWR127" s="26"/>
      <c r="EWS127" s="26"/>
      <c r="EWT127" s="26"/>
      <c r="EWU127" s="26"/>
      <c r="EWV127" s="26"/>
      <c r="EWW127" s="26"/>
      <c r="EWX127" s="26"/>
      <c r="EWY127" s="26"/>
      <c r="EWZ127" s="26"/>
      <c r="EXA127" s="26"/>
      <c r="EXB127" s="26"/>
      <c r="EXC127" s="26"/>
      <c r="EXD127" s="26"/>
      <c r="EXE127" s="26"/>
      <c r="EXF127" s="26"/>
      <c r="EXG127" s="26"/>
      <c r="EXH127" s="26"/>
      <c r="EXI127" s="26"/>
      <c r="EXJ127" s="26"/>
      <c r="EXK127" s="26"/>
      <c r="EXL127" s="26"/>
      <c r="EXM127" s="26"/>
      <c r="EXN127" s="26"/>
      <c r="EXO127" s="26"/>
      <c r="EXP127" s="26"/>
      <c r="EXQ127" s="26"/>
      <c r="EXR127" s="26"/>
      <c r="EXS127" s="26"/>
      <c r="EXT127" s="26"/>
      <c r="EXU127" s="26"/>
      <c r="EXV127" s="26"/>
      <c r="EXW127" s="26"/>
      <c r="EXX127" s="26"/>
      <c r="EXY127" s="26"/>
      <c r="EXZ127" s="26"/>
      <c r="EYA127" s="26"/>
      <c r="EYB127" s="26"/>
      <c r="EYC127" s="26"/>
      <c r="EYD127" s="26"/>
      <c r="EYE127" s="26"/>
      <c r="EYF127" s="26"/>
      <c r="EYG127" s="26"/>
      <c r="EYH127" s="26"/>
      <c r="EYI127" s="26"/>
      <c r="EYJ127" s="26"/>
      <c r="EYK127" s="26"/>
      <c r="EYL127" s="26"/>
      <c r="EYM127" s="26"/>
      <c r="EYN127" s="26"/>
      <c r="EYO127" s="26"/>
      <c r="EYP127" s="26"/>
      <c r="EYQ127" s="26"/>
      <c r="EYR127" s="26"/>
      <c r="EYS127" s="26"/>
      <c r="EYT127" s="26"/>
      <c r="EYU127" s="26"/>
      <c r="EYV127" s="26"/>
      <c r="EYW127" s="26"/>
      <c r="EYX127" s="26"/>
      <c r="EYY127" s="26"/>
      <c r="EYZ127" s="26"/>
      <c r="EZA127" s="26"/>
      <c r="EZB127" s="26"/>
      <c r="EZC127" s="26"/>
      <c r="EZD127" s="26"/>
      <c r="EZE127" s="26"/>
      <c r="EZF127" s="26"/>
      <c r="EZG127" s="26"/>
      <c r="EZH127" s="26"/>
      <c r="EZI127" s="26"/>
      <c r="EZJ127" s="26"/>
      <c r="EZK127" s="26"/>
      <c r="EZL127" s="26"/>
      <c r="EZM127" s="26"/>
      <c r="EZN127" s="26"/>
      <c r="EZO127" s="26"/>
      <c r="EZP127" s="26"/>
      <c r="EZQ127" s="26"/>
      <c r="EZR127" s="26"/>
      <c r="EZS127" s="26"/>
      <c r="EZT127" s="26"/>
      <c r="EZU127" s="26"/>
      <c r="EZV127" s="26"/>
      <c r="EZW127" s="26"/>
      <c r="EZX127" s="26"/>
      <c r="EZY127" s="26"/>
      <c r="EZZ127" s="26"/>
      <c r="FAA127" s="26"/>
      <c r="FAB127" s="26"/>
      <c r="FAC127" s="26"/>
      <c r="FAD127" s="26"/>
      <c r="FAE127" s="26"/>
      <c r="FAF127" s="26"/>
      <c r="FAG127" s="26"/>
      <c r="FAH127" s="26"/>
      <c r="FAI127" s="26"/>
      <c r="FAJ127" s="26"/>
      <c r="FAK127" s="26"/>
      <c r="FAL127" s="26"/>
      <c r="FAM127" s="26"/>
      <c r="FAN127" s="26"/>
      <c r="FAO127" s="26"/>
      <c r="FAP127" s="26"/>
      <c r="FAQ127" s="26"/>
      <c r="FAR127" s="26"/>
      <c r="FAS127" s="26"/>
      <c r="FAT127" s="26"/>
      <c r="FAU127" s="26"/>
      <c r="FAV127" s="26"/>
      <c r="FAW127" s="26"/>
      <c r="FAX127" s="26"/>
      <c r="FAY127" s="26"/>
      <c r="FAZ127" s="26"/>
      <c r="FBA127" s="26"/>
      <c r="FBB127" s="26"/>
      <c r="FBC127" s="26"/>
      <c r="FBD127" s="26"/>
      <c r="FBE127" s="26"/>
      <c r="FBF127" s="26"/>
      <c r="FBG127" s="26"/>
      <c r="FBH127" s="26"/>
      <c r="FBI127" s="26"/>
      <c r="FBJ127" s="26"/>
      <c r="FBK127" s="26"/>
      <c r="FBL127" s="26"/>
      <c r="FBM127" s="26"/>
      <c r="FBN127" s="26"/>
      <c r="FBO127" s="26"/>
      <c r="FBP127" s="26"/>
      <c r="FBQ127" s="26"/>
      <c r="FBR127" s="26"/>
      <c r="FBS127" s="26"/>
      <c r="FBT127" s="26"/>
      <c r="FBU127" s="26"/>
      <c r="FBV127" s="26"/>
      <c r="FBW127" s="26"/>
      <c r="FBX127" s="26"/>
      <c r="FBY127" s="26"/>
      <c r="FBZ127" s="26"/>
      <c r="FCA127" s="26"/>
      <c r="FCB127" s="26"/>
      <c r="FCC127" s="26"/>
      <c r="FCD127" s="26"/>
      <c r="FCE127" s="26"/>
      <c r="FCF127" s="26"/>
      <c r="FCG127" s="26"/>
      <c r="FCH127" s="26"/>
      <c r="FCI127" s="26"/>
      <c r="FCJ127" s="26"/>
      <c r="FCK127" s="26"/>
      <c r="FCL127" s="26"/>
      <c r="FCM127" s="26"/>
      <c r="FCN127" s="26"/>
      <c r="FCO127" s="26"/>
      <c r="FCP127" s="26"/>
      <c r="FCQ127" s="26"/>
      <c r="FCR127" s="26"/>
      <c r="FCS127" s="26"/>
      <c r="FCT127" s="26"/>
      <c r="FCU127" s="26"/>
      <c r="FCV127" s="26"/>
      <c r="FCW127" s="26"/>
      <c r="FCX127" s="26"/>
      <c r="FCY127" s="26"/>
      <c r="FCZ127" s="26"/>
      <c r="FDA127" s="26"/>
      <c r="FDB127" s="26"/>
      <c r="FDC127" s="26"/>
      <c r="FDD127" s="26"/>
      <c r="FDE127" s="26"/>
      <c r="FDF127" s="26"/>
      <c r="FDG127" s="26"/>
      <c r="FDH127" s="26"/>
      <c r="FDI127" s="26"/>
      <c r="FDJ127" s="26"/>
      <c r="FDK127" s="26"/>
      <c r="FDL127" s="26"/>
      <c r="FDM127" s="26"/>
      <c r="FDN127" s="26"/>
      <c r="FDO127" s="26"/>
      <c r="FDP127" s="26"/>
      <c r="FDQ127" s="26"/>
      <c r="FDR127" s="26"/>
      <c r="FDS127" s="26"/>
      <c r="FDT127" s="26"/>
      <c r="FDU127" s="26"/>
      <c r="FDV127" s="26"/>
      <c r="FDW127" s="26"/>
      <c r="FDX127" s="26"/>
      <c r="FDY127" s="26"/>
      <c r="FDZ127" s="26"/>
      <c r="FEA127" s="26"/>
      <c r="FEB127" s="26"/>
      <c r="FEC127" s="26"/>
      <c r="FED127" s="26"/>
      <c r="FEE127" s="26"/>
      <c r="FEF127" s="26"/>
      <c r="FEG127" s="26"/>
      <c r="FEH127" s="26"/>
      <c r="FEI127" s="26"/>
      <c r="FEJ127" s="26"/>
      <c r="FEK127" s="26"/>
      <c r="FEL127" s="26"/>
      <c r="FEM127" s="26"/>
      <c r="FEN127" s="26"/>
      <c r="FEO127" s="26"/>
      <c r="FEP127" s="26"/>
      <c r="FEQ127" s="26"/>
      <c r="FER127" s="26"/>
      <c r="FES127" s="26"/>
      <c r="FET127" s="26"/>
      <c r="FEU127" s="26"/>
      <c r="FEV127" s="26"/>
      <c r="FEW127" s="26"/>
      <c r="FEX127" s="26"/>
      <c r="FEY127" s="26"/>
      <c r="FEZ127" s="26"/>
      <c r="FFA127" s="26"/>
      <c r="FFB127" s="26"/>
      <c r="FFC127" s="26"/>
      <c r="FFD127" s="26"/>
      <c r="FFE127" s="26"/>
      <c r="FFF127" s="26"/>
      <c r="FFG127" s="26"/>
      <c r="FFH127" s="26"/>
      <c r="FFI127" s="26"/>
      <c r="FFJ127" s="26"/>
      <c r="FFK127" s="26"/>
      <c r="FFL127" s="26"/>
      <c r="FFM127" s="26"/>
      <c r="FFN127" s="26"/>
      <c r="FFO127" s="26"/>
      <c r="FFP127" s="26"/>
      <c r="FFQ127" s="26"/>
      <c r="FFR127" s="26"/>
      <c r="FFS127" s="26"/>
      <c r="FFT127" s="26"/>
      <c r="FFU127" s="26"/>
      <c r="FFV127" s="26"/>
      <c r="FFW127" s="26"/>
      <c r="FFX127" s="26"/>
      <c r="FFY127" s="26"/>
      <c r="FFZ127" s="26"/>
      <c r="FGA127" s="26"/>
      <c r="FGB127" s="26"/>
      <c r="FGC127" s="26"/>
      <c r="FGD127" s="26"/>
      <c r="FGE127" s="26"/>
      <c r="FGF127" s="26"/>
      <c r="FGG127" s="26"/>
      <c r="FGH127" s="26"/>
      <c r="FGI127" s="26"/>
      <c r="FGJ127" s="26"/>
      <c r="FGK127" s="26"/>
      <c r="FGL127" s="26"/>
      <c r="FGM127" s="26"/>
      <c r="FGN127" s="26"/>
      <c r="FGO127" s="26"/>
      <c r="FGP127" s="26"/>
      <c r="FGQ127" s="26"/>
      <c r="FGR127" s="26"/>
      <c r="FGS127" s="26"/>
      <c r="FGT127" s="26"/>
      <c r="FGU127" s="26"/>
      <c r="FGV127" s="26"/>
      <c r="FGW127" s="26"/>
      <c r="FGX127" s="26"/>
      <c r="FGY127" s="26"/>
      <c r="FGZ127" s="26"/>
      <c r="FHA127" s="26"/>
      <c r="FHB127" s="26"/>
      <c r="FHC127" s="26"/>
      <c r="FHD127" s="26"/>
      <c r="FHE127" s="26"/>
      <c r="FHF127" s="26"/>
      <c r="FHG127" s="26"/>
      <c r="FHH127" s="26"/>
      <c r="FHI127" s="26"/>
      <c r="FHJ127" s="26"/>
      <c r="FHK127" s="26"/>
      <c r="FHL127" s="26"/>
      <c r="FHM127" s="26"/>
      <c r="FHN127" s="26"/>
      <c r="FHO127" s="26"/>
      <c r="FHP127" s="26"/>
      <c r="FHQ127" s="26"/>
      <c r="FHR127" s="26"/>
      <c r="FHS127" s="26"/>
      <c r="FHT127" s="26"/>
      <c r="FHU127" s="26"/>
      <c r="FHV127" s="26"/>
      <c r="FHW127" s="26"/>
      <c r="FHX127" s="26"/>
      <c r="FHY127" s="26"/>
      <c r="FHZ127" s="26"/>
      <c r="FIA127" s="26"/>
      <c r="FIB127" s="26"/>
      <c r="FIC127" s="26"/>
      <c r="FID127" s="26"/>
      <c r="FIE127" s="26"/>
      <c r="FIF127" s="26"/>
      <c r="FIG127" s="26"/>
      <c r="FIH127" s="26"/>
      <c r="FII127" s="26"/>
      <c r="FIJ127" s="26"/>
      <c r="FIK127" s="26"/>
      <c r="FIL127" s="26"/>
      <c r="FIM127" s="26"/>
      <c r="FIN127" s="26"/>
      <c r="FIO127" s="26"/>
      <c r="FIP127" s="26"/>
      <c r="FIQ127" s="26"/>
      <c r="FIR127" s="26"/>
      <c r="FIS127" s="26"/>
      <c r="FIT127" s="26"/>
      <c r="FIU127" s="26"/>
      <c r="FIV127" s="26"/>
      <c r="FIW127" s="26"/>
      <c r="FIX127" s="26"/>
      <c r="FIY127" s="26"/>
      <c r="FIZ127" s="26"/>
      <c r="FJA127" s="26"/>
      <c r="FJB127" s="26"/>
      <c r="FJC127" s="26"/>
      <c r="FJD127" s="26"/>
      <c r="FJE127" s="26"/>
      <c r="FJF127" s="26"/>
      <c r="FJG127" s="26"/>
      <c r="FJH127" s="26"/>
      <c r="FJI127" s="26"/>
      <c r="FJJ127" s="26"/>
      <c r="FJK127" s="26"/>
      <c r="FJL127" s="26"/>
      <c r="FJM127" s="26"/>
      <c r="FJN127" s="26"/>
      <c r="FJO127" s="26"/>
      <c r="FJP127" s="26"/>
      <c r="FJQ127" s="26"/>
      <c r="FJR127" s="26"/>
      <c r="FJS127" s="26"/>
      <c r="FJT127" s="26"/>
      <c r="FJU127" s="26"/>
      <c r="FJV127" s="26"/>
      <c r="FJW127" s="26"/>
      <c r="FJX127" s="26"/>
      <c r="FJY127" s="26"/>
      <c r="FJZ127" s="26"/>
      <c r="FKA127" s="26"/>
      <c r="FKB127" s="26"/>
      <c r="FKC127" s="26"/>
      <c r="FKD127" s="26"/>
      <c r="FKE127" s="26"/>
      <c r="FKF127" s="26"/>
      <c r="FKG127" s="26"/>
      <c r="FKH127" s="26"/>
      <c r="FKI127" s="26"/>
      <c r="FKJ127" s="26"/>
      <c r="FKK127" s="26"/>
      <c r="FKL127" s="26"/>
      <c r="FKM127" s="26"/>
      <c r="FKN127" s="26"/>
      <c r="FKO127" s="26"/>
      <c r="FKP127" s="26"/>
      <c r="FKQ127" s="26"/>
      <c r="FKR127" s="26"/>
      <c r="FKS127" s="26"/>
      <c r="FKT127" s="26"/>
      <c r="FKU127" s="26"/>
      <c r="FKV127" s="26"/>
      <c r="FKW127" s="26"/>
      <c r="FKX127" s="26"/>
      <c r="FKY127" s="26"/>
      <c r="FKZ127" s="26"/>
      <c r="FLA127" s="26"/>
      <c r="FLB127" s="26"/>
      <c r="FLC127" s="26"/>
      <c r="FLD127" s="26"/>
      <c r="FLE127" s="26"/>
      <c r="FLF127" s="26"/>
      <c r="FLG127" s="26"/>
      <c r="FLH127" s="26"/>
      <c r="FLI127" s="26"/>
      <c r="FLJ127" s="26"/>
      <c r="FLK127" s="26"/>
      <c r="FLL127" s="26"/>
      <c r="FLM127" s="26"/>
      <c r="FLN127" s="26"/>
      <c r="FLO127" s="26"/>
      <c r="FLP127" s="26"/>
      <c r="FLQ127" s="26"/>
      <c r="FLR127" s="26"/>
      <c r="FLS127" s="26"/>
      <c r="FLT127" s="26"/>
      <c r="FLU127" s="26"/>
      <c r="FLV127" s="26"/>
      <c r="FLW127" s="26"/>
      <c r="FLX127" s="26"/>
      <c r="FLY127" s="26"/>
      <c r="FLZ127" s="26"/>
      <c r="FMA127" s="26"/>
      <c r="FMB127" s="26"/>
      <c r="FMC127" s="26"/>
      <c r="FMD127" s="26"/>
      <c r="FME127" s="26"/>
      <c r="FMF127" s="26"/>
      <c r="FMG127" s="26"/>
      <c r="FMH127" s="26"/>
      <c r="FMI127" s="26"/>
      <c r="FMJ127" s="26"/>
      <c r="FMK127" s="26"/>
      <c r="FML127" s="26"/>
      <c r="FMM127" s="26"/>
      <c r="FMN127" s="26"/>
      <c r="FMO127" s="26"/>
      <c r="FMP127" s="26"/>
      <c r="FMQ127" s="26"/>
      <c r="FMR127" s="26"/>
      <c r="FMS127" s="26"/>
      <c r="FMT127" s="26"/>
      <c r="FMU127" s="26"/>
      <c r="FMV127" s="26"/>
      <c r="FMW127" s="26"/>
      <c r="FMX127" s="26"/>
      <c r="FMY127" s="26"/>
      <c r="FMZ127" s="26"/>
      <c r="FNA127" s="26"/>
      <c r="FNB127" s="26"/>
      <c r="FNC127" s="26"/>
      <c r="FND127" s="26"/>
      <c r="FNE127" s="26"/>
      <c r="FNF127" s="26"/>
      <c r="FNG127" s="26"/>
      <c r="FNH127" s="26"/>
      <c r="FNI127" s="26"/>
      <c r="FNJ127" s="26"/>
      <c r="FNK127" s="26"/>
      <c r="FNL127" s="26"/>
      <c r="FNM127" s="26"/>
      <c r="FNN127" s="26"/>
      <c r="FNO127" s="26"/>
      <c r="FNP127" s="26"/>
      <c r="FNQ127" s="26"/>
      <c r="FNR127" s="26"/>
      <c r="FNS127" s="26"/>
      <c r="FNT127" s="26"/>
      <c r="FNU127" s="26"/>
      <c r="FNV127" s="26"/>
      <c r="FNW127" s="26"/>
      <c r="FNX127" s="26"/>
      <c r="FNY127" s="26"/>
      <c r="FNZ127" s="26"/>
      <c r="FOA127" s="26"/>
      <c r="FOB127" s="26"/>
      <c r="FOC127" s="26"/>
      <c r="FOD127" s="26"/>
      <c r="FOE127" s="26"/>
      <c r="FOF127" s="26"/>
      <c r="FOG127" s="26"/>
      <c r="FOH127" s="26"/>
      <c r="FOI127" s="26"/>
      <c r="FOJ127" s="26"/>
      <c r="FOK127" s="26"/>
      <c r="FOL127" s="26"/>
      <c r="FOM127" s="26"/>
      <c r="FON127" s="26"/>
      <c r="FOO127" s="26"/>
      <c r="FOP127" s="26"/>
      <c r="FOQ127" s="26"/>
      <c r="FOR127" s="26"/>
      <c r="FOS127" s="26"/>
      <c r="FOT127" s="26"/>
      <c r="FOU127" s="26"/>
      <c r="FOV127" s="26"/>
      <c r="FOW127" s="26"/>
      <c r="FOX127" s="26"/>
      <c r="FOY127" s="26"/>
      <c r="FOZ127" s="26"/>
      <c r="FPA127" s="26"/>
      <c r="FPB127" s="26"/>
      <c r="FPC127" s="26"/>
      <c r="FPD127" s="26"/>
      <c r="FPE127" s="26"/>
      <c r="FPF127" s="26"/>
      <c r="FPG127" s="26"/>
      <c r="FPH127" s="26"/>
      <c r="FPI127" s="26"/>
      <c r="FPJ127" s="26"/>
      <c r="FPK127" s="26"/>
      <c r="FPL127" s="26"/>
      <c r="FPM127" s="26"/>
      <c r="FPN127" s="26"/>
      <c r="FPO127" s="26"/>
      <c r="FPP127" s="26"/>
      <c r="FPQ127" s="26"/>
      <c r="FPR127" s="26"/>
      <c r="FPS127" s="26"/>
      <c r="FPT127" s="26"/>
      <c r="FPU127" s="26"/>
      <c r="FPV127" s="26"/>
      <c r="FPW127" s="26"/>
      <c r="FPX127" s="26"/>
      <c r="FPY127" s="26"/>
      <c r="FPZ127" s="26"/>
      <c r="FQA127" s="26"/>
      <c r="FQB127" s="26"/>
      <c r="FQC127" s="26"/>
      <c r="FQD127" s="26"/>
      <c r="FQE127" s="26"/>
      <c r="FQF127" s="26"/>
      <c r="FQG127" s="26"/>
      <c r="FQH127" s="26"/>
      <c r="FQI127" s="26"/>
      <c r="FQJ127" s="26"/>
      <c r="FQK127" s="26"/>
      <c r="FQL127" s="26"/>
      <c r="FQM127" s="26"/>
      <c r="FQN127" s="26"/>
      <c r="FQO127" s="26"/>
      <c r="FQP127" s="26"/>
      <c r="FQQ127" s="26"/>
      <c r="FQR127" s="26"/>
      <c r="FQS127" s="26"/>
      <c r="FQT127" s="26"/>
      <c r="FQU127" s="26"/>
      <c r="FQV127" s="26"/>
      <c r="FQW127" s="26"/>
      <c r="FQX127" s="26"/>
      <c r="FQY127" s="26"/>
      <c r="FQZ127" s="26"/>
      <c r="FRA127" s="26"/>
      <c r="FRB127" s="26"/>
      <c r="FRC127" s="26"/>
      <c r="FRD127" s="26"/>
      <c r="FRE127" s="26"/>
      <c r="FRF127" s="26"/>
      <c r="FRG127" s="26"/>
      <c r="FRH127" s="26"/>
      <c r="FRI127" s="26"/>
      <c r="FRJ127" s="26"/>
      <c r="FRK127" s="26"/>
      <c r="FRL127" s="26"/>
      <c r="FRM127" s="26"/>
      <c r="FRN127" s="26"/>
      <c r="FRO127" s="26"/>
      <c r="FRP127" s="26"/>
      <c r="FRQ127" s="26"/>
      <c r="FRR127" s="26"/>
      <c r="FRS127" s="26"/>
      <c r="FRT127" s="26"/>
      <c r="FRU127" s="26"/>
      <c r="FRV127" s="26"/>
      <c r="FRW127" s="26"/>
      <c r="FRX127" s="26"/>
      <c r="FRY127" s="26"/>
      <c r="FRZ127" s="26"/>
      <c r="FSA127" s="26"/>
      <c r="FSB127" s="26"/>
      <c r="FSC127" s="26"/>
      <c r="FSD127" s="26"/>
      <c r="FSE127" s="26"/>
      <c r="FSF127" s="26"/>
      <c r="FSG127" s="26"/>
      <c r="FSH127" s="26"/>
      <c r="FSI127" s="26"/>
      <c r="FSJ127" s="26"/>
      <c r="FSK127" s="26"/>
      <c r="FSL127" s="26"/>
      <c r="FSM127" s="26"/>
      <c r="FSN127" s="26"/>
      <c r="FSO127" s="26"/>
      <c r="FSP127" s="26"/>
      <c r="FSQ127" s="26"/>
      <c r="FSR127" s="26"/>
      <c r="FSS127" s="26"/>
      <c r="FST127" s="26"/>
      <c r="FSU127" s="26"/>
      <c r="FSV127" s="26"/>
      <c r="FSW127" s="26"/>
      <c r="FSX127" s="26"/>
      <c r="FSY127" s="26"/>
      <c r="FSZ127" s="26"/>
      <c r="FTA127" s="26"/>
      <c r="FTB127" s="26"/>
      <c r="FTC127" s="26"/>
      <c r="FTD127" s="26"/>
      <c r="FTE127" s="26"/>
      <c r="FTF127" s="26"/>
      <c r="FTG127" s="26"/>
      <c r="FTH127" s="26"/>
      <c r="FTI127" s="26"/>
      <c r="FTJ127" s="26"/>
      <c r="FTK127" s="26"/>
      <c r="FTL127" s="26"/>
      <c r="FTM127" s="26"/>
      <c r="FTN127" s="26"/>
      <c r="FTO127" s="26"/>
      <c r="FTP127" s="26"/>
      <c r="FTQ127" s="26"/>
      <c r="FTR127" s="26"/>
      <c r="FTS127" s="26"/>
      <c r="FTT127" s="26"/>
      <c r="FTU127" s="26"/>
      <c r="FTV127" s="26"/>
      <c r="FTW127" s="26"/>
      <c r="FTX127" s="26"/>
      <c r="FTY127" s="26"/>
      <c r="FTZ127" s="26"/>
      <c r="FUA127" s="26"/>
      <c r="FUB127" s="26"/>
      <c r="FUC127" s="26"/>
      <c r="FUD127" s="26"/>
      <c r="FUE127" s="26"/>
      <c r="FUF127" s="26"/>
      <c r="FUG127" s="26"/>
      <c r="FUH127" s="26"/>
      <c r="FUI127" s="26"/>
      <c r="FUJ127" s="26"/>
      <c r="FUK127" s="26"/>
      <c r="FUL127" s="26"/>
      <c r="FUM127" s="26"/>
      <c r="FUN127" s="26"/>
      <c r="FUO127" s="26"/>
      <c r="FUP127" s="26"/>
      <c r="FUQ127" s="26"/>
      <c r="FUR127" s="26"/>
      <c r="FUS127" s="26"/>
      <c r="FUT127" s="26"/>
      <c r="FUU127" s="26"/>
      <c r="FUV127" s="26"/>
      <c r="FUW127" s="26"/>
      <c r="FUX127" s="26"/>
      <c r="FUY127" s="26"/>
      <c r="FUZ127" s="26"/>
      <c r="FVA127" s="26"/>
      <c r="FVB127" s="26"/>
      <c r="FVC127" s="26"/>
      <c r="FVD127" s="26"/>
      <c r="FVE127" s="26"/>
      <c r="FVF127" s="26"/>
      <c r="FVG127" s="26"/>
      <c r="FVH127" s="26"/>
      <c r="FVI127" s="26"/>
      <c r="FVJ127" s="26"/>
      <c r="FVK127" s="26"/>
      <c r="FVL127" s="26"/>
      <c r="FVM127" s="26"/>
      <c r="FVN127" s="26"/>
      <c r="FVO127" s="26"/>
      <c r="FVP127" s="26"/>
      <c r="FVQ127" s="26"/>
      <c r="FVR127" s="26"/>
      <c r="FVS127" s="26"/>
      <c r="FVT127" s="26"/>
      <c r="FVU127" s="26"/>
      <c r="FVV127" s="26"/>
      <c r="FVW127" s="26"/>
      <c r="FVX127" s="26"/>
      <c r="FVY127" s="26"/>
      <c r="FVZ127" s="26"/>
      <c r="FWA127" s="26"/>
      <c r="FWB127" s="26"/>
      <c r="FWC127" s="26"/>
      <c r="FWD127" s="26"/>
      <c r="FWE127" s="26"/>
      <c r="FWF127" s="26"/>
      <c r="FWG127" s="26"/>
      <c r="FWH127" s="26"/>
      <c r="FWI127" s="26"/>
      <c r="FWJ127" s="26"/>
      <c r="FWK127" s="26"/>
      <c r="FWL127" s="26"/>
      <c r="FWM127" s="26"/>
      <c r="FWN127" s="26"/>
      <c r="FWO127" s="26"/>
      <c r="FWP127" s="26"/>
      <c r="FWQ127" s="26"/>
      <c r="FWR127" s="26"/>
      <c r="FWS127" s="26"/>
      <c r="FWT127" s="26"/>
      <c r="FWU127" s="26"/>
      <c r="FWV127" s="26"/>
      <c r="FWW127" s="26"/>
      <c r="FWX127" s="26"/>
      <c r="FWY127" s="26"/>
      <c r="FWZ127" s="26"/>
      <c r="FXA127" s="26"/>
      <c r="FXB127" s="26"/>
      <c r="FXC127" s="26"/>
      <c r="FXD127" s="26"/>
      <c r="FXE127" s="26"/>
      <c r="FXF127" s="26"/>
      <c r="FXG127" s="26"/>
      <c r="FXH127" s="26"/>
      <c r="FXI127" s="26"/>
      <c r="FXJ127" s="26"/>
      <c r="FXK127" s="26"/>
      <c r="FXL127" s="26"/>
      <c r="FXM127" s="26"/>
      <c r="FXN127" s="26"/>
      <c r="FXO127" s="26"/>
      <c r="FXP127" s="26"/>
      <c r="FXQ127" s="26"/>
      <c r="FXR127" s="26"/>
      <c r="FXS127" s="26"/>
      <c r="FXT127" s="26"/>
      <c r="FXU127" s="26"/>
      <c r="FXV127" s="26"/>
      <c r="FXW127" s="26"/>
      <c r="FXX127" s="26"/>
      <c r="FXY127" s="26"/>
      <c r="FXZ127" s="26"/>
      <c r="FYA127" s="26"/>
      <c r="FYB127" s="26"/>
      <c r="FYC127" s="26"/>
      <c r="FYD127" s="26"/>
      <c r="FYE127" s="26"/>
      <c r="FYF127" s="26"/>
      <c r="FYG127" s="26"/>
      <c r="FYH127" s="26"/>
      <c r="FYI127" s="26"/>
      <c r="FYJ127" s="26"/>
      <c r="FYK127" s="26"/>
      <c r="FYL127" s="26"/>
      <c r="FYM127" s="26"/>
      <c r="FYN127" s="26"/>
      <c r="FYO127" s="26"/>
      <c r="FYP127" s="26"/>
      <c r="FYQ127" s="26"/>
      <c r="FYR127" s="26"/>
      <c r="FYS127" s="26"/>
      <c r="FYT127" s="26"/>
      <c r="FYU127" s="26"/>
      <c r="FYV127" s="26"/>
      <c r="FYW127" s="26"/>
      <c r="FYX127" s="26"/>
      <c r="FYY127" s="26"/>
      <c r="FYZ127" s="26"/>
      <c r="FZA127" s="26"/>
      <c r="FZB127" s="26"/>
      <c r="FZC127" s="26"/>
      <c r="FZD127" s="26"/>
      <c r="FZE127" s="26"/>
      <c r="FZF127" s="26"/>
      <c r="FZG127" s="26"/>
      <c r="FZH127" s="26"/>
      <c r="FZI127" s="26"/>
      <c r="FZJ127" s="26"/>
      <c r="FZK127" s="26"/>
      <c r="FZL127" s="26"/>
      <c r="FZM127" s="26"/>
      <c r="FZN127" s="26"/>
      <c r="FZO127" s="26"/>
      <c r="FZP127" s="26"/>
      <c r="FZQ127" s="26"/>
      <c r="FZR127" s="26"/>
      <c r="FZS127" s="26"/>
      <c r="FZT127" s="26"/>
      <c r="FZU127" s="26"/>
      <c r="FZV127" s="26"/>
      <c r="FZW127" s="26"/>
      <c r="FZX127" s="26"/>
      <c r="FZY127" s="26"/>
      <c r="FZZ127" s="26"/>
      <c r="GAA127" s="26"/>
      <c r="GAB127" s="26"/>
      <c r="GAC127" s="26"/>
      <c r="GAD127" s="26"/>
      <c r="GAE127" s="26"/>
      <c r="GAF127" s="26"/>
      <c r="GAG127" s="26"/>
      <c r="GAH127" s="26"/>
      <c r="GAI127" s="26"/>
      <c r="GAJ127" s="26"/>
      <c r="GAK127" s="26"/>
      <c r="GAL127" s="26"/>
      <c r="GAM127" s="26"/>
      <c r="GAN127" s="26"/>
      <c r="GAO127" s="26"/>
      <c r="GAP127" s="26"/>
      <c r="GAQ127" s="26"/>
      <c r="GAR127" s="26"/>
      <c r="GAS127" s="26"/>
      <c r="GAT127" s="26"/>
      <c r="GAU127" s="26"/>
      <c r="GAV127" s="26"/>
      <c r="GAW127" s="26"/>
      <c r="GAX127" s="26"/>
      <c r="GAY127" s="26"/>
      <c r="GAZ127" s="26"/>
      <c r="GBA127" s="26"/>
      <c r="GBB127" s="26"/>
      <c r="GBC127" s="26"/>
      <c r="GBD127" s="26"/>
      <c r="GBE127" s="26"/>
      <c r="GBF127" s="26"/>
      <c r="GBG127" s="26"/>
      <c r="GBH127" s="26"/>
      <c r="GBI127" s="26"/>
      <c r="GBJ127" s="26"/>
      <c r="GBK127" s="26"/>
      <c r="GBL127" s="26"/>
      <c r="GBM127" s="26"/>
      <c r="GBN127" s="26"/>
      <c r="GBO127" s="26"/>
      <c r="GBP127" s="26"/>
      <c r="GBQ127" s="26"/>
      <c r="GBR127" s="26"/>
      <c r="GBS127" s="26"/>
      <c r="GBT127" s="26"/>
      <c r="GBU127" s="26"/>
      <c r="GBV127" s="26"/>
      <c r="GBW127" s="26"/>
      <c r="GBX127" s="26"/>
      <c r="GBY127" s="26"/>
      <c r="GBZ127" s="26"/>
      <c r="GCA127" s="26"/>
      <c r="GCB127" s="26"/>
      <c r="GCC127" s="26"/>
      <c r="GCD127" s="26"/>
      <c r="GCE127" s="26"/>
      <c r="GCF127" s="26"/>
      <c r="GCG127" s="26"/>
      <c r="GCH127" s="26"/>
      <c r="GCI127" s="26"/>
      <c r="GCJ127" s="26"/>
      <c r="GCK127" s="26"/>
      <c r="GCL127" s="26"/>
      <c r="GCM127" s="26"/>
      <c r="GCN127" s="26"/>
      <c r="GCO127" s="26"/>
      <c r="GCP127" s="26"/>
      <c r="GCQ127" s="26"/>
      <c r="GCR127" s="26"/>
      <c r="GCS127" s="26"/>
      <c r="GCT127" s="26"/>
      <c r="GCU127" s="26"/>
      <c r="GCV127" s="26"/>
      <c r="GCW127" s="26"/>
      <c r="GCX127" s="26"/>
      <c r="GCY127" s="26"/>
      <c r="GCZ127" s="26"/>
      <c r="GDA127" s="26"/>
      <c r="GDB127" s="26"/>
      <c r="GDC127" s="26"/>
      <c r="GDD127" s="26"/>
      <c r="GDE127" s="26"/>
      <c r="GDF127" s="26"/>
      <c r="GDG127" s="26"/>
      <c r="GDH127" s="26"/>
      <c r="GDI127" s="26"/>
      <c r="GDJ127" s="26"/>
      <c r="GDK127" s="26"/>
      <c r="GDL127" s="26"/>
      <c r="GDM127" s="26"/>
      <c r="GDN127" s="26"/>
      <c r="GDO127" s="26"/>
      <c r="GDP127" s="26"/>
      <c r="GDQ127" s="26"/>
      <c r="GDR127" s="26"/>
      <c r="GDS127" s="26"/>
      <c r="GDT127" s="26"/>
      <c r="GDU127" s="26"/>
      <c r="GDV127" s="26"/>
      <c r="GDW127" s="26"/>
      <c r="GDX127" s="26"/>
      <c r="GDY127" s="26"/>
      <c r="GDZ127" s="26"/>
      <c r="GEA127" s="26"/>
      <c r="GEB127" s="26"/>
      <c r="GEC127" s="26"/>
      <c r="GED127" s="26"/>
      <c r="GEE127" s="26"/>
      <c r="GEF127" s="26"/>
      <c r="GEG127" s="26"/>
      <c r="GEH127" s="26"/>
      <c r="GEI127" s="26"/>
      <c r="GEJ127" s="26"/>
      <c r="GEK127" s="26"/>
      <c r="GEL127" s="26"/>
      <c r="GEM127" s="26"/>
      <c r="GEN127" s="26"/>
      <c r="GEO127" s="26"/>
      <c r="GEP127" s="26"/>
      <c r="GEQ127" s="26"/>
      <c r="GER127" s="26"/>
      <c r="GES127" s="26"/>
      <c r="GET127" s="26"/>
      <c r="GEU127" s="26"/>
      <c r="GEV127" s="26"/>
      <c r="GEW127" s="26"/>
      <c r="GEX127" s="26"/>
      <c r="GEY127" s="26"/>
      <c r="GEZ127" s="26"/>
      <c r="GFA127" s="26"/>
      <c r="GFB127" s="26"/>
      <c r="GFC127" s="26"/>
      <c r="GFD127" s="26"/>
      <c r="GFE127" s="26"/>
      <c r="GFF127" s="26"/>
      <c r="GFG127" s="26"/>
      <c r="GFH127" s="26"/>
      <c r="GFI127" s="26"/>
      <c r="GFJ127" s="26"/>
      <c r="GFK127" s="26"/>
      <c r="GFL127" s="26"/>
      <c r="GFM127" s="26"/>
      <c r="GFN127" s="26"/>
      <c r="GFO127" s="26"/>
      <c r="GFP127" s="26"/>
      <c r="GFQ127" s="26"/>
      <c r="GFR127" s="26"/>
      <c r="GFS127" s="26"/>
      <c r="GFT127" s="26"/>
      <c r="GFU127" s="26"/>
      <c r="GFV127" s="26"/>
      <c r="GFW127" s="26"/>
      <c r="GFX127" s="26"/>
      <c r="GFY127" s="26"/>
      <c r="GFZ127" s="26"/>
      <c r="GGA127" s="26"/>
      <c r="GGB127" s="26"/>
      <c r="GGC127" s="26"/>
      <c r="GGD127" s="26"/>
      <c r="GGE127" s="26"/>
      <c r="GGF127" s="26"/>
      <c r="GGG127" s="26"/>
      <c r="GGH127" s="26"/>
      <c r="GGI127" s="26"/>
      <c r="GGJ127" s="26"/>
      <c r="GGK127" s="26"/>
      <c r="GGL127" s="26"/>
      <c r="GGM127" s="26"/>
      <c r="GGN127" s="26"/>
      <c r="GGO127" s="26"/>
      <c r="GGP127" s="26"/>
      <c r="GGQ127" s="26"/>
      <c r="GGR127" s="26"/>
      <c r="GGS127" s="26"/>
      <c r="GGT127" s="26"/>
      <c r="GGU127" s="26"/>
      <c r="GGV127" s="26"/>
      <c r="GGW127" s="26"/>
      <c r="GGX127" s="26"/>
      <c r="GGY127" s="26"/>
      <c r="GGZ127" s="26"/>
      <c r="GHA127" s="26"/>
      <c r="GHB127" s="26"/>
      <c r="GHC127" s="26"/>
      <c r="GHD127" s="26"/>
      <c r="GHE127" s="26"/>
      <c r="GHF127" s="26"/>
      <c r="GHG127" s="26"/>
      <c r="GHH127" s="26"/>
      <c r="GHI127" s="26"/>
      <c r="GHJ127" s="26"/>
      <c r="GHK127" s="26"/>
      <c r="GHL127" s="26"/>
      <c r="GHM127" s="26"/>
      <c r="GHN127" s="26"/>
      <c r="GHO127" s="26"/>
      <c r="GHP127" s="26"/>
      <c r="GHQ127" s="26"/>
      <c r="GHR127" s="26"/>
      <c r="GHS127" s="26"/>
      <c r="GHT127" s="26"/>
      <c r="GHU127" s="26"/>
      <c r="GHV127" s="26"/>
      <c r="GHW127" s="26"/>
      <c r="GHX127" s="26"/>
      <c r="GHY127" s="26"/>
      <c r="GHZ127" s="26"/>
      <c r="GIA127" s="26"/>
      <c r="GIB127" s="26"/>
      <c r="GIC127" s="26"/>
      <c r="GID127" s="26"/>
      <c r="GIE127" s="26"/>
      <c r="GIF127" s="26"/>
      <c r="GIG127" s="26"/>
      <c r="GIH127" s="26"/>
      <c r="GII127" s="26"/>
      <c r="GIJ127" s="26"/>
      <c r="GIK127" s="26"/>
      <c r="GIL127" s="26"/>
      <c r="GIM127" s="26"/>
      <c r="GIN127" s="26"/>
      <c r="GIO127" s="26"/>
      <c r="GIP127" s="26"/>
      <c r="GIQ127" s="26"/>
      <c r="GIR127" s="26"/>
      <c r="GIS127" s="26"/>
      <c r="GIT127" s="26"/>
      <c r="GIU127" s="26"/>
      <c r="GIV127" s="26"/>
      <c r="GIW127" s="26"/>
      <c r="GIX127" s="26"/>
      <c r="GIY127" s="26"/>
      <c r="GIZ127" s="26"/>
      <c r="GJA127" s="26"/>
      <c r="GJB127" s="26"/>
      <c r="GJC127" s="26"/>
      <c r="GJD127" s="26"/>
      <c r="GJE127" s="26"/>
      <c r="GJF127" s="26"/>
      <c r="GJG127" s="26"/>
      <c r="GJH127" s="26"/>
      <c r="GJI127" s="26"/>
      <c r="GJJ127" s="26"/>
      <c r="GJK127" s="26"/>
      <c r="GJL127" s="26"/>
      <c r="GJM127" s="26"/>
      <c r="GJN127" s="26"/>
      <c r="GJO127" s="26"/>
      <c r="GJP127" s="26"/>
      <c r="GJQ127" s="26"/>
      <c r="GJR127" s="26"/>
      <c r="GJS127" s="26"/>
      <c r="GJT127" s="26"/>
      <c r="GJU127" s="26"/>
      <c r="GJV127" s="26"/>
      <c r="GJW127" s="26"/>
      <c r="GJX127" s="26"/>
      <c r="GJY127" s="26"/>
      <c r="GJZ127" s="26"/>
      <c r="GKA127" s="26"/>
      <c r="GKB127" s="26"/>
      <c r="GKC127" s="26"/>
      <c r="GKD127" s="26"/>
      <c r="GKE127" s="26"/>
      <c r="GKF127" s="26"/>
      <c r="GKG127" s="26"/>
      <c r="GKH127" s="26"/>
      <c r="GKI127" s="26"/>
      <c r="GKJ127" s="26"/>
      <c r="GKK127" s="26"/>
      <c r="GKL127" s="26"/>
      <c r="GKM127" s="26"/>
      <c r="GKN127" s="26"/>
      <c r="GKO127" s="26"/>
      <c r="GKP127" s="26"/>
      <c r="GKQ127" s="26"/>
      <c r="GKR127" s="26"/>
      <c r="GKS127" s="26"/>
      <c r="GKT127" s="26"/>
      <c r="GKU127" s="26"/>
      <c r="GKV127" s="26"/>
      <c r="GKW127" s="26"/>
      <c r="GKX127" s="26"/>
      <c r="GKY127" s="26"/>
      <c r="GKZ127" s="26"/>
      <c r="GLA127" s="26"/>
      <c r="GLB127" s="26"/>
      <c r="GLC127" s="26"/>
      <c r="GLD127" s="26"/>
      <c r="GLE127" s="26"/>
      <c r="GLF127" s="26"/>
      <c r="GLG127" s="26"/>
      <c r="GLH127" s="26"/>
      <c r="GLI127" s="26"/>
      <c r="GLJ127" s="26"/>
      <c r="GLK127" s="26"/>
      <c r="GLL127" s="26"/>
      <c r="GLM127" s="26"/>
      <c r="GLN127" s="26"/>
      <c r="GLO127" s="26"/>
      <c r="GLP127" s="26"/>
      <c r="GLQ127" s="26"/>
      <c r="GLR127" s="26"/>
      <c r="GLS127" s="26"/>
      <c r="GLT127" s="26"/>
      <c r="GLU127" s="26"/>
      <c r="GLV127" s="26"/>
      <c r="GLW127" s="26"/>
      <c r="GLX127" s="26"/>
      <c r="GLY127" s="26"/>
      <c r="GLZ127" s="26"/>
      <c r="GMA127" s="26"/>
      <c r="GMB127" s="26"/>
      <c r="GMC127" s="26"/>
      <c r="GMD127" s="26"/>
      <c r="GME127" s="26"/>
      <c r="GMF127" s="26"/>
      <c r="GMG127" s="26"/>
      <c r="GMH127" s="26"/>
      <c r="GMI127" s="26"/>
      <c r="GMJ127" s="26"/>
      <c r="GMK127" s="26"/>
      <c r="GML127" s="26"/>
      <c r="GMM127" s="26"/>
      <c r="GMN127" s="26"/>
      <c r="GMO127" s="26"/>
      <c r="GMP127" s="26"/>
      <c r="GMQ127" s="26"/>
      <c r="GMR127" s="26"/>
      <c r="GMS127" s="26"/>
      <c r="GMT127" s="26"/>
      <c r="GMU127" s="26"/>
      <c r="GMV127" s="26"/>
      <c r="GMW127" s="26"/>
      <c r="GMX127" s="26"/>
      <c r="GMY127" s="26"/>
      <c r="GMZ127" s="26"/>
      <c r="GNA127" s="26"/>
      <c r="GNB127" s="26"/>
      <c r="GNC127" s="26"/>
      <c r="GND127" s="26"/>
      <c r="GNE127" s="26"/>
      <c r="GNF127" s="26"/>
      <c r="GNG127" s="26"/>
      <c r="GNH127" s="26"/>
      <c r="GNI127" s="26"/>
      <c r="GNJ127" s="26"/>
      <c r="GNK127" s="26"/>
      <c r="GNL127" s="26"/>
      <c r="GNM127" s="26"/>
      <c r="GNN127" s="26"/>
      <c r="GNO127" s="26"/>
      <c r="GNP127" s="26"/>
      <c r="GNQ127" s="26"/>
      <c r="GNR127" s="26"/>
      <c r="GNS127" s="26"/>
      <c r="GNT127" s="26"/>
      <c r="GNU127" s="26"/>
      <c r="GNV127" s="26"/>
      <c r="GNW127" s="26"/>
      <c r="GNX127" s="26"/>
      <c r="GNY127" s="26"/>
      <c r="GNZ127" s="26"/>
      <c r="GOA127" s="26"/>
      <c r="GOB127" s="26"/>
      <c r="GOC127" s="26"/>
      <c r="GOD127" s="26"/>
      <c r="GOE127" s="26"/>
      <c r="GOF127" s="26"/>
      <c r="GOG127" s="26"/>
      <c r="GOH127" s="26"/>
      <c r="GOI127" s="26"/>
      <c r="GOJ127" s="26"/>
      <c r="GOK127" s="26"/>
      <c r="GOL127" s="26"/>
      <c r="GOM127" s="26"/>
      <c r="GON127" s="26"/>
      <c r="GOO127" s="26"/>
      <c r="GOP127" s="26"/>
      <c r="GOQ127" s="26"/>
      <c r="GOR127" s="26"/>
      <c r="GOS127" s="26"/>
      <c r="GOT127" s="26"/>
      <c r="GOU127" s="26"/>
      <c r="GOV127" s="26"/>
      <c r="GOW127" s="26"/>
      <c r="GOX127" s="26"/>
      <c r="GOY127" s="26"/>
      <c r="GOZ127" s="26"/>
      <c r="GPA127" s="26"/>
      <c r="GPB127" s="26"/>
      <c r="GPC127" s="26"/>
      <c r="GPD127" s="26"/>
      <c r="GPE127" s="26"/>
      <c r="GPF127" s="26"/>
      <c r="GPG127" s="26"/>
      <c r="GPH127" s="26"/>
      <c r="GPI127" s="26"/>
      <c r="GPJ127" s="26"/>
      <c r="GPK127" s="26"/>
      <c r="GPL127" s="26"/>
      <c r="GPM127" s="26"/>
      <c r="GPN127" s="26"/>
      <c r="GPO127" s="26"/>
      <c r="GPP127" s="26"/>
      <c r="GPQ127" s="26"/>
      <c r="GPR127" s="26"/>
      <c r="GPS127" s="26"/>
      <c r="GPT127" s="26"/>
      <c r="GPU127" s="26"/>
      <c r="GPV127" s="26"/>
      <c r="GPW127" s="26"/>
      <c r="GPX127" s="26"/>
      <c r="GPY127" s="26"/>
      <c r="GPZ127" s="26"/>
      <c r="GQA127" s="26"/>
      <c r="GQB127" s="26"/>
      <c r="GQC127" s="26"/>
      <c r="GQD127" s="26"/>
      <c r="GQE127" s="26"/>
      <c r="GQF127" s="26"/>
      <c r="GQG127" s="26"/>
      <c r="GQH127" s="26"/>
      <c r="GQI127" s="26"/>
      <c r="GQJ127" s="26"/>
      <c r="GQK127" s="26"/>
      <c r="GQL127" s="26"/>
      <c r="GQM127" s="26"/>
      <c r="GQN127" s="26"/>
      <c r="GQO127" s="26"/>
      <c r="GQP127" s="26"/>
      <c r="GQQ127" s="26"/>
      <c r="GQR127" s="26"/>
      <c r="GQS127" s="26"/>
      <c r="GQT127" s="26"/>
      <c r="GQU127" s="26"/>
      <c r="GQV127" s="26"/>
      <c r="GQW127" s="26"/>
      <c r="GQX127" s="26"/>
      <c r="GQY127" s="26"/>
      <c r="GQZ127" s="26"/>
      <c r="GRA127" s="26"/>
      <c r="GRB127" s="26"/>
      <c r="GRC127" s="26"/>
      <c r="GRD127" s="26"/>
      <c r="GRE127" s="26"/>
      <c r="GRF127" s="26"/>
      <c r="GRG127" s="26"/>
      <c r="GRH127" s="26"/>
      <c r="GRI127" s="26"/>
      <c r="GRJ127" s="26"/>
      <c r="GRK127" s="26"/>
      <c r="GRL127" s="26"/>
      <c r="GRM127" s="26"/>
      <c r="GRN127" s="26"/>
      <c r="GRO127" s="26"/>
      <c r="GRP127" s="26"/>
      <c r="GRQ127" s="26"/>
      <c r="GRR127" s="26"/>
      <c r="GRS127" s="26"/>
      <c r="GRT127" s="26"/>
      <c r="GRU127" s="26"/>
      <c r="GRV127" s="26"/>
      <c r="GRW127" s="26"/>
      <c r="GRX127" s="26"/>
      <c r="GRY127" s="26"/>
      <c r="GRZ127" s="26"/>
      <c r="GSA127" s="26"/>
      <c r="GSB127" s="26"/>
      <c r="GSC127" s="26"/>
      <c r="GSD127" s="26"/>
      <c r="GSE127" s="26"/>
      <c r="GSF127" s="26"/>
      <c r="GSG127" s="26"/>
      <c r="GSH127" s="26"/>
      <c r="GSI127" s="26"/>
      <c r="GSJ127" s="26"/>
      <c r="GSK127" s="26"/>
      <c r="GSL127" s="26"/>
      <c r="GSM127" s="26"/>
      <c r="GSN127" s="26"/>
      <c r="GSO127" s="26"/>
      <c r="GSP127" s="26"/>
      <c r="GSQ127" s="26"/>
      <c r="GSR127" s="26"/>
      <c r="GSS127" s="26"/>
      <c r="GST127" s="26"/>
      <c r="GSU127" s="26"/>
      <c r="GSV127" s="26"/>
      <c r="GSW127" s="26"/>
      <c r="GSX127" s="26"/>
      <c r="GSY127" s="26"/>
      <c r="GSZ127" s="26"/>
      <c r="GTA127" s="26"/>
      <c r="GTB127" s="26"/>
      <c r="GTC127" s="26"/>
      <c r="GTD127" s="26"/>
      <c r="GTE127" s="26"/>
      <c r="GTF127" s="26"/>
      <c r="GTG127" s="26"/>
      <c r="GTH127" s="26"/>
      <c r="GTI127" s="26"/>
      <c r="GTJ127" s="26"/>
      <c r="GTK127" s="26"/>
      <c r="GTL127" s="26"/>
      <c r="GTM127" s="26"/>
      <c r="GTN127" s="26"/>
      <c r="GTO127" s="26"/>
      <c r="GTP127" s="26"/>
      <c r="GTQ127" s="26"/>
      <c r="GTR127" s="26"/>
      <c r="GTS127" s="26"/>
      <c r="GTT127" s="26"/>
      <c r="GTU127" s="26"/>
      <c r="GTV127" s="26"/>
      <c r="GTW127" s="26"/>
      <c r="GTX127" s="26"/>
      <c r="GTY127" s="26"/>
      <c r="GTZ127" s="26"/>
      <c r="GUA127" s="26"/>
      <c r="GUB127" s="26"/>
      <c r="GUC127" s="26"/>
      <c r="GUD127" s="26"/>
      <c r="GUE127" s="26"/>
      <c r="GUF127" s="26"/>
      <c r="GUG127" s="26"/>
      <c r="GUH127" s="26"/>
      <c r="GUI127" s="26"/>
      <c r="GUJ127" s="26"/>
      <c r="GUK127" s="26"/>
      <c r="GUL127" s="26"/>
      <c r="GUM127" s="26"/>
      <c r="GUN127" s="26"/>
      <c r="GUO127" s="26"/>
      <c r="GUP127" s="26"/>
      <c r="GUQ127" s="26"/>
      <c r="GUR127" s="26"/>
      <c r="GUS127" s="26"/>
      <c r="GUT127" s="26"/>
      <c r="GUU127" s="26"/>
      <c r="GUV127" s="26"/>
      <c r="GUW127" s="26"/>
      <c r="GUX127" s="26"/>
      <c r="GUY127" s="26"/>
      <c r="GUZ127" s="26"/>
      <c r="GVA127" s="26"/>
      <c r="GVB127" s="26"/>
      <c r="GVC127" s="26"/>
      <c r="GVD127" s="26"/>
      <c r="GVE127" s="26"/>
      <c r="GVF127" s="26"/>
      <c r="GVG127" s="26"/>
      <c r="GVH127" s="26"/>
      <c r="GVI127" s="26"/>
      <c r="GVJ127" s="26"/>
      <c r="GVK127" s="26"/>
      <c r="GVL127" s="26"/>
      <c r="GVM127" s="26"/>
      <c r="GVN127" s="26"/>
      <c r="GVO127" s="26"/>
      <c r="GVP127" s="26"/>
      <c r="GVQ127" s="26"/>
      <c r="GVR127" s="26"/>
      <c r="GVS127" s="26"/>
      <c r="GVT127" s="26"/>
      <c r="GVU127" s="26"/>
      <c r="GVV127" s="26"/>
      <c r="GVW127" s="26"/>
      <c r="GVX127" s="26"/>
      <c r="GVY127" s="26"/>
      <c r="GVZ127" s="26"/>
      <c r="GWA127" s="26"/>
      <c r="GWB127" s="26"/>
      <c r="GWC127" s="26"/>
      <c r="GWD127" s="26"/>
      <c r="GWE127" s="26"/>
      <c r="GWF127" s="26"/>
      <c r="GWG127" s="26"/>
      <c r="GWH127" s="26"/>
      <c r="GWI127" s="26"/>
      <c r="GWJ127" s="26"/>
      <c r="GWK127" s="26"/>
      <c r="GWL127" s="26"/>
      <c r="GWM127" s="26"/>
      <c r="GWN127" s="26"/>
      <c r="GWO127" s="26"/>
      <c r="GWP127" s="26"/>
      <c r="GWQ127" s="26"/>
      <c r="GWR127" s="26"/>
      <c r="GWS127" s="26"/>
      <c r="GWT127" s="26"/>
      <c r="GWU127" s="26"/>
      <c r="GWV127" s="26"/>
      <c r="GWW127" s="26"/>
      <c r="GWX127" s="26"/>
      <c r="GWY127" s="26"/>
      <c r="GWZ127" s="26"/>
      <c r="GXA127" s="26"/>
      <c r="GXB127" s="26"/>
      <c r="GXC127" s="26"/>
      <c r="GXD127" s="26"/>
      <c r="GXE127" s="26"/>
      <c r="GXF127" s="26"/>
      <c r="GXG127" s="26"/>
      <c r="GXH127" s="26"/>
      <c r="GXI127" s="26"/>
      <c r="GXJ127" s="26"/>
      <c r="GXK127" s="26"/>
      <c r="GXL127" s="26"/>
      <c r="GXM127" s="26"/>
      <c r="GXN127" s="26"/>
      <c r="GXO127" s="26"/>
      <c r="GXP127" s="26"/>
      <c r="GXQ127" s="26"/>
      <c r="GXR127" s="26"/>
      <c r="GXS127" s="26"/>
      <c r="GXT127" s="26"/>
      <c r="GXU127" s="26"/>
      <c r="GXV127" s="26"/>
      <c r="GXW127" s="26"/>
      <c r="GXX127" s="26"/>
      <c r="GXY127" s="26"/>
      <c r="GXZ127" s="26"/>
      <c r="GYA127" s="26"/>
      <c r="GYB127" s="26"/>
      <c r="GYC127" s="26"/>
      <c r="GYD127" s="26"/>
      <c r="GYE127" s="26"/>
      <c r="GYF127" s="26"/>
      <c r="GYG127" s="26"/>
      <c r="GYH127" s="26"/>
      <c r="GYI127" s="26"/>
      <c r="GYJ127" s="26"/>
      <c r="GYK127" s="26"/>
      <c r="GYL127" s="26"/>
      <c r="GYM127" s="26"/>
      <c r="GYN127" s="26"/>
      <c r="GYO127" s="26"/>
      <c r="GYP127" s="26"/>
      <c r="GYQ127" s="26"/>
      <c r="GYR127" s="26"/>
      <c r="GYS127" s="26"/>
      <c r="GYT127" s="26"/>
      <c r="GYU127" s="26"/>
      <c r="GYV127" s="26"/>
      <c r="GYW127" s="26"/>
      <c r="GYX127" s="26"/>
      <c r="GYY127" s="26"/>
      <c r="GYZ127" s="26"/>
      <c r="GZA127" s="26"/>
      <c r="GZB127" s="26"/>
      <c r="GZC127" s="26"/>
      <c r="GZD127" s="26"/>
      <c r="GZE127" s="26"/>
      <c r="GZF127" s="26"/>
      <c r="GZG127" s="26"/>
      <c r="GZH127" s="26"/>
      <c r="GZI127" s="26"/>
      <c r="GZJ127" s="26"/>
      <c r="GZK127" s="26"/>
      <c r="GZL127" s="26"/>
      <c r="GZM127" s="26"/>
      <c r="GZN127" s="26"/>
      <c r="GZO127" s="26"/>
      <c r="GZP127" s="26"/>
      <c r="GZQ127" s="26"/>
      <c r="GZR127" s="26"/>
      <c r="GZS127" s="26"/>
      <c r="GZT127" s="26"/>
      <c r="GZU127" s="26"/>
      <c r="GZV127" s="26"/>
      <c r="GZW127" s="26"/>
      <c r="GZX127" s="26"/>
      <c r="GZY127" s="26"/>
      <c r="GZZ127" s="26"/>
      <c r="HAA127" s="26"/>
      <c r="HAB127" s="26"/>
      <c r="HAC127" s="26"/>
      <c r="HAD127" s="26"/>
      <c r="HAE127" s="26"/>
      <c r="HAF127" s="26"/>
      <c r="HAG127" s="26"/>
      <c r="HAH127" s="26"/>
      <c r="HAI127" s="26"/>
      <c r="HAJ127" s="26"/>
      <c r="HAK127" s="26"/>
      <c r="HAL127" s="26"/>
      <c r="HAM127" s="26"/>
      <c r="HAN127" s="26"/>
      <c r="HAO127" s="26"/>
      <c r="HAP127" s="26"/>
      <c r="HAQ127" s="26"/>
      <c r="HAR127" s="26"/>
      <c r="HAS127" s="26"/>
      <c r="HAT127" s="26"/>
      <c r="HAU127" s="26"/>
      <c r="HAV127" s="26"/>
      <c r="HAW127" s="26"/>
      <c r="HAX127" s="26"/>
      <c r="HAY127" s="26"/>
      <c r="HAZ127" s="26"/>
      <c r="HBA127" s="26"/>
      <c r="HBB127" s="26"/>
      <c r="HBC127" s="26"/>
      <c r="HBD127" s="26"/>
      <c r="HBE127" s="26"/>
      <c r="HBF127" s="26"/>
      <c r="HBG127" s="26"/>
      <c r="HBH127" s="26"/>
      <c r="HBI127" s="26"/>
      <c r="HBJ127" s="26"/>
      <c r="HBK127" s="26"/>
      <c r="HBL127" s="26"/>
      <c r="HBM127" s="26"/>
      <c r="HBN127" s="26"/>
      <c r="HBO127" s="26"/>
      <c r="HBP127" s="26"/>
      <c r="HBQ127" s="26"/>
      <c r="HBR127" s="26"/>
      <c r="HBS127" s="26"/>
      <c r="HBT127" s="26"/>
      <c r="HBU127" s="26"/>
      <c r="HBV127" s="26"/>
      <c r="HBW127" s="26"/>
      <c r="HBX127" s="26"/>
      <c r="HBY127" s="26"/>
      <c r="HBZ127" s="26"/>
      <c r="HCA127" s="26"/>
      <c r="HCB127" s="26"/>
      <c r="HCC127" s="26"/>
      <c r="HCD127" s="26"/>
      <c r="HCE127" s="26"/>
      <c r="HCF127" s="26"/>
      <c r="HCG127" s="26"/>
      <c r="HCH127" s="26"/>
      <c r="HCI127" s="26"/>
      <c r="HCJ127" s="26"/>
      <c r="HCK127" s="26"/>
      <c r="HCL127" s="26"/>
      <c r="HCM127" s="26"/>
      <c r="HCN127" s="26"/>
      <c r="HCO127" s="26"/>
      <c r="HCP127" s="26"/>
      <c r="HCQ127" s="26"/>
      <c r="HCR127" s="26"/>
      <c r="HCS127" s="26"/>
      <c r="HCT127" s="26"/>
      <c r="HCU127" s="26"/>
      <c r="HCV127" s="26"/>
      <c r="HCW127" s="26"/>
      <c r="HCX127" s="26"/>
      <c r="HCY127" s="26"/>
      <c r="HCZ127" s="26"/>
      <c r="HDA127" s="26"/>
      <c r="HDB127" s="26"/>
      <c r="HDC127" s="26"/>
      <c r="HDD127" s="26"/>
      <c r="HDE127" s="26"/>
      <c r="HDF127" s="26"/>
      <c r="HDG127" s="26"/>
      <c r="HDH127" s="26"/>
      <c r="HDI127" s="26"/>
      <c r="HDJ127" s="26"/>
      <c r="HDK127" s="26"/>
      <c r="HDL127" s="26"/>
      <c r="HDM127" s="26"/>
      <c r="HDN127" s="26"/>
      <c r="HDO127" s="26"/>
      <c r="HDP127" s="26"/>
      <c r="HDQ127" s="26"/>
      <c r="HDR127" s="26"/>
      <c r="HDS127" s="26"/>
      <c r="HDT127" s="26"/>
      <c r="HDU127" s="26"/>
      <c r="HDV127" s="26"/>
      <c r="HDW127" s="26"/>
      <c r="HDX127" s="26"/>
      <c r="HDY127" s="26"/>
      <c r="HDZ127" s="26"/>
      <c r="HEA127" s="26"/>
      <c r="HEB127" s="26"/>
      <c r="HEC127" s="26"/>
      <c r="HED127" s="26"/>
      <c r="HEE127" s="26"/>
      <c r="HEF127" s="26"/>
      <c r="HEG127" s="26"/>
      <c r="HEH127" s="26"/>
      <c r="HEI127" s="26"/>
      <c r="HEJ127" s="26"/>
      <c r="HEK127" s="26"/>
      <c r="HEL127" s="26"/>
      <c r="HEM127" s="26"/>
      <c r="HEN127" s="26"/>
      <c r="HEO127" s="26"/>
      <c r="HEP127" s="26"/>
      <c r="HEQ127" s="26"/>
      <c r="HER127" s="26"/>
      <c r="HES127" s="26"/>
      <c r="HET127" s="26"/>
      <c r="HEU127" s="26"/>
      <c r="HEV127" s="26"/>
      <c r="HEW127" s="26"/>
      <c r="HEX127" s="26"/>
      <c r="HEY127" s="26"/>
      <c r="HEZ127" s="26"/>
      <c r="HFA127" s="26"/>
      <c r="HFB127" s="26"/>
      <c r="HFC127" s="26"/>
      <c r="HFD127" s="26"/>
      <c r="HFE127" s="26"/>
      <c r="HFF127" s="26"/>
      <c r="HFG127" s="26"/>
      <c r="HFH127" s="26"/>
      <c r="HFI127" s="26"/>
      <c r="HFJ127" s="26"/>
      <c r="HFK127" s="26"/>
      <c r="HFL127" s="26"/>
      <c r="HFM127" s="26"/>
      <c r="HFN127" s="26"/>
      <c r="HFO127" s="26"/>
      <c r="HFP127" s="26"/>
      <c r="HFQ127" s="26"/>
      <c r="HFR127" s="26"/>
      <c r="HFS127" s="26"/>
      <c r="HFT127" s="26"/>
      <c r="HFU127" s="26"/>
      <c r="HFV127" s="26"/>
      <c r="HFW127" s="26"/>
      <c r="HFX127" s="26"/>
      <c r="HFY127" s="26"/>
      <c r="HFZ127" s="26"/>
      <c r="HGA127" s="26"/>
      <c r="HGB127" s="26"/>
      <c r="HGC127" s="26"/>
      <c r="HGD127" s="26"/>
      <c r="HGE127" s="26"/>
      <c r="HGF127" s="26"/>
      <c r="HGG127" s="26"/>
      <c r="HGH127" s="26"/>
      <c r="HGI127" s="26"/>
      <c r="HGJ127" s="26"/>
      <c r="HGK127" s="26"/>
      <c r="HGL127" s="26"/>
      <c r="HGM127" s="26"/>
      <c r="HGN127" s="26"/>
      <c r="HGO127" s="26"/>
      <c r="HGP127" s="26"/>
      <c r="HGQ127" s="26"/>
      <c r="HGR127" s="26"/>
      <c r="HGS127" s="26"/>
      <c r="HGT127" s="26"/>
      <c r="HGU127" s="26"/>
      <c r="HGV127" s="26"/>
      <c r="HGW127" s="26"/>
      <c r="HGX127" s="26"/>
      <c r="HGY127" s="26"/>
      <c r="HGZ127" s="26"/>
      <c r="HHA127" s="26"/>
      <c r="HHB127" s="26"/>
      <c r="HHC127" s="26"/>
      <c r="HHD127" s="26"/>
      <c r="HHE127" s="26"/>
      <c r="HHF127" s="26"/>
      <c r="HHG127" s="26"/>
      <c r="HHH127" s="26"/>
      <c r="HHI127" s="26"/>
      <c r="HHJ127" s="26"/>
      <c r="HHK127" s="26"/>
      <c r="HHL127" s="26"/>
      <c r="HHM127" s="26"/>
      <c r="HHN127" s="26"/>
      <c r="HHO127" s="26"/>
      <c r="HHP127" s="26"/>
      <c r="HHQ127" s="26"/>
      <c r="HHR127" s="26"/>
      <c r="HHS127" s="26"/>
      <c r="HHT127" s="26"/>
      <c r="HHU127" s="26"/>
      <c r="HHV127" s="26"/>
      <c r="HHW127" s="26"/>
      <c r="HHX127" s="26"/>
      <c r="HHY127" s="26"/>
      <c r="HHZ127" s="26"/>
      <c r="HIA127" s="26"/>
      <c r="HIB127" s="26"/>
      <c r="HIC127" s="26"/>
      <c r="HID127" s="26"/>
      <c r="HIE127" s="26"/>
      <c r="HIF127" s="26"/>
      <c r="HIG127" s="26"/>
      <c r="HIH127" s="26"/>
      <c r="HII127" s="26"/>
      <c r="HIJ127" s="26"/>
      <c r="HIK127" s="26"/>
      <c r="HIL127" s="26"/>
      <c r="HIM127" s="26"/>
      <c r="HIN127" s="26"/>
      <c r="HIO127" s="26"/>
      <c r="HIP127" s="26"/>
      <c r="HIQ127" s="26"/>
      <c r="HIR127" s="26"/>
      <c r="HIS127" s="26"/>
      <c r="HIT127" s="26"/>
      <c r="HIU127" s="26"/>
      <c r="HIV127" s="26"/>
      <c r="HIW127" s="26"/>
      <c r="HIX127" s="26"/>
      <c r="HIY127" s="26"/>
      <c r="HIZ127" s="26"/>
      <c r="HJA127" s="26"/>
      <c r="HJB127" s="26"/>
      <c r="HJC127" s="26"/>
      <c r="HJD127" s="26"/>
      <c r="HJE127" s="26"/>
      <c r="HJF127" s="26"/>
      <c r="HJG127" s="26"/>
      <c r="HJH127" s="26"/>
      <c r="HJI127" s="26"/>
      <c r="HJJ127" s="26"/>
      <c r="HJK127" s="26"/>
      <c r="HJL127" s="26"/>
      <c r="HJM127" s="26"/>
      <c r="HJN127" s="26"/>
      <c r="HJO127" s="26"/>
      <c r="HJP127" s="26"/>
      <c r="HJQ127" s="26"/>
      <c r="HJR127" s="26"/>
      <c r="HJS127" s="26"/>
      <c r="HJT127" s="26"/>
      <c r="HJU127" s="26"/>
      <c r="HJV127" s="26"/>
      <c r="HJW127" s="26"/>
      <c r="HJX127" s="26"/>
      <c r="HJY127" s="26"/>
      <c r="HJZ127" s="26"/>
      <c r="HKA127" s="26"/>
      <c r="HKB127" s="26"/>
      <c r="HKC127" s="26"/>
      <c r="HKD127" s="26"/>
      <c r="HKE127" s="26"/>
      <c r="HKF127" s="26"/>
      <c r="HKG127" s="26"/>
      <c r="HKH127" s="26"/>
      <c r="HKI127" s="26"/>
      <c r="HKJ127" s="26"/>
      <c r="HKK127" s="26"/>
      <c r="HKL127" s="26"/>
      <c r="HKM127" s="26"/>
      <c r="HKN127" s="26"/>
      <c r="HKO127" s="26"/>
      <c r="HKP127" s="26"/>
      <c r="HKQ127" s="26"/>
      <c r="HKR127" s="26"/>
      <c r="HKS127" s="26"/>
      <c r="HKT127" s="26"/>
      <c r="HKU127" s="26"/>
      <c r="HKV127" s="26"/>
      <c r="HKW127" s="26"/>
      <c r="HKX127" s="26"/>
      <c r="HKY127" s="26"/>
      <c r="HKZ127" s="26"/>
      <c r="HLA127" s="26"/>
      <c r="HLB127" s="26"/>
      <c r="HLC127" s="26"/>
      <c r="HLD127" s="26"/>
      <c r="HLE127" s="26"/>
      <c r="HLF127" s="26"/>
      <c r="HLG127" s="26"/>
      <c r="HLH127" s="26"/>
      <c r="HLI127" s="26"/>
      <c r="HLJ127" s="26"/>
      <c r="HLK127" s="26"/>
      <c r="HLL127" s="26"/>
      <c r="HLM127" s="26"/>
      <c r="HLN127" s="26"/>
      <c r="HLO127" s="26"/>
      <c r="HLP127" s="26"/>
      <c r="HLQ127" s="26"/>
      <c r="HLR127" s="26"/>
      <c r="HLS127" s="26"/>
      <c r="HLT127" s="26"/>
      <c r="HLU127" s="26"/>
      <c r="HLV127" s="26"/>
      <c r="HLW127" s="26"/>
      <c r="HLX127" s="26"/>
      <c r="HLY127" s="26"/>
      <c r="HLZ127" s="26"/>
      <c r="HMA127" s="26"/>
      <c r="HMB127" s="26"/>
      <c r="HMC127" s="26"/>
      <c r="HMD127" s="26"/>
      <c r="HME127" s="26"/>
      <c r="HMF127" s="26"/>
      <c r="HMG127" s="26"/>
      <c r="HMH127" s="26"/>
      <c r="HMI127" s="26"/>
      <c r="HMJ127" s="26"/>
      <c r="HMK127" s="26"/>
      <c r="HML127" s="26"/>
      <c r="HMM127" s="26"/>
      <c r="HMN127" s="26"/>
      <c r="HMO127" s="26"/>
      <c r="HMP127" s="26"/>
      <c r="HMQ127" s="26"/>
      <c r="HMR127" s="26"/>
      <c r="HMS127" s="26"/>
      <c r="HMT127" s="26"/>
      <c r="HMU127" s="26"/>
      <c r="HMV127" s="26"/>
      <c r="HMW127" s="26"/>
      <c r="HMX127" s="26"/>
      <c r="HMY127" s="26"/>
      <c r="HMZ127" s="26"/>
      <c r="HNA127" s="26"/>
      <c r="HNB127" s="26"/>
      <c r="HNC127" s="26"/>
      <c r="HND127" s="26"/>
      <c r="HNE127" s="26"/>
      <c r="HNF127" s="26"/>
      <c r="HNG127" s="26"/>
      <c r="HNH127" s="26"/>
      <c r="HNI127" s="26"/>
      <c r="HNJ127" s="26"/>
      <c r="HNK127" s="26"/>
      <c r="HNL127" s="26"/>
      <c r="HNM127" s="26"/>
      <c r="HNN127" s="26"/>
      <c r="HNO127" s="26"/>
      <c r="HNP127" s="26"/>
      <c r="HNQ127" s="26"/>
      <c r="HNR127" s="26"/>
      <c r="HNS127" s="26"/>
      <c r="HNT127" s="26"/>
      <c r="HNU127" s="26"/>
      <c r="HNV127" s="26"/>
      <c r="HNW127" s="26"/>
      <c r="HNX127" s="26"/>
      <c r="HNY127" s="26"/>
      <c r="HNZ127" s="26"/>
      <c r="HOA127" s="26"/>
      <c r="HOB127" s="26"/>
      <c r="HOC127" s="26"/>
      <c r="HOD127" s="26"/>
      <c r="HOE127" s="26"/>
      <c r="HOF127" s="26"/>
      <c r="HOG127" s="26"/>
      <c r="HOH127" s="26"/>
      <c r="HOI127" s="26"/>
      <c r="HOJ127" s="26"/>
      <c r="HOK127" s="26"/>
      <c r="HOL127" s="26"/>
      <c r="HOM127" s="26"/>
      <c r="HON127" s="26"/>
      <c r="HOO127" s="26"/>
      <c r="HOP127" s="26"/>
      <c r="HOQ127" s="26"/>
      <c r="HOR127" s="26"/>
      <c r="HOS127" s="26"/>
      <c r="HOT127" s="26"/>
      <c r="HOU127" s="26"/>
      <c r="HOV127" s="26"/>
      <c r="HOW127" s="26"/>
      <c r="HOX127" s="26"/>
      <c r="HOY127" s="26"/>
      <c r="HOZ127" s="26"/>
      <c r="HPA127" s="26"/>
      <c r="HPB127" s="26"/>
      <c r="HPC127" s="26"/>
      <c r="HPD127" s="26"/>
      <c r="HPE127" s="26"/>
      <c r="HPF127" s="26"/>
      <c r="HPG127" s="26"/>
      <c r="HPH127" s="26"/>
      <c r="HPI127" s="26"/>
      <c r="HPJ127" s="26"/>
      <c r="HPK127" s="26"/>
      <c r="HPL127" s="26"/>
      <c r="HPM127" s="26"/>
      <c r="HPN127" s="26"/>
      <c r="HPO127" s="26"/>
      <c r="HPP127" s="26"/>
      <c r="HPQ127" s="26"/>
      <c r="HPR127" s="26"/>
      <c r="HPS127" s="26"/>
      <c r="HPT127" s="26"/>
      <c r="HPU127" s="26"/>
      <c r="HPV127" s="26"/>
      <c r="HPW127" s="26"/>
      <c r="HPX127" s="26"/>
      <c r="HPY127" s="26"/>
      <c r="HPZ127" s="26"/>
      <c r="HQA127" s="26"/>
      <c r="HQB127" s="26"/>
      <c r="HQC127" s="26"/>
      <c r="HQD127" s="26"/>
      <c r="HQE127" s="26"/>
      <c r="HQF127" s="26"/>
      <c r="HQG127" s="26"/>
      <c r="HQH127" s="26"/>
      <c r="HQI127" s="26"/>
      <c r="HQJ127" s="26"/>
      <c r="HQK127" s="26"/>
      <c r="HQL127" s="26"/>
      <c r="HQM127" s="26"/>
      <c r="HQN127" s="26"/>
      <c r="HQO127" s="26"/>
      <c r="HQP127" s="26"/>
      <c r="HQQ127" s="26"/>
      <c r="HQR127" s="26"/>
      <c r="HQS127" s="26"/>
      <c r="HQT127" s="26"/>
      <c r="HQU127" s="26"/>
      <c r="HQV127" s="26"/>
      <c r="HQW127" s="26"/>
      <c r="HQX127" s="26"/>
      <c r="HQY127" s="26"/>
      <c r="HQZ127" s="26"/>
      <c r="HRA127" s="26"/>
      <c r="HRB127" s="26"/>
      <c r="HRC127" s="26"/>
      <c r="HRD127" s="26"/>
      <c r="HRE127" s="26"/>
      <c r="HRF127" s="26"/>
      <c r="HRG127" s="26"/>
      <c r="HRH127" s="26"/>
      <c r="HRI127" s="26"/>
      <c r="HRJ127" s="26"/>
      <c r="HRK127" s="26"/>
      <c r="HRL127" s="26"/>
      <c r="HRM127" s="26"/>
      <c r="HRN127" s="26"/>
      <c r="HRO127" s="26"/>
      <c r="HRP127" s="26"/>
      <c r="HRQ127" s="26"/>
      <c r="HRR127" s="26"/>
      <c r="HRS127" s="26"/>
      <c r="HRT127" s="26"/>
      <c r="HRU127" s="26"/>
      <c r="HRV127" s="26"/>
      <c r="HRW127" s="26"/>
      <c r="HRX127" s="26"/>
      <c r="HRY127" s="26"/>
      <c r="HRZ127" s="26"/>
      <c r="HSA127" s="26"/>
      <c r="HSB127" s="26"/>
      <c r="HSC127" s="26"/>
      <c r="HSD127" s="26"/>
      <c r="HSE127" s="26"/>
      <c r="HSF127" s="26"/>
      <c r="HSG127" s="26"/>
      <c r="HSH127" s="26"/>
      <c r="HSI127" s="26"/>
      <c r="HSJ127" s="26"/>
      <c r="HSK127" s="26"/>
      <c r="HSL127" s="26"/>
      <c r="HSM127" s="26"/>
      <c r="HSN127" s="26"/>
      <c r="HSO127" s="26"/>
      <c r="HSP127" s="26"/>
      <c r="HSQ127" s="26"/>
      <c r="HSR127" s="26"/>
      <c r="HSS127" s="26"/>
      <c r="HST127" s="26"/>
      <c r="HSU127" s="26"/>
      <c r="HSV127" s="26"/>
      <c r="HSW127" s="26"/>
      <c r="HSX127" s="26"/>
      <c r="HSY127" s="26"/>
      <c r="HSZ127" s="26"/>
      <c r="HTA127" s="26"/>
      <c r="HTB127" s="26"/>
      <c r="HTC127" s="26"/>
      <c r="HTD127" s="26"/>
      <c r="HTE127" s="26"/>
      <c r="HTF127" s="26"/>
      <c r="HTG127" s="26"/>
      <c r="HTH127" s="26"/>
      <c r="HTI127" s="26"/>
      <c r="HTJ127" s="26"/>
      <c r="HTK127" s="26"/>
      <c r="HTL127" s="26"/>
      <c r="HTM127" s="26"/>
      <c r="HTN127" s="26"/>
      <c r="HTO127" s="26"/>
      <c r="HTP127" s="26"/>
      <c r="HTQ127" s="26"/>
      <c r="HTR127" s="26"/>
      <c r="HTS127" s="26"/>
      <c r="HTT127" s="26"/>
      <c r="HTU127" s="26"/>
      <c r="HTV127" s="26"/>
      <c r="HTW127" s="26"/>
      <c r="HTX127" s="26"/>
      <c r="HTY127" s="26"/>
      <c r="HTZ127" s="26"/>
      <c r="HUA127" s="26"/>
      <c r="HUB127" s="26"/>
      <c r="HUC127" s="26"/>
      <c r="HUD127" s="26"/>
      <c r="HUE127" s="26"/>
      <c r="HUF127" s="26"/>
      <c r="HUG127" s="26"/>
      <c r="HUH127" s="26"/>
      <c r="HUI127" s="26"/>
      <c r="HUJ127" s="26"/>
      <c r="HUK127" s="26"/>
      <c r="HUL127" s="26"/>
      <c r="HUM127" s="26"/>
      <c r="HUN127" s="26"/>
      <c r="HUO127" s="26"/>
      <c r="HUP127" s="26"/>
      <c r="HUQ127" s="26"/>
      <c r="HUR127" s="26"/>
      <c r="HUS127" s="26"/>
      <c r="HUT127" s="26"/>
      <c r="HUU127" s="26"/>
      <c r="HUV127" s="26"/>
      <c r="HUW127" s="26"/>
      <c r="HUX127" s="26"/>
      <c r="HUY127" s="26"/>
      <c r="HUZ127" s="26"/>
      <c r="HVA127" s="26"/>
      <c r="HVB127" s="26"/>
      <c r="HVC127" s="26"/>
      <c r="HVD127" s="26"/>
      <c r="HVE127" s="26"/>
      <c r="HVF127" s="26"/>
      <c r="HVG127" s="26"/>
      <c r="HVH127" s="26"/>
      <c r="HVI127" s="26"/>
      <c r="HVJ127" s="26"/>
      <c r="HVK127" s="26"/>
      <c r="HVL127" s="26"/>
      <c r="HVM127" s="26"/>
      <c r="HVN127" s="26"/>
      <c r="HVO127" s="26"/>
      <c r="HVP127" s="26"/>
      <c r="HVQ127" s="26"/>
      <c r="HVR127" s="26"/>
      <c r="HVS127" s="26"/>
      <c r="HVT127" s="26"/>
      <c r="HVU127" s="26"/>
      <c r="HVV127" s="26"/>
      <c r="HVW127" s="26"/>
      <c r="HVX127" s="26"/>
      <c r="HVY127" s="26"/>
      <c r="HVZ127" s="26"/>
      <c r="HWA127" s="26"/>
      <c r="HWB127" s="26"/>
      <c r="HWC127" s="26"/>
      <c r="HWD127" s="26"/>
      <c r="HWE127" s="26"/>
      <c r="HWF127" s="26"/>
      <c r="HWG127" s="26"/>
      <c r="HWH127" s="26"/>
      <c r="HWI127" s="26"/>
      <c r="HWJ127" s="26"/>
      <c r="HWK127" s="26"/>
      <c r="HWL127" s="26"/>
      <c r="HWM127" s="26"/>
      <c r="HWN127" s="26"/>
      <c r="HWO127" s="26"/>
      <c r="HWP127" s="26"/>
      <c r="HWQ127" s="26"/>
      <c r="HWR127" s="26"/>
      <c r="HWS127" s="26"/>
      <c r="HWT127" s="26"/>
      <c r="HWU127" s="26"/>
      <c r="HWV127" s="26"/>
      <c r="HWW127" s="26"/>
      <c r="HWX127" s="26"/>
      <c r="HWY127" s="26"/>
      <c r="HWZ127" s="26"/>
      <c r="HXA127" s="26"/>
      <c r="HXB127" s="26"/>
      <c r="HXC127" s="26"/>
      <c r="HXD127" s="26"/>
      <c r="HXE127" s="26"/>
      <c r="HXF127" s="26"/>
      <c r="HXG127" s="26"/>
      <c r="HXH127" s="26"/>
      <c r="HXI127" s="26"/>
      <c r="HXJ127" s="26"/>
      <c r="HXK127" s="26"/>
      <c r="HXL127" s="26"/>
      <c r="HXM127" s="26"/>
      <c r="HXN127" s="26"/>
      <c r="HXO127" s="26"/>
      <c r="HXP127" s="26"/>
      <c r="HXQ127" s="26"/>
      <c r="HXR127" s="26"/>
      <c r="HXS127" s="26"/>
      <c r="HXT127" s="26"/>
      <c r="HXU127" s="26"/>
      <c r="HXV127" s="26"/>
      <c r="HXW127" s="26"/>
      <c r="HXX127" s="26"/>
      <c r="HXY127" s="26"/>
      <c r="HXZ127" s="26"/>
      <c r="HYA127" s="26"/>
      <c r="HYB127" s="26"/>
      <c r="HYC127" s="26"/>
      <c r="HYD127" s="26"/>
      <c r="HYE127" s="26"/>
      <c r="HYF127" s="26"/>
      <c r="HYG127" s="26"/>
      <c r="HYH127" s="26"/>
      <c r="HYI127" s="26"/>
      <c r="HYJ127" s="26"/>
      <c r="HYK127" s="26"/>
      <c r="HYL127" s="26"/>
      <c r="HYM127" s="26"/>
      <c r="HYN127" s="26"/>
      <c r="HYO127" s="26"/>
      <c r="HYP127" s="26"/>
      <c r="HYQ127" s="26"/>
      <c r="HYR127" s="26"/>
      <c r="HYS127" s="26"/>
      <c r="HYT127" s="26"/>
      <c r="HYU127" s="26"/>
      <c r="HYV127" s="26"/>
      <c r="HYW127" s="26"/>
      <c r="HYX127" s="26"/>
      <c r="HYY127" s="26"/>
      <c r="HYZ127" s="26"/>
      <c r="HZA127" s="26"/>
      <c r="HZB127" s="26"/>
      <c r="HZC127" s="26"/>
      <c r="HZD127" s="26"/>
      <c r="HZE127" s="26"/>
      <c r="HZF127" s="26"/>
      <c r="HZG127" s="26"/>
      <c r="HZH127" s="26"/>
      <c r="HZI127" s="26"/>
      <c r="HZJ127" s="26"/>
      <c r="HZK127" s="26"/>
      <c r="HZL127" s="26"/>
      <c r="HZM127" s="26"/>
      <c r="HZN127" s="26"/>
      <c r="HZO127" s="26"/>
      <c r="HZP127" s="26"/>
      <c r="HZQ127" s="26"/>
      <c r="HZR127" s="26"/>
      <c r="HZS127" s="26"/>
      <c r="HZT127" s="26"/>
      <c r="HZU127" s="26"/>
      <c r="HZV127" s="26"/>
      <c r="HZW127" s="26"/>
      <c r="HZX127" s="26"/>
      <c r="HZY127" s="26"/>
      <c r="HZZ127" s="26"/>
      <c r="IAA127" s="26"/>
      <c r="IAB127" s="26"/>
      <c r="IAC127" s="26"/>
      <c r="IAD127" s="26"/>
      <c r="IAE127" s="26"/>
      <c r="IAF127" s="26"/>
      <c r="IAG127" s="26"/>
      <c r="IAH127" s="26"/>
      <c r="IAI127" s="26"/>
      <c r="IAJ127" s="26"/>
      <c r="IAK127" s="26"/>
      <c r="IAL127" s="26"/>
      <c r="IAM127" s="26"/>
      <c r="IAN127" s="26"/>
      <c r="IAO127" s="26"/>
      <c r="IAP127" s="26"/>
      <c r="IAQ127" s="26"/>
      <c r="IAR127" s="26"/>
      <c r="IAS127" s="26"/>
      <c r="IAT127" s="26"/>
      <c r="IAU127" s="26"/>
      <c r="IAV127" s="26"/>
      <c r="IAW127" s="26"/>
      <c r="IAX127" s="26"/>
      <c r="IAY127" s="26"/>
      <c r="IAZ127" s="26"/>
      <c r="IBA127" s="26"/>
      <c r="IBB127" s="26"/>
      <c r="IBC127" s="26"/>
      <c r="IBD127" s="26"/>
      <c r="IBE127" s="26"/>
      <c r="IBF127" s="26"/>
      <c r="IBG127" s="26"/>
      <c r="IBH127" s="26"/>
      <c r="IBI127" s="26"/>
      <c r="IBJ127" s="26"/>
      <c r="IBK127" s="26"/>
      <c r="IBL127" s="26"/>
      <c r="IBM127" s="26"/>
      <c r="IBN127" s="26"/>
      <c r="IBO127" s="26"/>
      <c r="IBP127" s="26"/>
      <c r="IBQ127" s="26"/>
      <c r="IBR127" s="26"/>
      <c r="IBS127" s="26"/>
      <c r="IBT127" s="26"/>
      <c r="IBU127" s="26"/>
      <c r="IBV127" s="26"/>
      <c r="IBW127" s="26"/>
      <c r="IBX127" s="26"/>
      <c r="IBY127" s="26"/>
      <c r="IBZ127" s="26"/>
      <c r="ICA127" s="26"/>
      <c r="ICB127" s="26"/>
      <c r="ICC127" s="26"/>
      <c r="ICD127" s="26"/>
      <c r="ICE127" s="26"/>
      <c r="ICF127" s="26"/>
      <c r="ICG127" s="26"/>
      <c r="ICH127" s="26"/>
      <c r="ICI127" s="26"/>
      <c r="ICJ127" s="26"/>
      <c r="ICK127" s="26"/>
      <c r="ICL127" s="26"/>
      <c r="ICM127" s="26"/>
      <c r="ICN127" s="26"/>
      <c r="ICO127" s="26"/>
      <c r="ICP127" s="26"/>
      <c r="ICQ127" s="26"/>
      <c r="ICR127" s="26"/>
      <c r="ICS127" s="26"/>
      <c r="ICT127" s="26"/>
      <c r="ICU127" s="26"/>
      <c r="ICV127" s="26"/>
      <c r="ICW127" s="26"/>
      <c r="ICX127" s="26"/>
      <c r="ICY127" s="26"/>
      <c r="ICZ127" s="26"/>
      <c r="IDA127" s="26"/>
      <c r="IDB127" s="26"/>
      <c r="IDC127" s="26"/>
      <c r="IDD127" s="26"/>
      <c r="IDE127" s="26"/>
      <c r="IDF127" s="26"/>
      <c r="IDG127" s="26"/>
      <c r="IDH127" s="26"/>
      <c r="IDI127" s="26"/>
      <c r="IDJ127" s="26"/>
      <c r="IDK127" s="26"/>
      <c r="IDL127" s="26"/>
      <c r="IDM127" s="26"/>
      <c r="IDN127" s="26"/>
      <c r="IDO127" s="26"/>
      <c r="IDP127" s="26"/>
      <c r="IDQ127" s="26"/>
      <c r="IDR127" s="26"/>
      <c r="IDS127" s="26"/>
      <c r="IDT127" s="26"/>
      <c r="IDU127" s="26"/>
      <c r="IDV127" s="26"/>
      <c r="IDW127" s="26"/>
      <c r="IDX127" s="26"/>
      <c r="IDY127" s="26"/>
      <c r="IDZ127" s="26"/>
      <c r="IEA127" s="26"/>
      <c r="IEB127" s="26"/>
      <c r="IEC127" s="26"/>
      <c r="IED127" s="26"/>
      <c r="IEE127" s="26"/>
      <c r="IEF127" s="26"/>
      <c r="IEG127" s="26"/>
      <c r="IEH127" s="26"/>
      <c r="IEI127" s="26"/>
      <c r="IEJ127" s="26"/>
      <c r="IEK127" s="26"/>
      <c r="IEL127" s="26"/>
      <c r="IEM127" s="26"/>
      <c r="IEN127" s="26"/>
      <c r="IEO127" s="26"/>
      <c r="IEP127" s="26"/>
      <c r="IEQ127" s="26"/>
      <c r="IER127" s="26"/>
      <c r="IES127" s="26"/>
      <c r="IET127" s="26"/>
      <c r="IEU127" s="26"/>
      <c r="IEV127" s="26"/>
      <c r="IEW127" s="26"/>
      <c r="IEX127" s="26"/>
      <c r="IEY127" s="26"/>
      <c r="IEZ127" s="26"/>
      <c r="IFA127" s="26"/>
      <c r="IFB127" s="26"/>
      <c r="IFC127" s="26"/>
      <c r="IFD127" s="26"/>
      <c r="IFE127" s="26"/>
      <c r="IFF127" s="26"/>
      <c r="IFG127" s="26"/>
      <c r="IFH127" s="26"/>
      <c r="IFI127" s="26"/>
      <c r="IFJ127" s="26"/>
      <c r="IFK127" s="26"/>
      <c r="IFL127" s="26"/>
      <c r="IFM127" s="26"/>
      <c r="IFN127" s="26"/>
      <c r="IFO127" s="26"/>
      <c r="IFP127" s="26"/>
      <c r="IFQ127" s="26"/>
      <c r="IFR127" s="26"/>
      <c r="IFS127" s="26"/>
      <c r="IFT127" s="26"/>
      <c r="IFU127" s="26"/>
      <c r="IFV127" s="26"/>
      <c r="IFW127" s="26"/>
      <c r="IFX127" s="26"/>
      <c r="IFY127" s="26"/>
      <c r="IFZ127" s="26"/>
      <c r="IGA127" s="26"/>
      <c r="IGB127" s="26"/>
      <c r="IGC127" s="26"/>
      <c r="IGD127" s="26"/>
      <c r="IGE127" s="26"/>
      <c r="IGF127" s="26"/>
      <c r="IGG127" s="26"/>
      <c r="IGH127" s="26"/>
      <c r="IGI127" s="26"/>
      <c r="IGJ127" s="26"/>
      <c r="IGK127" s="26"/>
      <c r="IGL127" s="26"/>
      <c r="IGM127" s="26"/>
      <c r="IGN127" s="26"/>
      <c r="IGO127" s="26"/>
      <c r="IGP127" s="26"/>
      <c r="IGQ127" s="26"/>
      <c r="IGR127" s="26"/>
      <c r="IGS127" s="26"/>
      <c r="IGT127" s="26"/>
      <c r="IGU127" s="26"/>
      <c r="IGV127" s="26"/>
      <c r="IGW127" s="26"/>
      <c r="IGX127" s="26"/>
      <c r="IGY127" s="26"/>
      <c r="IGZ127" s="26"/>
      <c r="IHA127" s="26"/>
      <c r="IHB127" s="26"/>
      <c r="IHC127" s="26"/>
      <c r="IHD127" s="26"/>
      <c r="IHE127" s="26"/>
      <c r="IHF127" s="26"/>
      <c r="IHG127" s="26"/>
      <c r="IHH127" s="26"/>
      <c r="IHI127" s="26"/>
      <c r="IHJ127" s="26"/>
      <c r="IHK127" s="26"/>
      <c r="IHL127" s="26"/>
      <c r="IHM127" s="26"/>
      <c r="IHN127" s="26"/>
      <c r="IHO127" s="26"/>
      <c r="IHP127" s="26"/>
      <c r="IHQ127" s="26"/>
      <c r="IHR127" s="26"/>
      <c r="IHS127" s="26"/>
      <c r="IHT127" s="26"/>
      <c r="IHU127" s="26"/>
      <c r="IHV127" s="26"/>
      <c r="IHW127" s="26"/>
      <c r="IHX127" s="26"/>
      <c r="IHY127" s="26"/>
      <c r="IHZ127" s="26"/>
      <c r="IIA127" s="26"/>
      <c r="IIB127" s="26"/>
      <c r="IIC127" s="26"/>
      <c r="IID127" s="26"/>
      <c r="IIE127" s="26"/>
      <c r="IIF127" s="26"/>
      <c r="IIG127" s="26"/>
      <c r="IIH127" s="26"/>
      <c r="III127" s="26"/>
      <c r="IIJ127" s="26"/>
      <c r="IIK127" s="26"/>
      <c r="IIL127" s="26"/>
      <c r="IIM127" s="26"/>
      <c r="IIN127" s="26"/>
      <c r="IIO127" s="26"/>
      <c r="IIP127" s="26"/>
      <c r="IIQ127" s="26"/>
      <c r="IIR127" s="26"/>
      <c r="IIS127" s="26"/>
      <c r="IIT127" s="26"/>
      <c r="IIU127" s="26"/>
      <c r="IIV127" s="26"/>
      <c r="IIW127" s="26"/>
      <c r="IIX127" s="26"/>
      <c r="IIY127" s="26"/>
      <c r="IIZ127" s="26"/>
      <c r="IJA127" s="26"/>
      <c r="IJB127" s="26"/>
      <c r="IJC127" s="26"/>
      <c r="IJD127" s="26"/>
      <c r="IJE127" s="26"/>
      <c r="IJF127" s="26"/>
      <c r="IJG127" s="26"/>
      <c r="IJH127" s="26"/>
      <c r="IJI127" s="26"/>
      <c r="IJJ127" s="26"/>
      <c r="IJK127" s="26"/>
      <c r="IJL127" s="26"/>
      <c r="IJM127" s="26"/>
      <c r="IJN127" s="26"/>
      <c r="IJO127" s="26"/>
      <c r="IJP127" s="26"/>
      <c r="IJQ127" s="26"/>
      <c r="IJR127" s="26"/>
      <c r="IJS127" s="26"/>
      <c r="IJT127" s="26"/>
      <c r="IJU127" s="26"/>
      <c r="IJV127" s="26"/>
      <c r="IJW127" s="26"/>
      <c r="IJX127" s="26"/>
      <c r="IJY127" s="26"/>
      <c r="IJZ127" s="26"/>
      <c r="IKA127" s="26"/>
      <c r="IKB127" s="26"/>
      <c r="IKC127" s="26"/>
      <c r="IKD127" s="26"/>
      <c r="IKE127" s="26"/>
      <c r="IKF127" s="26"/>
      <c r="IKG127" s="26"/>
      <c r="IKH127" s="26"/>
      <c r="IKI127" s="26"/>
      <c r="IKJ127" s="26"/>
      <c r="IKK127" s="26"/>
      <c r="IKL127" s="26"/>
      <c r="IKM127" s="26"/>
      <c r="IKN127" s="26"/>
      <c r="IKO127" s="26"/>
      <c r="IKP127" s="26"/>
      <c r="IKQ127" s="26"/>
      <c r="IKR127" s="26"/>
      <c r="IKS127" s="26"/>
      <c r="IKT127" s="26"/>
      <c r="IKU127" s="26"/>
      <c r="IKV127" s="26"/>
      <c r="IKW127" s="26"/>
      <c r="IKX127" s="26"/>
      <c r="IKY127" s="26"/>
      <c r="IKZ127" s="26"/>
      <c r="ILA127" s="26"/>
      <c r="ILB127" s="26"/>
      <c r="ILC127" s="26"/>
      <c r="ILD127" s="26"/>
      <c r="ILE127" s="26"/>
      <c r="ILF127" s="26"/>
      <c r="ILG127" s="26"/>
      <c r="ILH127" s="26"/>
      <c r="ILI127" s="26"/>
      <c r="ILJ127" s="26"/>
      <c r="ILK127" s="26"/>
      <c r="ILL127" s="26"/>
      <c r="ILM127" s="26"/>
      <c r="ILN127" s="26"/>
      <c r="ILO127" s="26"/>
      <c r="ILP127" s="26"/>
      <c r="ILQ127" s="26"/>
      <c r="ILR127" s="26"/>
      <c r="ILS127" s="26"/>
      <c r="ILT127" s="26"/>
      <c r="ILU127" s="26"/>
      <c r="ILV127" s="26"/>
      <c r="ILW127" s="26"/>
      <c r="ILX127" s="26"/>
      <c r="ILY127" s="26"/>
      <c r="ILZ127" s="26"/>
      <c r="IMA127" s="26"/>
      <c r="IMB127" s="26"/>
      <c r="IMC127" s="26"/>
      <c r="IMD127" s="26"/>
      <c r="IME127" s="26"/>
      <c r="IMF127" s="26"/>
      <c r="IMG127" s="26"/>
      <c r="IMH127" s="26"/>
      <c r="IMI127" s="26"/>
      <c r="IMJ127" s="26"/>
      <c r="IMK127" s="26"/>
      <c r="IML127" s="26"/>
      <c r="IMM127" s="26"/>
      <c r="IMN127" s="26"/>
      <c r="IMO127" s="26"/>
      <c r="IMP127" s="26"/>
      <c r="IMQ127" s="26"/>
      <c r="IMR127" s="26"/>
      <c r="IMS127" s="26"/>
      <c r="IMT127" s="26"/>
      <c r="IMU127" s="26"/>
      <c r="IMV127" s="26"/>
      <c r="IMW127" s="26"/>
      <c r="IMX127" s="26"/>
      <c r="IMY127" s="26"/>
      <c r="IMZ127" s="26"/>
      <c r="INA127" s="26"/>
      <c r="INB127" s="26"/>
      <c r="INC127" s="26"/>
      <c r="IND127" s="26"/>
      <c r="INE127" s="26"/>
      <c r="INF127" s="26"/>
      <c r="ING127" s="26"/>
      <c r="INH127" s="26"/>
      <c r="INI127" s="26"/>
      <c r="INJ127" s="26"/>
      <c r="INK127" s="26"/>
      <c r="INL127" s="26"/>
      <c r="INM127" s="26"/>
      <c r="INN127" s="26"/>
      <c r="INO127" s="26"/>
      <c r="INP127" s="26"/>
      <c r="INQ127" s="26"/>
      <c r="INR127" s="26"/>
      <c r="INS127" s="26"/>
      <c r="INT127" s="26"/>
      <c r="INU127" s="26"/>
      <c r="INV127" s="26"/>
      <c r="INW127" s="26"/>
      <c r="INX127" s="26"/>
      <c r="INY127" s="26"/>
      <c r="INZ127" s="26"/>
      <c r="IOA127" s="26"/>
      <c r="IOB127" s="26"/>
      <c r="IOC127" s="26"/>
      <c r="IOD127" s="26"/>
      <c r="IOE127" s="26"/>
      <c r="IOF127" s="26"/>
      <c r="IOG127" s="26"/>
      <c r="IOH127" s="26"/>
      <c r="IOI127" s="26"/>
      <c r="IOJ127" s="26"/>
      <c r="IOK127" s="26"/>
      <c r="IOL127" s="26"/>
      <c r="IOM127" s="26"/>
      <c r="ION127" s="26"/>
      <c r="IOO127" s="26"/>
      <c r="IOP127" s="26"/>
      <c r="IOQ127" s="26"/>
      <c r="IOR127" s="26"/>
      <c r="IOS127" s="26"/>
      <c r="IOT127" s="26"/>
      <c r="IOU127" s="26"/>
      <c r="IOV127" s="26"/>
      <c r="IOW127" s="26"/>
      <c r="IOX127" s="26"/>
      <c r="IOY127" s="26"/>
      <c r="IOZ127" s="26"/>
      <c r="IPA127" s="26"/>
      <c r="IPB127" s="26"/>
      <c r="IPC127" s="26"/>
      <c r="IPD127" s="26"/>
      <c r="IPE127" s="26"/>
      <c r="IPF127" s="26"/>
      <c r="IPG127" s="26"/>
      <c r="IPH127" s="26"/>
      <c r="IPI127" s="26"/>
      <c r="IPJ127" s="26"/>
      <c r="IPK127" s="26"/>
      <c r="IPL127" s="26"/>
      <c r="IPM127" s="26"/>
      <c r="IPN127" s="26"/>
      <c r="IPO127" s="26"/>
      <c r="IPP127" s="26"/>
      <c r="IPQ127" s="26"/>
      <c r="IPR127" s="26"/>
      <c r="IPS127" s="26"/>
      <c r="IPT127" s="26"/>
      <c r="IPU127" s="26"/>
      <c r="IPV127" s="26"/>
      <c r="IPW127" s="26"/>
      <c r="IPX127" s="26"/>
      <c r="IPY127" s="26"/>
      <c r="IPZ127" s="26"/>
      <c r="IQA127" s="26"/>
      <c r="IQB127" s="26"/>
      <c r="IQC127" s="26"/>
      <c r="IQD127" s="26"/>
      <c r="IQE127" s="26"/>
      <c r="IQF127" s="26"/>
      <c r="IQG127" s="26"/>
      <c r="IQH127" s="26"/>
      <c r="IQI127" s="26"/>
      <c r="IQJ127" s="26"/>
      <c r="IQK127" s="26"/>
      <c r="IQL127" s="26"/>
      <c r="IQM127" s="26"/>
      <c r="IQN127" s="26"/>
      <c r="IQO127" s="26"/>
      <c r="IQP127" s="26"/>
      <c r="IQQ127" s="26"/>
      <c r="IQR127" s="26"/>
      <c r="IQS127" s="26"/>
      <c r="IQT127" s="26"/>
      <c r="IQU127" s="26"/>
      <c r="IQV127" s="26"/>
      <c r="IQW127" s="26"/>
      <c r="IQX127" s="26"/>
      <c r="IQY127" s="26"/>
      <c r="IQZ127" s="26"/>
      <c r="IRA127" s="26"/>
      <c r="IRB127" s="26"/>
      <c r="IRC127" s="26"/>
      <c r="IRD127" s="26"/>
      <c r="IRE127" s="26"/>
      <c r="IRF127" s="26"/>
      <c r="IRG127" s="26"/>
      <c r="IRH127" s="26"/>
      <c r="IRI127" s="26"/>
      <c r="IRJ127" s="26"/>
      <c r="IRK127" s="26"/>
      <c r="IRL127" s="26"/>
      <c r="IRM127" s="26"/>
      <c r="IRN127" s="26"/>
      <c r="IRO127" s="26"/>
      <c r="IRP127" s="26"/>
      <c r="IRQ127" s="26"/>
      <c r="IRR127" s="26"/>
      <c r="IRS127" s="26"/>
      <c r="IRT127" s="26"/>
      <c r="IRU127" s="26"/>
      <c r="IRV127" s="26"/>
      <c r="IRW127" s="26"/>
      <c r="IRX127" s="26"/>
      <c r="IRY127" s="26"/>
      <c r="IRZ127" s="26"/>
      <c r="ISA127" s="26"/>
      <c r="ISB127" s="26"/>
      <c r="ISC127" s="26"/>
      <c r="ISD127" s="26"/>
      <c r="ISE127" s="26"/>
      <c r="ISF127" s="26"/>
      <c r="ISG127" s="26"/>
      <c r="ISH127" s="26"/>
      <c r="ISI127" s="26"/>
      <c r="ISJ127" s="26"/>
      <c r="ISK127" s="26"/>
      <c r="ISL127" s="26"/>
      <c r="ISM127" s="26"/>
      <c r="ISN127" s="26"/>
      <c r="ISO127" s="26"/>
      <c r="ISP127" s="26"/>
      <c r="ISQ127" s="26"/>
      <c r="ISR127" s="26"/>
      <c r="ISS127" s="26"/>
      <c r="IST127" s="26"/>
      <c r="ISU127" s="26"/>
      <c r="ISV127" s="26"/>
      <c r="ISW127" s="26"/>
      <c r="ISX127" s="26"/>
      <c r="ISY127" s="26"/>
      <c r="ISZ127" s="26"/>
      <c r="ITA127" s="26"/>
      <c r="ITB127" s="26"/>
      <c r="ITC127" s="26"/>
      <c r="ITD127" s="26"/>
      <c r="ITE127" s="26"/>
      <c r="ITF127" s="26"/>
      <c r="ITG127" s="26"/>
      <c r="ITH127" s="26"/>
      <c r="ITI127" s="26"/>
      <c r="ITJ127" s="26"/>
      <c r="ITK127" s="26"/>
      <c r="ITL127" s="26"/>
      <c r="ITM127" s="26"/>
      <c r="ITN127" s="26"/>
      <c r="ITO127" s="26"/>
      <c r="ITP127" s="26"/>
      <c r="ITQ127" s="26"/>
      <c r="ITR127" s="26"/>
      <c r="ITS127" s="26"/>
      <c r="ITT127" s="26"/>
      <c r="ITU127" s="26"/>
      <c r="ITV127" s="26"/>
      <c r="ITW127" s="26"/>
      <c r="ITX127" s="26"/>
      <c r="ITY127" s="26"/>
      <c r="ITZ127" s="26"/>
      <c r="IUA127" s="26"/>
      <c r="IUB127" s="26"/>
      <c r="IUC127" s="26"/>
      <c r="IUD127" s="26"/>
      <c r="IUE127" s="26"/>
      <c r="IUF127" s="26"/>
      <c r="IUG127" s="26"/>
      <c r="IUH127" s="26"/>
      <c r="IUI127" s="26"/>
      <c r="IUJ127" s="26"/>
      <c r="IUK127" s="26"/>
      <c r="IUL127" s="26"/>
      <c r="IUM127" s="26"/>
      <c r="IUN127" s="26"/>
      <c r="IUO127" s="26"/>
      <c r="IUP127" s="26"/>
      <c r="IUQ127" s="26"/>
      <c r="IUR127" s="26"/>
      <c r="IUS127" s="26"/>
      <c r="IUT127" s="26"/>
      <c r="IUU127" s="26"/>
      <c r="IUV127" s="26"/>
      <c r="IUW127" s="26"/>
      <c r="IUX127" s="26"/>
      <c r="IUY127" s="26"/>
      <c r="IUZ127" s="26"/>
      <c r="IVA127" s="26"/>
      <c r="IVB127" s="26"/>
      <c r="IVC127" s="26"/>
      <c r="IVD127" s="26"/>
      <c r="IVE127" s="26"/>
      <c r="IVF127" s="26"/>
      <c r="IVG127" s="26"/>
      <c r="IVH127" s="26"/>
      <c r="IVI127" s="26"/>
      <c r="IVJ127" s="26"/>
      <c r="IVK127" s="26"/>
      <c r="IVL127" s="26"/>
      <c r="IVM127" s="26"/>
      <c r="IVN127" s="26"/>
      <c r="IVO127" s="26"/>
      <c r="IVP127" s="26"/>
      <c r="IVQ127" s="26"/>
      <c r="IVR127" s="26"/>
      <c r="IVS127" s="26"/>
      <c r="IVT127" s="26"/>
      <c r="IVU127" s="26"/>
      <c r="IVV127" s="26"/>
      <c r="IVW127" s="26"/>
      <c r="IVX127" s="26"/>
      <c r="IVY127" s="26"/>
      <c r="IVZ127" s="26"/>
      <c r="IWA127" s="26"/>
      <c r="IWB127" s="26"/>
      <c r="IWC127" s="26"/>
      <c r="IWD127" s="26"/>
      <c r="IWE127" s="26"/>
      <c r="IWF127" s="26"/>
      <c r="IWG127" s="26"/>
      <c r="IWH127" s="26"/>
      <c r="IWI127" s="26"/>
      <c r="IWJ127" s="26"/>
      <c r="IWK127" s="26"/>
      <c r="IWL127" s="26"/>
      <c r="IWM127" s="26"/>
      <c r="IWN127" s="26"/>
      <c r="IWO127" s="26"/>
      <c r="IWP127" s="26"/>
      <c r="IWQ127" s="26"/>
      <c r="IWR127" s="26"/>
      <c r="IWS127" s="26"/>
      <c r="IWT127" s="26"/>
      <c r="IWU127" s="26"/>
      <c r="IWV127" s="26"/>
      <c r="IWW127" s="26"/>
      <c r="IWX127" s="26"/>
      <c r="IWY127" s="26"/>
      <c r="IWZ127" s="26"/>
      <c r="IXA127" s="26"/>
      <c r="IXB127" s="26"/>
      <c r="IXC127" s="26"/>
      <c r="IXD127" s="26"/>
      <c r="IXE127" s="26"/>
      <c r="IXF127" s="26"/>
      <c r="IXG127" s="26"/>
      <c r="IXH127" s="26"/>
      <c r="IXI127" s="26"/>
      <c r="IXJ127" s="26"/>
      <c r="IXK127" s="26"/>
      <c r="IXL127" s="26"/>
      <c r="IXM127" s="26"/>
      <c r="IXN127" s="26"/>
      <c r="IXO127" s="26"/>
      <c r="IXP127" s="26"/>
      <c r="IXQ127" s="26"/>
      <c r="IXR127" s="26"/>
      <c r="IXS127" s="26"/>
      <c r="IXT127" s="26"/>
      <c r="IXU127" s="26"/>
      <c r="IXV127" s="26"/>
      <c r="IXW127" s="26"/>
      <c r="IXX127" s="26"/>
      <c r="IXY127" s="26"/>
      <c r="IXZ127" s="26"/>
      <c r="IYA127" s="26"/>
      <c r="IYB127" s="26"/>
      <c r="IYC127" s="26"/>
      <c r="IYD127" s="26"/>
      <c r="IYE127" s="26"/>
      <c r="IYF127" s="26"/>
      <c r="IYG127" s="26"/>
      <c r="IYH127" s="26"/>
      <c r="IYI127" s="26"/>
      <c r="IYJ127" s="26"/>
      <c r="IYK127" s="26"/>
      <c r="IYL127" s="26"/>
      <c r="IYM127" s="26"/>
      <c r="IYN127" s="26"/>
      <c r="IYO127" s="26"/>
      <c r="IYP127" s="26"/>
      <c r="IYQ127" s="26"/>
      <c r="IYR127" s="26"/>
      <c r="IYS127" s="26"/>
      <c r="IYT127" s="26"/>
      <c r="IYU127" s="26"/>
      <c r="IYV127" s="26"/>
      <c r="IYW127" s="26"/>
      <c r="IYX127" s="26"/>
      <c r="IYY127" s="26"/>
      <c r="IYZ127" s="26"/>
      <c r="IZA127" s="26"/>
      <c r="IZB127" s="26"/>
      <c r="IZC127" s="26"/>
      <c r="IZD127" s="26"/>
      <c r="IZE127" s="26"/>
      <c r="IZF127" s="26"/>
      <c r="IZG127" s="26"/>
      <c r="IZH127" s="26"/>
      <c r="IZI127" s="26"/>
      <c r="IZJ127" s="26"/>
      <c r="IZK127" s="26"/>
      <c r="IZL127" s="26"/>
      <c r="IZM127" s="26"/>
      <c r="IZN127" s="26"/>
      <c r="IZO127" s="26"/>
      <c r="IZP127" s="26"/>
      <c r="IZQ127" s="26"/>
      <c r="IZR127" s="26"/>
      <c r="IZS127" s="26"/>
      <c r="IZT127" s="26"/>
      <c r="IZU127" s="26"/>
      <c r="IZV127" s="26"/>
      <c r="IZW127" s="26"/>
      <c r="IZX127" s="26"/>
      <c r="IZY127" s="26"/>
      <c r="IZZ127" s="26"/>
      <c r="JAA127" s="26"/>
      <c r="JAB127" s="26"/>
      <c r="JAC127" s="26"/>
      <c r="JAD127" s="26"/>
      <c r="JAE127" s="26"/>
      <c r="JAF127" s="26"/>
      <c r="JAG127" s="26"/>
      <c r="JAH127" s="26"/>
      <c r="JAI127" s="26"/>
      <c r="JAJ127" s="26"/>
      <c r="JAK127" s="26"/>
      <c r="JAL127" s="26"/>
      <c r="JAM127" s="26"/>
      <c r="JAN127" s="26"/>
      <c r="JAO127" s="26"/>
      <c r="JAP127" s="26"/>
      <c r="JAQ127" s="26"/>
      <c r="JAR127" s="26"/>
      <c r="JAS127" s="26"/>
      <c r="JAT127" s="26"/>
      <c r="JAU127" s="26"/>
      <c r="JAV127" s="26"/>
      <c r="JAW127" s="26"/>
      <c r="JAX127" s="26"/>
      <c r="JAY127" s="26"/>
      <c r="JAZ127" s="26"/>
      <c r="JBA127" s="26"/>
      <c r="JBB127" s="26"/>
      <c r="JBC127" s="26"/>
      <c r="JBD127" s="26"/>
      <c r="JBE127" s="26"/>
      <c r="JBF127" s="26"/>
      <c r="JBG127" s="26"/>
      <c r="JBH127" s="26"/>
      <c r="JBI127" s="26"/>
      <c r="JBJ127" s="26"/>
      <c r="JBK127" s="26"/>
      <c r="JBL127" s="26"/>
      <c r="JBM127" s="26"/>
      <c r="JBN127" s="26"/>
      <c r="JBO127" s="26"/>
      <c r="JBP127" s="26"/>
      <c r="JBQ127" s="26"/>
      <c r="JBR127" s="26"/>
      <c r="JBS127" s="26"/>
      <c r="JBT127" s="26"/>
      <c r="JBU127" s="26"/>
      <c r="JBV127" s="26"/>
      <c r="JBW127" s="26"/>
      <c r="JBX127" s="26"/>
      <c r="JBY127" s="26"/>
      <c r="JBZ127" s="26"/>
      <c r="JCA127" s="26"/>
      <c r="JCB127" s="26"/>
      <c r="JCC127" s="26"/>
      <c r="JCD127" s="26"/>
      <c r="JCE127" s="26"/>
      <c r="JCF127" s="26"/>
      <c r="JCG127" s="26"/>
      <c r="JCH127" s="26"/>
      <c r="JCI127" s="26"/>
      <c r="JCJ127" s="26"/>
      <c r="JCK127" s="26"/>
      <c r="JCL127" s="26"/>
      <c r="JCM127" s="26"/>
      <c r="JCN127" s="26"/>
      <c r="JCO127" s="26"/>
      <c r="JCP127" s="26"/>
      <c r="JCQ127" s="26"/>
      <c r="JCR127" s="26"/>
      <c r="JCS127" s="26"/>
      <c r="JCT127" s="26"/>
      <c r="JCU127" s="26"/>
      <c r="JCV127" s="26"/>
      <c r="JCW127" s="26"/>
      <c r="JCX127" s="26"/>
      <c r="JCY127" s="26"/>
      <c r="JCZ127" s="26"/>
      <c r="JDA127" s="26"/>
      <c r="JDB127" s="26"/>
      <c r="JDC127" s="26"/>
      <c r="JDD127" s="26"/>
      <c r="JDE127" s="26"/>
      <c r="JDF127" s="26"/>
      <c r="JDG127" s="26"/>
      <c r="JDH127" s="26"/>
      <c r="JDI127" s="26"/>
      <c r="JDJ127" s="26"/>
      <c r="JDK127" s="26"/>
      <c r="JDL127" s="26"/>
      <c r="JDM127" s="26"/>
      <c r="JDN127" s="26"/>
      <c r="JDO127" s="26"/>
      <c r="JDP127" s="26"/>
      <c r="JDQ127" s="26"/>
      <c r="JDR127" s="26"/>
      <c r="JDS127" s="26"/>
      <c r="JDT127" s="26"/>
      <c r="JDU127" s="26"/>
      <c r="JDV127" s="26"/>
      <c r="JDW127" s="26"/>
      <c r="JDX127" s="26"/>
      <c r="JDY127" s="26"/>
      <c r="JDZ127" s="26"/>
      <c r="JEA127" s="26"/>
      <c r="JEB127" s="26"/>
      <c r="JEC127" s="26"/>
      <c r="JED127" s="26"/>
      <c r="JEE127" s="26"/>
      <c r="JEF127" s="26"/>
      <c r="JEG127" s="26"/>
      <c r="JEH127" s="26"/>
      <c r="JEI127" s="26"/>
      <c r="JEJ127" s="26"/>
      <c r="JEK127" s="26"/>
      <c r="JEL127" s="26"/>
      <c r="JEM127" s="26"/>
      <c r="JEN127" s="26"/>
      <c r="JEO127" s="26"/>
      <c r="JEP127" s="26"/>
      <c r="JEQ127" s="26"/>
      <c r="JER127" s="26"/>
      <c r="JES127" s="26"/>
      <c r="JET127" s="26"/>
      <c r="JEU127" s="26"/>
      <c r="JEV127" s="26"/>
      <c r="JEW127" s="26"/>
      <c r="JEX127" s="26"/>
      <c r="JEY127" s="26"/>
      <c r="JEZ127" s="26"/>
      <c r="JFA127" s="26"/>
      <c r="JFB127" s="26"/>
      <c r="JFC127" s="26"/>
      <c r="JFD127" s="26"/>
      <c r="JFE127" s="26"/>
      <c r="JFF127" s="26"/>
      <c r="JFG127" s="26"/>
      <c r="JFH127" s="26"/>
      <c r="JFI127" s="26"/>
      <c r="JFJ127" s="26"/>
      <c r="JFK127" s="26"/>
      <c r="JFL127" s="26"/>
      <c r="JFM127" s="26"/>
      <c r="JFN127" s="26"/>
      <c r="JFO127" s="26"/>
      <c r="JFP127" s="26"/>
      <c r="JFQ127" s="26"/>
      <c r="JFR127" s="26"/>
      <c r="JFS127" s="26"/>
      <c r="JFT127" s="26"/>
      <c r="JFU127" s="26"/>
      <c r="JFV127" s="26"/>
      <c r="JFW127" s="26"/>
      <c r="JFX127" s="26"/>
      <c r="JFY127" s="26"/>
      <c r="JFZ127" s="26"/>
      <c r="JGA127" s="26"/>
      <c r="JGB127" s="26"/>
      <c r="JGC127" s="26"/>
      <c r="JGD127" s="26"/>
      <c r="JGE127" s="26"/>
      <c r="JGF127" s="26"/>
      <c r="JGG127" s="26"/>
      <c r="JGH127" s="26"/>
      <c r="JGI127" s="26"/>
      <c r="JGJ127" s="26"/>
      <c r="JGK127" s="26"/>
      <c r="JGL127" s="26"/>
      <c r="JGM127" s="26"/>
      <c r="JGN127" s="26"/>
      <c r="JGO127" s="26"/>
      <c r="JGP127" s="26"/>
      <c r="JGQ127" s="26"/>
      <c r="JGR127" s="26"/>
      <c r="JGS127" s="26"/>
      <c r="JGT127" s="26"/>
      <c r="JGU127" s="26"/>
      <c r="JGV127" s="26"/>
      <c r="JGW127" s="26"/>
      <c r="JGX127" s="26"/>
      <c r="JGY127" s="26"/>
      <c r="JGZ127" s="26"/>
      <c r="JHA127" s="26"/>
      <c r="JHB127" s="26"/>
      <c r="JHC127" s="26"/>
      <c r="JHD127" s="26"/>
      <c r="JHE127" s="26"/>
      <c r="JHF127" s="26"/>
      <c r="JHG127" s="26"/>
      <c r="JHH127" s="26"/>
      <c r="JHI127" s="26"/>
      <c r="JHJ127" s="26"/>
      <c r="JHK127" s="26"/>
      <c r="JHL127" s="26"/>
      <c r="JHM127" s="26"/>
      <c r="JHN127" s="26"/>
      <c r="JHO127" s="26"/>
      <c r="JHP127" s="26"/>
      <c r="JHQ127" s="26"/>
      <c r="JHR127" s="26"/>
      <c r="JHS127" s="26"/>
      <c r="JHT127" s="26"/>
      <c r="JHU127" s="26"/>
      <c r="JHV127" s="26"/>
      <c r="JHW127" s="26"/>
      <c r="JHX127" s="26"/>
      <c r="JHY127" s="26"/>
      <c r="JHZ127" s="26"/>
      <c r="JIA127" s="26"/>
      <c r="JIB127" s="26"/>
      <c r="JIC127" s="26"/>
      <c r="JID127" s="26"/>
      <c r="JIE127" s="26"/>
      <c r="JIF127" s="26"/>
      <c r="JIG127" s="26"/>
      <c r="JIH127" s="26"/>
      <c r="JII127" s="26"/>
      <c r="JIJ127" s="26"/>
      <c r="JIK127" s="26"/>
      <c r="JIL127" s="26"/>
      <c r="JIM127" s="26"/>
      <c r="JIN127" s="26"/>
      <c r="JIO127" s="26"/>
      <c r="JIP127" s="26"/>
      <c r="JIQ127" s="26"/>
      <c r="JIR127" s="26"/>
      <c r="JIS127" s="26"/>
      <c r="JIT127" s="26"/>
      <c r="JIU127" s="26"/>
      <c r="JIV127" s="26"/>
      <c r="JIW127" s="26"/>
      <c r="JIX127" s="26"/>
      <c r="JIY127" s="26"/>
      <c r="JIZ127" s="26"/>
      <c r="JJA127" s="26"/>
      <c r="JJB127" s="26"/>
      <c r="JJC127" s="26"/>
      <c r="JJD127" s="26"/>
      <c r="JJE127" s="26"/>
      <c r="JJF127" s="26"/>
      <c r="JJG127" s="26"/>
      <c r="JJH127" s="26"/>
      <c r="JJI127" s="26"/>
      <c r="JJJ127" s="26"/>
      <c r="JJK127" s="26"/>
      <c r="JJL127" s="26"/>
      <c r="JJM127" s="26"/>
      <c r="JJN127" s="26"/>
      <c r="JJO127" s="26"/>
      <c r="JJP127" s="26"/>
      <c r="JJQ127" s="26"/>
      <c r="JJR127" s="26"/>
      <c r="JJS127" s="26"/>
      <c r="JJT127" s="26"/>
      <c r="JJU127" s="26"/>
      <c r="JJV127" s="26"/>
      <c r="JJW127" s="26"/>
      <c r="JJX127" s="26"/>
      <c r="JJY127" s="26"/>
      <c r="JJZ127" s="26"/>
      <c r="JKA127" s="26"/>
      <c r="JKB127" s="26"/>
      <c r="JKC127" s="26"/>
      <c r="JKD127" s="26"/>
      <c r="JKE127" s="26"/>
      <c r="JKF127" s="26"/>
      <c r="JKG127" s="26"/>
      <c r="JKH127" s="26"/>
      <c r="JKI127" s="26"/>
      <c r="JKJ127" s="26"/>
      <c r="JKK127" s="26"/>
      <c r="JKL127" s="26"/>
      <c r="JKM127" s="26"/>
      <c r="JKN127" s="26"/>
      <c r="JKO127" s="26"/>
      <c r="JKP127" s="26"/>
      <c r="JKQ127" s="26"/>
      <c r="JKR127" s="26"/>
      <c r="JKS127" s="26"/>
      <c r="JKT127" s="26"/>
      <c r="JKU127" s="26"/>
      <c r="JKV127" s="26"/>
      <c r="JKW127" s="26"/>
      <c r="JKX127" s="26"/>
      <c r="JKY127" s="26"/>
      <c r="JKZ127" s="26"/>
      <c r="JLA127" s="26"/>
      <c r="JLB127" s="26"/>
      <c r="JLC127" s="26"/>
      <c r="JLD127" s="26"/>
      <c r="JLE127" s="26"/>
      <c r="JLF127" s="26"/>
      <c r="JLG127" s="26"/>
      <c r="JLH127" s="26"/>
      <c r="JLI127" s="26"/>
      <c r="JLJ127" s="26"/>
      <c r="JLK127" s="26"/>
      <c r="JLL127" s="26"/>
      <c r="JLM127" s="26"/>
      <c r="JLN127" s="26"/>
      <c r="JLO127" s="26"/>
      <c r="JLP127" s="26"/>
      <c r="JLQ127" s="26"/>
      <c r="JLR127" s="26"/>
      <c r="JLS127" s="26"/>
      <c r="JLT127" s="26"/>
      <c r="JLU127" s="26"/>
      <c r="JLV127" s="26"/>
      <c r="JLW127" s="26"/>
      <c r="JLX127" s="26"/>
      <c r="JLY127" s="26"/>
      <c r="JLZ127" s="26"/>
      <c r="JMA127" s="26"/>
      <c r="JMB127" s="26"/>
      <c r="JMC127" s="26"/>
      <c r="JMD127" s="26"/>
      <c r="JME127" s="26"/>
      <c r="JMF127" s="26"/>
      <c r="JMG127" s="26"/>
      <c r="JMH127" s="26"/>
      <c r="JMI127" s="26"/>
      <c r="JMJ127" s="26"/>
      <c r="JMK127" s="26"/>
      <c r="JML127" s="26"/>
      <c r="JMM127" s="26"/>
      <c r="JMN127" s="26"/>
      <c r="JMO127" s="26"/>
      <c r="JMP127" s="26"/>
      <c r="JMQ127" s="26"/>
      <c r="JMR127" s="26"/>
      <c r="JMS127" s="26"/>
      <c r="JMT127" s="26"/>
      <c r="JMU127" s="26"/>
      <c r="JMV127" s="26"/>
      <c r="JMW127" s="26"/>
      <c r="JMX127" s="26"/>
      <c r="JMY127" s="26"/>
      <c r="JMZ127" s="26"/>
      <c r="JNA127" s="26"/>
      <c r="JNB127" s="26"/>
      <c r="JNC127" s="26"/>
      <c r="JND127" s="26"/>
      <c r="JNE127" s="26"/>
      <c r="JNF127" s="26"/>
      <c r="JNG127" s="26"/>
      <c r="JNH127" s="26"/>
      <c r="JNI127" s="26"/>
      <c r="JNJ127" s="26"/>
      <c r="JNK127" s="26"/>
      <c r="JNL127" s="26"/>
      <c r="JNM127" s="26"/>
      <c r="JNN127" s="26"/>
      <c r="JNO127" s="26"/>
      <c r="JNP127" s="26"/>
      <c r="JNQ127" s="26"/>
      <c r="JNR127" s="26"/>
      <c r="JNS127" s="26"/>
      <c r="JNT127" s="26"/>
      <c r="JNU127" s="26"/>
      <c r="JNV127" s="26"/>
      <c r="JNW127" s="26"/>
      <c r="JNX127" s="26"/>
      <c r="JNY127" s="26"/>
      <c r="JNZ127" s="26"/>
      <c r="JOA127" s="26"/>
      <c r="JOB127" s="26"/>
      <c r="JOC127" s="26"/>
      <c r="JOD127" s="26"/>
      <c r="JOE127" s="26"/>
      <c r="JOF127" s="26"/>
      <c r="JOG127" s="26"/>
      <c r="JOH127" s="26"/>
      <c r="JOI127" s="26"/>
      <c r="JOJ127" s="26"/>
      <c r="JOK127" s="26"/>
      <c r="JOL127" s="26"/>
      <c r="JOM127" s="26"/>
      <c r="JON127" s="26"/>
      <c r="JOO127" s="26"/>
      <c r="JOP127" s="26"/>
      <c r="JOQ127" s="26"/>
      <c r="JOR127" s="26"/>
      <c r="JOS127" s="26"/>
      <c r="JOT127" s="26"/>
      <c r="JOU127" s="26"/>
      <c r="JOV127" s="26"/>
      <c r="JOW127" s="26"/>
      <c r="JOX127" s="26"/>
      <c r="JOY127" s="26"/>
      <c r="JOZ127" s="26"/>
      <c r="JPA127" s="26"/>
      <c r="JPB127" s="26"/>
      <c r="JPC127" s="26"/>
      <c r="JPD127" s="26"/>
      <c r="JPE127" s="26"/>
      <c r="JPF127" s="26"/>
      <c r="JPG127" s="26"/>
      <c r="JPH127" s="26"/>
      <c r="JPI127" s="26"/>
      <c r="JPJ127" s="26"/>
      <c r="JPK127" s="26"/>
      <c r="JPL127" s="26"/>
      <c r="JPM127" s="26"/>
      <c r="JPN127" s="26"/>
      <c r="JPO127" s="26"/>
      <c r="JPP127" s="26"/>
      <c r="JPQ127" s="26"/>
      <c r="JPR127" s="26"/>
      <c r="JPS127" s="26"/>
      <c r="JPT127" s="26"/>
      <c r="JPU127" s="26"/>
      <c r="JPV127" s="26"/>
      <c r="JPW127" s="26"/>
      <c r="JPX127" s="26"/>
      <c r="JPY127" s="26"/>
      <c r="JPZ127" s="26"/>
      <c r="JQA127" s="26"/>
      <c r="JQB127" s="26"/>
      <c r="JQC127" s="26"/>
      <c r="JQD127" s="26"/>
      <c r="JQE127" s="26"/>
      <c r="JQF127" s="26"/>
      <c r="JQG127" s="26"/>
      <c r="JQH127" s="26"/>
      <c r="JQI127" s="26"/>
      <c r="JQJ127" s="26"/>
      <c r="JQK127" s="26"/>
      <c r="JQL127" s="26"/>
      <c r="JQM127" s="26"/>
      <c r="JQN127" s="26"/>
      <c r="JQO127" s="26"/>
      <c r="JQP127" s="26"/>
      <c r="JQQ127" s="26"/>
      <c r="JQR127" s="26"/>
      <c r="JQS127" s="26"/>
      <c r="JQT127" s="26"/>
      <c r="JQU127" s="26"/>
      <c r="JQV127" s="26"/>
      <c r="JQW127" s="26"/>
      <c r="JQX127" s="26"/>
      <c r="JQY127" s="26"/>
      <c r="JQZ127" s="26"/>
      <c r="JRA127" s="26"/>
      <c r="JRB127" s="26"/>
      <c r="JRC127" s="26"/>
      <c r="JRD127" s="26"/>
      <c r="JRE127" s="26"/>
      <c r="JRF127" s="26"/>
      <c r="JRG127" s="26"/>
      <c r="JRH127" s="26"/>
      <c r="JRI127" s="26"/>
      <c r="JRJ127" s="26"/>
      <c r="JRK127" s="26"/>
      <c r="JRL127" s="26"/>
      <c r="JRM127" s="26"/>
      <c r="JRN127" s="26"/>
      <c r="JRO127" s="26"/>
      <c r="JRP127" s="26"/>
      <c r="JRQ127" s="26"/>
      <c r="JRR127" s="26"/>
      <c r="JRS127" s="26"/>
      <c r="JRT127" s="26"/>
      <c r="JRU127" s="26"/>
      <c r="JRV127" s="26"/>
      <c r="JRW127" s="26"/>
      <c r="JRX127" s="26"/>
      <c r="JRY127" s="26"/>
      <c r="JRZ127" s="26"/>
      <c r="JSA127" s="26"/>
      <c r="JSB127" s="26"/>
      <c r="JSC127" s="26"/>
      <c r="JSD127" s="26"/>
      <c r="JSE127" s="26"/>
      <c r="JSF127" s="26"/>
      <c r="JSG127" s="26"/>
      <c r="JSH127" s="26"/>
      <c r="JSI127" s="26"/>
      <c r="JSJ127" s="26"/>
      <c r="JSK127" s="26"/>
      <c r="JSL127" s="26"/>
      <c r="JSM127" s="26"/>
      <c r="JSN127" s="26"/>
      <c r="JSO127" s="26"/>
      <c r="JSP127" s="26"/>
      <c r="JSQ127" s="26"/>
      <c r="JSR127" s="26"/>
      <c r="JSS127" s="26"/>
      <c r="JST127" s="26"/>
      <c r="JSU127" s="26"/>
      <c r="JSV127" s="26"/>
      <c r="JSW127" s="26"/>
      <c r="JSX127" s="26"/>
      <c r="JSY127" s="26"/>
      <c r="JSZ127" s="26"/>
      <c r="JTA127" s="26"/>
      <c r="JTB127" s="26"/>
      <c r="JTC127" s="26"/>
      <c r="JTD127" s="26"/>
      <c r="JTE127" s="26"/>
      <c r="JTF127" s="26"/>
      <c r="JTG127" s="26"/>
      <c r="JTH127" s="26"/>
      <c r="JTI127" s="26"/>
      <c r="JTJ127" s="26"/>
      <c r="JTK127" s="26"/>
      <c r="JTL127" s="26"/>
      <c r="JTM127" s="26"/>
      <c r="JTN127" s="26"/>
      <c r="JTO127" s="26"/>
      <c r="JTP127" s="26"/>
      <c r="JTQ127" s="26"/>
      <c r="JTR127" s="26"/>
      <c r="JTS127" s="26"/>
      <c r="JTT127" s="26"/>
      <c r="JTU127" s="26"/>
      <c r="JTV127" s="26"/>
      <c r="JTW127" s="26"/>
      <c r="JTX127" s="26"/>
      <c r="JTY127" s="26"/>
      <c r="JTZ127" s="26"/>
      <c r="JUA127" s="26"/>
      <c r="JUB127" s="26"/>
      <c r="JUC127" s="26"/>
      <c r="JUD127" s="26"/>
      <c r="JUE127" s="26"/>
      <c r="JUF127" s="26"/>
      <c r="JUG127" s="26"/>
      <c r="JUH127" s="26"/>
      <c r="JUI127" s="26"/>
      <c r="JUJ127" s="26"/>
      <c r="JUK127" s="26"/>
      <c r="JUL127" s="26"/>
      <c r="JUM127" s="26"/>
      <c r="JUN127" s="26"/>
      <c r="JUO127" s="26"/>
      <c r="JUP127" s="26"/>
      <c r="JUQ127" s="26"/>
      <c r="JUR127" s="26"/>
      <c r="JUS127" s="26"/>
      <c r="JUT127" s="26"/>
      <c r="JUU127" s="26"/>
      <c r="JUV127" s="26"/>
      <c r="JUW127" s="26"/>
      <c r="JUX127" s="26"/>
      <c r="JUY127" s="26"/>
      <c r="JUZ127" s="26"/>
      <c r="JVA127" s="26"/>
      <c r="JVB127" s="26"/>
      <c r="JVC127" s="26"/>
      <c r="JVD127" s="26"/>
      <c r="JVE127" s="26"/>
      <c r="JVF127" s="26"/>
      <c r="JVG127" s="26"/>
      <c r="JVH127" s="26"/>
      <c r="JVI127" s="26"/>
      <c r="JVJ127" s="26"/>
      <c r="JVK127" s="26"/>
      <c r="JVL127" s="26"/>
      <c r="JVM127" s="26"/>
      <c r="JVN127" s="26"/>
      <c r="JVO127" s="26"/>
      <c r="JVP127" s="26"/>
      <c r="JVQ127" s="26"/>
      <c r="JVR127" s="26"/>
      <c r="JVS127" s="26"/>
      <c r="JVT127" s="26"/>
      <c r="JVU127" s="26"/>
      <c r="JVV127" s="26"/>
      <c r="JVW127" s="26"/>
      <c r="JVX127" s="26"/>
      <c r="JVY127" s="26"/>
      <c r="JVZ127" s="26"/>
      <c r="JWA127" s="26"/>
      <c r="JWB127" s="26"/>
      <c r="JWC127" s="26"/>
      <c r="JWD127" s="26"/>
      <c r="JWE127" s="26"/>
      <c r="JWF127" s="26"/>
      <c r="JWG127" s="26"/>
      <c r="JWH127" s="26"/>
      <c r="JWI127" s="26"/>
      <c r="JWJ127" s="26"/>
      <c r="JWK127" s="26"/>
      <c r="JWL127" s="26"/>
      <c r="JWM127" s="26"/>
      <c r="JWN127" s="26"/>
      <c r="JWO127" s="26"/>
      <c r="JWP127" s="26"/>
      <c r="JWQ127" s="26"/>
      <c r="JWR127" s="26"/>
      <c r="JWS127" s="26"/>
      <c r="JWT127" s="26"/>
      <c r="JWU127" s="26"/>
      <c r="JWV127" s="26"/>
      <c r="JWW127" s="26"/>
      <c r="JWX127" s="26"/>
      <c r="JWY127" s="26"/>
      <c r="JWZ127" s="26"/>
      <c r="JXA127" s="26"/>
      <c r="JXB127" s="26"/>
      <c r="JXC127" s="26"/>
      <c r="JXD127" s="26"/>
      <c r="JXE127" s="26"/>
      <c r="JXF127" s="26"/>
      <c r="JXG127" s="26"/>
      <c r="JXH127" s="26"/>
      <c r="JXI127" s="26"/>
      <c r="JXJ127" s="26"/>
      <c r="JXK127" s="26"/>
      <c r="JXL127" s="26"/>
      <c r="JXM127" s="26"/>
      <c r="JXN127" s="26"/>
      <c r="JXO127" s="26"/>
      <c r="JXP127" s="26"/>
      <c r="JXQ127" s="26"/>
      <c r="JXR127" s="26"/>
      <c r="JXS127" s="26"/>
      <c r="JXT127" s="26"/>
      <c r="JXU127" s="26"/>
      <c r="JXV127" s="26"/>
      <c r="JXW127" s="26"/>
      <c r="JXX127" s="26"/>
      <c r="JXY127" s="26"/>
      <c r="JXZ127" s="26"/>
      <c r="JYA127" s="26"/>
      <c r="JYB127" s="26"/>
      <c r="JYC127" s="26"/>
      <c r="JYD127" s="26"/>
      <c r="JYE127" s="26"/>
      <c r="JYF127" s="26"/>
      <c r="JYG127" s="26"/>
      <c r="JYH127" s="26"/>
      <c r="JYI127" s="26"/>
      <c r="JYJ127" s="26"/>
      <c r="JYK127" s="26"/>
      <c r="JYL127" s="26"/>
      <c r="JYM127" s="26"/>
      <c r="JYN127" s="26"/>
      <c r="JYO127" s="26"/>
      <c r="JYP127" s="26"/>
      <c r="JYQ127" s="26"/>
      <c r="JYR127" s="26"/>
      <c r="JYS127" s="26"/>
      <c r="JYT127" s="26"/>
      <c r="JYU127" s="26"/>
      <c r="JYV127" s="26"/>
      <c r="JYW127" s="26"/>
      <c r="JYX127" s="26"/>
      <c r="JYY127" s="26"/>
      <c r="JYZ127" s="26"/>
      <c r="JZA127" s="26"/>
      <c r="JZB127" s="26"/>
      <c r="JZC127" s="26"/>
      <c r="JZD127" s="26"/>
      <c r="JZE127" s="26"/>
      <c r="JZF127" s="26"/>
      <c r="JZG127" s="26"/>
      <c r="JZH127" s="26"/>
      <c r="JZI127" s="26"/>
      <c r="JZJ127" s="26"/>
      <c r="JZK127" s="26"/>
      <c r="JZL127" s="26"/>
      <c r="JZM127" s="26"/>
      <c r="JZN127" s="26"/>
      <c r="JZO127" s="26"/>
      <c r="JZP127" s="26"/>
      <c r="JZQ127" s="26"/>
      <c r="JZR127" s="26"/>
      <c r="JZS127" s="26"/>
      <c r="JZT127" s="26"/>
      <c r="JZU127" s="26"/>
      <c r="JZV127" s="26"/>
      <c r="JZW127" s="26"/>
      <c r="JZX127" s="26"/>
      <c r="JZY127" s="26"/>
      <c r="JZZ127" s="26"/>
      <c r="KAA127" s="26"/>
      <c r="KAB127" s="26"/>
      <c r="KAC127" s="26"/>
      <c r="KAD127" s="26"/>
      <c r="KAE127" s="26"/>
      <c r="KAF127" s="26"/>
      <c r="KAG127" s="26"/>
      <c r="KAH127" s="26"/>
      <c r="KAI127" s="26"/>
      <c r="KAJ127" s="26"/>
      <c r="KAK127" s="26"/>
      <c r="KAL127" s="26"/>
      <c r="KAM127" s="26"/>
      <c r="KAN127" s="26"/>
      <c r="KAO127" s="26"/>
      <c r="KAP127" s="26"/>
      <c r="KAQ127" s="26"/>
      <c r="KAR127" s="26"/>
      <c r="KAS127" s="26"/>
      <c r="KAT127" s="26"/>
      <c r="KAU127" s="26"/>
      <c r="KAV127" s="26"/>
      <c r="KAW127" s="26"/>
      <c r="KAX127" s="26"/>
      <c r="KAY127" s="26"/>
      <c r="KAZ127" s="26"/>
      <c r="KBA127" s="26"/>
      <c r="KBB127" s="26"/>
      <c r="KBC127" s="26"/>
      <c r="KBD127" s="26"/>
      <c r="KBE127" s="26"/>
      <c r="KBF127" s="26"/>
      <c r="KBG127" s="26"/>
      <c r="KBH127" s="26"/>
      <c r="KBI127" s="26"/>
      <c r="KBJ127" s="26"/>
      <c r="KBK127" s="26"/>
      <c r="KBL127" s="26"/>
      <c r="KBM127" s="26"/>
      <c r="KBN127" s="26"/>
      <c r="KBO127" s="26"/>
      <c r="KBP127" s="26"/>
      <c r="KBQ127" s="26"/>
      <c r="KBR127" s="26"/>
      <c r="KBS127" s="26"/>
      <c r="KBT127" s="26"/>
      <c r="KBU127" s="26"/>
      <c r="KBV127" s="26"/>
      <c r="KBW127" s="26"/>
      <c r="KBX127" s="26"/>
      <c r="KBY127" s="26"/>
      <c r="KBZ127" s="26"/>
      <c r="KCA127" s="26"/>
      <c r="KCB127" s="26"/>
      <c r="KCC127" s="26"/>
      <c r="KCD127" s="26"/>
      <c r="KCE127" s="26"/>
      <c r="KCF127" s="26"/>
      <c r="KCG127" s="26"/>
      <c r="KCH127" s="26"/>
      <c r="KCI127" s="26"/>
      <c r="KCJ127" s="26"/>
      <c r="KCK127" s="26"/>
      <c r="KCL127" s="26"/>
      <c r="KCM127" s="26"/>
      <c r="KCN127" s="26"/>
      <c r="KCO127" s="26"/>
      <c r="KCP127" s="26"/>
      <c r="KCQ127" s="26"/>
      <c r="KCR127" s="26"/>
      <c r="KCS127" s="26"/>
      <c r="KCT127" s="26"/>
      <c r="KCU127" s="26"/>
      <c r="KCV127" s="26"/>
      <c r="KCW127" s="26"/>
      <c r="KCX127" s="26"/>
      <c r="KCY127" s="26"/>
      <c r="KCZ127" s="26"/>
      <c r="KDA127" s="26"/>
      <c r="KDB127" s="26"/>
      <c r="KDC127" s="26"/>
      <c r="KDD127" s="26"/>
      <c r="KDE127" s="26"/>
      <c r="KDF127" s="26"/>
      <c r="KDG127" s="26"/>
      <c r="KDH127" s="26"/>
      <c r="KDI127" s="26"/>
      <c r="KDJ127" s="26"/>
      <c r="KDK127" s="26"/>
      <c r="KDL127" s="26"/>
      <c r="KDM127" s="26"/>
      <c r="KDN127" s="26"/>
      <c r="KDO127" s="26"/>
      <c r="KDP127" s="26"/>
      <c r="KDQ127" s="26"/>
      <c r="KDR127" s="26"/>
      <c r="KDS127" s="26"/>
      <c r="KDT127" s="26"/>
      <c r="KDU127" s="26"/>
      <c r="KDV127" s="26"/>
      <c r="KDW127" s="26"/>
      <c r="KDX127" s="26"/>
      <c r="KDY127" s="26"/>
      <c r="KDZ127" s="26"/>
      <c r="KEA127" s="26"/>
      <c r="KEB127" s="26"/>
      <c r="KEC127" s="26"/>
      <c r="KED127" s="26"/>
      <c r="KEE127" s="26"/>
      <c r="KEF127" s="26"/>
      <c r="KEG127" s="26"/>
      <c r="KEH127" s="26"/>
      <c r="KEI127" s="26"/>
      <c r="KEJ127" s="26"/>
      <c r="KEK127" s="26"/>
      <c r="KEL127" s="26"/>
      <c r="KEM127" s="26"/>
      <c r="KEN127" s="26"/>
      <c r="KEO127" s="26"/>
      <c r="KEP127" s="26"/>
      <c r="KEQ127" s="26"/>
      <c r="KER127" s="26"/>
      <c r="KES127" s="26"/>
      <c r="KET127" s="26"/>
      <c r="KEU127" s="26"/>
      <c r="KEV127" s="26"/>
      <c r="KEW127" s="26"/>
      <c r="KEX127" s="26"/>
      <c r="KEY127" s="26"/>
      <c r="KEZ127" s="26"/>
      <c r="KFA127" s="26"/>
      <c r="KFB127" s="26"/>
      <c r="KFC127" s="26"/>
      <c r="KFD127" s="26"/>
      <c r="KFE127" s="26"/>
      <c r="KFF127" s="26"/>
      <c r="KFG127" s="26"/>
      <c r="KFH127" s="26"/>
      <c r="KFI127" s="26"/>
      <c r="KFJ127" s="26"/>
      <c r="KFK127" s="26"/>
      <c r="KFL127" s="26"/>
      <c r="KFM127" s="26"/>
      <c r="KFN127" s="26"/>
      <c r="KFO127" s="26"/>
      <c r="KFP127" s="26"/>
      <c r="KFQ127" s="26"/>
      <c r="KFR127" s="26"/>
      <c r="KFS127" s="26"/>
      <c r="KFT127" s="26"/>
      <c r="KFU127" s="26"/>
      <c r="KFV127" s="26"/>
      <c r="KFW127" s="26"/>
      <c r="KFX127" s="26"/>
      <c r="KFY127" s="26"/>
      <c r="KFZ127" s="26"/>
      <c r="KGA127" s="26"/>
      <c r="KGB127" s="26"/>
      <c r="KGC127" s="26"/>
      <c r="KGD127" s="26"/>
      <c r="KGE127" s="26"/>
      <c r="KGF127" s="26"/>
      <c r="KGG127" s="26"/>
      <c r="KGH127" s="26"/>
      <c r="KGI127" s="26"/>
      <c r="KGJ127" s="26"/>
      <c r="KGK127" s="26"/>
      <c r="KGL127" s="26"/>
      <c r="KGM127" s="26"/>
      <c r="KGN127" s="26"/>
      <c r="KGO127" s="26"/>
      <c r="KGP127" s="26"/>
      <c r="KGQ127" s="26"/>
      <c r="KGR127" s="26"/>
      <c r="KGS127" s="26"/>
      <c r="KGT127" s="26"/>
      <c r="KGU127" s="26"/>
      <c r="KGV127" s="26"/>
      <c r="KGW127" s="26"/>
      <c r="KGX127" s="26"/>
      <c r="KGY127" s="26"/>
      <c r="KGZ127" s="26"/>
      <c r="KHA127" s="26"/>
      <c r="KHB127" s="26"/>
      <c r="KHC127" s="26"/>
      <c r="KHD127" s="26"/>
      <c r="KHE127" s="26"/>
      <c r="KHF127" s="26"/>
      <c r="KHG127" s="26"/>
      <c r="KHH127" s="26"/>
      <c r="KHI127" s="26"/>
      <c r="KHJ127" s="26"/>
      <c r="KHK127" s="26"/>
      <c r="KHL127" s="26"/>
      <c r="KHM127" s="26"/>
      <c r="KHN127" s="26"/>
      <c r="KHO127" s="26"/>
      <c r="KHP127" s="26"/>
      <c r="KHQ127" s="26"/>
      <c r="KHR127" s="26"/>
      <c r="KHS127" s="26"/>
      <c r="KHT127" s="26"/>
      <c r="KHU127" s="26"/>
      <c r="KHV127" s="26"/>
      <c r="KHW127" s="26"/>
      <c r="KHX127" s="26"/>
      <c r="KHY127" s="26"/>
      <c r="KHZ127" s="26"/>
      <c r="KIA127" s="26"/>
      <c r="KIB127" s="26"/>
      <c r="KIC127" s="26"/>
      <c r="KID127" s="26"/>
      <c r="KIE127" s="26"/>
      <c r="KIF127" s="26"/>
      <c r="KIG127" s="26"/>
      <c r="KIH127" s="26"/>
      <c r="KII127" s="26"/>
      <c r="KIJ127" s="26"/>
      <c r="KIK127" s="26"/>
      <c r="KIL127" s="26"/>
      <c r="KIM127" s="26"/>
      <c r="KIN127" s="26"/>
      <c r="KIO127" s="26"/>
      <c r="KIP127" s="26"/>
      <c r="KIQ127" s="26"/>
      <c r="KIR127" s="26"/>
      <c r="KIS127" s="26"/>
      <c r="KIT127" s="26"/>
      <c r="KIU127" s="26"/>
      <c r="KIV127" s="26"/>
      <c r="KIW127" s="26"/>
      <c r="KIX127" s="26"/>
      <c r="KIY127" s="26"/>
      <c r="KIZ127" s="26"/>
      <c r="KJA127" s="26"/>
      <c r="KJB127" s="26"/>
      <c r="KJC127" s="26"/>
      <c r="KJD127" s="26"/>
      <c r="KJE127" s="26"/>
      <c r="KJF127" s="26"/>
      <c r="KJG127" s="26"/>
      <c r="KJH127" s="26"/>
      <c r="KJI127" s="26"/>
      <c r="KJJ127" s="26"/>
      <c r="KJK127" s="26"/>
      <c r="KJL127" s="26"/>
      <c r="KJM127" s="26"/>
      <c r="KJN127" s="26"/>
      <c r="KJO127" s="26"/>
      <c r="KJP127" s="26"/>
      <c r="KJQ127" s="26"/>
      <c r="KJR127" s="26"/>
      <c r="KJS127" s="26"/>
      <c r="KJT127" s="26"/>
      <c r="KJU127" s="26"/>
      <c r="KJV127" s="26"/>
      <c r="KJW127" s="26"/>
      <c r="KJX127" s="26"/>
      <c r="KJY127" s="26"/>
      <c r="KJZ127" s="26"/>
      <c r="KKA127" s="26"/>
      <c r="KKB127" s="26"/>
      <c r="KKC127" s="26"/>
      <c r="KKD127" s="26"/>
      <c r="KKE127" s="26"/>
      <c r="KKF127" s="26"/>
      <c r="KKG127" s="26"/>
      <c r="KKH127" s="26"/>
      <c r="KKI127" s="26"/>
      <c r="KKJ127" s="26"/>
      <c r="KKK127" s="26"/>
      <c r="KKL127" s="26"/>
      <c r="KKM127" s="26"/>
      <c r="KKN127" s="26"/>
      <c r="KKO127" s="26"/>
      <c r="KKP127" s="26"/>
      <c r="KKQ127" s="26"/>
      <c r="KKR127" s="26"/>
      <c r="KKS127" s="26"/>
      <c r="KKT127" s="26"/>
      <c r="KKU127" s="26"/>
      <c r="KKV127" s="26"/>
      <c r="KKW127" s="26"/>
      <c r="KKX127" s="26"/>
      <c r="KKY127" s="26"/>
      <c r="KKZ127" s="26"/>
      <c r="KLA127" s="26"/>
      <c r="KLB127" s="26"/>
      <c r="KLC127" s="26"/>
      <c r="KLD127" s="26"/>
      <c r="KLE127" s="26"/>
      <c r="KLF127" s="26"/>
      <c r="KLG127" s="26"/>
      <c r="KLH127" s="26"/>
      <c r="KLI127" s="26"/>
      <c r="KLJ127" s="26"/>
      <c r="KLK127" s="26"/>
      <c r="KLL127" s="26"/>
      <c r="KLM127" s="26"/>
      <c r="KLN127" s="26"/>
      <c r="KLO127" s="26"/>
      <c r="KLP127" s="26"/>
      <c r="KLQ127" s="26"/>
      <c r="KLR127" s="26"/>
      <c r="KLS127" s="26"/>
      <c r="KLT127" s="26"/>
      <c r="KLU127" s="26"/>
      <c r="KLV127" s="26"/>
      <c r="KLW127" s="26"/>
      <c r="KLX127" s="26"/>
      <c r="KLY127" s="26"/>
      <c r="KLZ127" s="26"/>
      <c r="KMA127" s="26"/>
      <c r="KMB127" s="26"/>
      <c r="KMC127" s="26"/>
      <c r="KMD127" s="26"/>
      <c r="KME127" s="26"/>
      <c r="KMF127" s="26"/>
      <c r="KMG127" s="26"/>
      <c r="KMH127" s="26"/>
      <c r="KMI127" s="26"/>
      <c r="KMJ127" s="26"/>
      <c r="KMK127" s="26"/>
      <c r="KML127" s="26"/>
      <c r="KMM127" s="26"/>
      <c r="KMN127" s="26"/>
      <c r="KMO127" s="26"/>
      <c r="KMP127" s="26"/>
      <c r="KMQ127" s="26"/>
      <c r="KMR127" s="26"/>
      <c r="KMS127" s="26"/>
      <c r="KMT127" s="26"/>
      <c r="KMU127" s="26"/>
      <c r="KMV127" s="26"/>
      <c r="KMW127" s="26"/>
      <c r="KMX127" s="26"/>
      <c r="KMY127" s="26"/>
      <c r="KMZ127" s="26"/>
      <c r="KNA127" s="26"/>
      <c r="KNB127" s="26"/>
      <c r="KNC127" s="26"/>
      <c r="KND127" s="26"/>
      <c r="KNE127" s="26"/>
      <c r="KNF127" s="26"/>
      <c r="KNG127" s="26"/>
      <c r="KNH127" s="26"/>
      <c r="KNI127" s="26"/>
      <c r="KNJ127" s="26"/>
      <c r="KNK127" s="26"/>
      <c r="KNL127" s="26"/>
      <c r="KNM127" s="26"/>
      <c r="KNN127" s="26"/>
      <c r="KNO127" s="26"/>
      <c r="KNP127" s="26"/>
      <c r="KNQ127" s="26"/>
      <c r="KNR127" s="26"/>
      <c r="KNS127" s="26"/>
      <c r="KNT127" s="26"/>
      <c r="KNU127" s="26"/>
      <c r="KNV127" s="26"/>
      <c r="KNW127" s="26"/>
      <c r="KNX127" s="26"/>
      <c r="KNY127" s="26"/>
      <c r="KNZ127" s="26"/>
      <c r="KOA127" s="26"/>
      <c r="KOB127" s="26"/>
      <c r="KOC127" s="26"/>
      <c r="KOD127" s="26"/>
      <c r="KOE127" s="26"/>
      <c r="KOF127" s="26"/>
      <c r="KOG127" s="26"/>
      <c r="KOH127" s="26"/>
      <c r="KOI127" s="26"/>
      <c r="KOJ127" s="26"/>
      <c r="KOK127" s="26"/>
      <c r="KOL127" s="26"/>
      <c r="KOM127" s="26"/>
      <c r="KON127" s="26"/>
      <c r="KOO127" s="26"/>
      <c r="KOP127" s="26"/>
      <c r="KOQ127" s="26"/>
      <c r="KOR127" s="26"/>
      <c r="KOS127" s="26"/>
      <c r="KOT127" s="26"/>
      <c r="KOU127" s="26"/>
      <c r="KOV127" s="26"/>
      <c r="KOW127" s="26"/>
      <c r="KOX127" s="26"/>
      <c r="KOY127" s="26"/>
      <c r="KOZ127" s="26"/>
      <c r="KPA127" s="26"/>
      <c r="KPB127" s="26"/>
      <c r="KPC127" s="26"/>
      <c r="KPD127" s="26"/>
      <c r="KPE127" s="26"/>
      <c r="KPF127" s="26"/>
      <c r="KPG127" s="26"/>
      <c r="KPH127" s="26"/>
      <c r="KPI127" s="26"/>
      <c r="KPJ127" s="26"/>
      <c r="KPK127" s="26"/>
      <c r="KPL127" s="26"/>
      <c r="KPM127" s="26"/>
      <c r="KPN127" s="26"/>
      <c r="KPO127" s="26"/>
      <c r="KPP127" s="26"/>
      <c r="KPQ127" s="26"/>
      <c r="KPR127" s="26"/>
      <c r="KPS127" s="26"/>
      <c r="KPT127" s="26"/>
      <c r="KPU127" s="26"/>
      <c r="KPV127" s="26"/>
      <c r="KPW127" s="26"/>
      <c r="KPX127" s="26"/>
      <c r="KPY127" s="26"/>
      <c r="KPZ127" s="26"/>
      <c r="KQA127" s="26"/>
      <c r="KQB127" s="26"/>
      <c r="KQC127" s="26"/>
      <c r="KQD127" s="26"/>
      <c r="KQE127" s="26"/>
      <c r="KQF127" s="26"/>
      <c r="KQG127" s="26"/>
      <c r="KQH127" s="26"/>
      <c r="KQI127" s="26"/>
      <c r="KQJ127" s="26"/>
      <c r="KQK127" s="26"/>
      <c r="KQL127" s="26"/>
      <c r="KQM127" s="26"/>
      <c r="KQN127" s="26"/>
      <c r="KQO127" s="26"/>
      <c r="KQP127" s="26"/>
      <c r="KQQ127" s="26"/>
      <c r="KQR127" s="26"/>
      <c r="KQS127" s="26"/>
      <c r="KQT127" s="26"/>
      <c r="KQU127" s="26"/>
      <c r="KQV127" s="26"/>
      <c r="KQW127" s="26"/>
      <c r="KQX127" s="26"/>
      <c r="KQY127" s="26"/>
      <c r="KQZ127" s="26"/>
      <c r="KRA127" s="26"/>
      <c r="KRB127" s="26"/>
      <c r="KRC127" s="26"/>
      <c r="KRD127" s="26"/>
      <c r="KRE127" s="26"/>
      <c r="KRF127" s="26"/>
      <c r="KRG127" s="26"/>
      <c r="KRH127" s="26"/>
      <c r="KRI127" s="26"/>
      <c r="KRJ127" s="26"/>
      <c r="KRK127" s="26"/>
      <c r="KRL127" s="26"/>
      <c r="KRM127" s="26"/>
      <c r="KRN127" s="26"/>
      <c r="KRO127" s="26"/>
      <c r="KRP127" s="26"/>
      <c r="KRQ127" s="26"/>
      <c r="KRR127" s="26"/>
      <c r="KRS127" s="26"/>
      <c r="KRT127" s="26"/>
      <c r="KRU127" s="26"/>
      <c r="KRV127" s="26"/>
      <c r="KRW127" s="26"/>
      <c r="KRX127" s="26"/>
      <c r="KRY127" s="26"/>
      <c r="KRZ127" s="26"/>
      <c r="KSA127" s="26"/>
      <c r="KSB127" s="26"/>
      <c r="KSC127" s="26"/>
      <c r="KSD127" s="26"/>
      <c r="KSE127" s="26"/>
      <c r="KSF127" s="26"/>
      <c r="KSG127" s="26"/>
      <c r="KSH127" s="26"/>
      <c r="KSI127" s="26"/>
      <c r="KSJ127" s="26"/>
      <c r="KSK127" s="26"/>
      <c r="KSL127" s="26"/>
      <c r="KSM127" s="26"/>
      <c r="KSN127" s="26"/>
      <c r="KSO127" s="26"/>
      <c r="KSP127" s="26"/>
      <c r="KSQ127" s="26"/>
      <c r="KSR127" s="26"/>
      <c r="KSS127" s="26"/>
      <c r="KST127" s="26"/>
      <c r="KSU127" s="26"/>
      <c r="KSV127" s="26"/>
      <c r="KSW127" s="26"/>
      <c r="KSX127" s="26"/>
      <c r="KSY127" s="26"/>
      <c r="KSZ127" s="26"/>
      <c r="KTA127" s="26"/>
      <c r="KTB127" s="26"/>
      <c r="KTC127" s="26"/>
      <c r="KTD127" s="26"/>
      <c r="KTE127" s="26"/>
      <c r="KTF127" s="26"/>
      <c r="KTG127" s="26"/>
      <c r="KTH127" s="26"/>
      <c r="KTI127" s="26"/>
      <c r="KTJ127" s="26"/>
      <c r="KTK127" s="26"/>
      <c r="KTL127" s="26"/>
      <c r="KTM127" s="26"/>
      <c r="KTN127" s="26"/>
      <c r="KTO127" s="26"/>
      <c r="KTP127" s="26"/>
      <c r="KTQ127" s="26"/>
      <c r="KTR127" s="26"/>
      <c r="KTS127" s="26"/>
      <c r="KTT127" s="26"/>
      <c r="KTU127" s="26"/>
      <c r="KTV127" s="26"/>
      <c r="KTW127" s="26"/>
      <c r="KTX127" s="26"/>
      <c r="KTY127" s="26"/>
      <c r="KTZ127" s="26"/>
      <c r="KUA127" s="26"/>
      <c r="KUB127" s="26"/>
      <c r="KUC127" s="26"/>
      <c r="KUD127" s="26"/>
      <c r="KUE127" s="26"/>
      <c r="KUF127" s="26"/>
      <c r="KUG127" s="26"/>
      <c r="KUH127" s="26"/>
      <c r="KUI127" s="26"/>
      <c r="KUJ127" s="26"/>
      <c r="KUK127" s="26"/>
      <c r="KUL127" s="26"/>
      <c r="KUM127" s="26"/>
      <c r="KUN127" s="26"/>
      <c r="KUO127" s="26"/>
      <c r="KUP127" s="26"/>
      <c r="KUQ127" s="26"/>
      <c r="KUR127" s="26"/>
      <c r="KUS127" s="26"/>
      <c r="KUT127" s="26"/>
      <c r="KUU127" s="26"/>
      <c r="KUV127" s="26"/>
      <c r="KUW127" s="26"/>
      <c r="KUX127" s="26"/>
      <c r="KUY127" s="26"/>
      <c r="KUZ127" s="26"/>
      <c r="KVA127" s="26"/>
      <c r="KVB127" s="26"/>
      <c r="KVC127" s="26"/>
      <c r="KVD127" s="26"/>
      <c r="KVE127" s="26"/>
      <c r="KVF127" s="26"/>
      <c r="KVG127" s="26"/>
      <c r="KVH127" s="26"/>
      <c r="KVI127" s="26"/>
      <c r="KVJ127" s="26"/>
      <c r="KVK127" s="26"/>
      <c r="KVL127" s="26"/>
      <c r="KVM127" s="26"/>
      <c r="KVN127" s="26"/>
      <c r="KVO127" s="26"/>
      <c r="KVP127" s="26"/>
      <c r="KVQ127" s="26"/>
      <c r="KVR127" s="26"/>
      <c r="KVS127" s="26"/>
      <c r="KVT127" s="26"/>
      <c r="KVU127" s="26"/>
      <c r="KVV127" s="26"/>
      <c r="KVW127" s="26"/>
      <c r="KVX127" s="26"/>
      <c r="KVY127" s="26"/>
      <c r="KVZ127" s="26"/>
      <c r="KWA127" s="26"/>
      <c r="KWB127" s="26"/>
      <c r="KWC127" s="26"/>
      <c r="KWD127" s="26"/>
      <c r="KWE127" s="26"/>
      <c r="KWF127" s="26"/>
      <c r="KWG127" s="26"/>
      <c r="KWH127" s="26"/>
      <c r="KWI127" s="26"/>
      <c r="KWJ127" s="26"/>
      <c r="KWK127" s="26"/>
      <c r="KWL127" s="26"/>
      <c r="KWM127" s="26"/>
      <c r="KWN127" s="26"/>
      <c r="KWO127" s="26"/>
      <c r="KWP127" s="26"/>
      <c r="KWQ127" s="26"/>
      <c r="KWR127" s="26"/>
      <c r="KWS127" s="26"/>
      <c r="KWT127" s="26"/>
      <c r="KWU127" s="26"/>
      <c r="KWV127" s="26"/>
      <c r="KWW127" s="26"/>
      <c r="KWX127" s="26"/>
      <c r="KWY127" s="26"/>
      <c r="KWZ127" s="26"/>
      <c r="KXA127" s="26"/>
      <c r="KXB127" s="26"/>
      <c r="KXC127" s="26"/>
      <c r="KXD127" s="26"/>
      <c r="KXE127" s="26"/>
      <c r="KXF127" s="26"/>
      <c r="KXG127" s="26"/>
      <c r="KXH127" s="26"/>
      <c r="KXI127" s="26"/>
      <c r="KXJ127" s="26"/>
      <c r="KXK127" s="26"/>
      <c r="KXL127" s="26"/>
      <c r="KXM127" s="26"/>
      <c r="KXN127" s="26"/>
      <c r="KXO127" s="26"/>
      <c r="KXP127" s="26"/>
      <c r="KXQ127" s="26"/>
      <c r="KXR127" s="26"/>
      <c r="KXS127" s="26"/>
      <c r="KXT127" s="26"/>
      <c r="KXU127" s="26"/>
      <c r="KXV127" s="26"/>
      <c r="KXW127" s="26"/>
      <c r="KXX127" s="26"/>
      <c r="KXY127" s="26"/>
      <c r="KXZ127" s="26"/>
      <c r="KYA127" s="26"/>
      <c r="KYB127" s="26"/>
      <c r="KYC127" s="26"/>
      <c r="KYD127" s="26"/>
      <c r="KYE127" s="26"/>
      <c r="KYF127" s="26"/>
      <c r="KYG127" s="26"/>
      <c r="KYH127" s="26"/>
      <c r="KYI127" s="26"/>
      <c r="KYJ127" s="26"/>
      <c r="KYK127" s="26"/>
      <c r="KYL127" s="26"/>
      <c r="KYM127" s="26"/>
      <c r="KYN127" s="26"/>
      <c r="KYO127" s="26"/>
      <c r="KYP127" s="26"/>
      <c r="KYQ127" s="26"/>
      <c r="KYR127" s="26"/>
      <c r="KYS127" s="26"/>
      <c r="KYT127" s="26"/>
      <c r="KYU127" s="26"/>
      <c r="KYV127" s="26"/>
      <c r="KYW127" s="26"/>
      <c r="KYX127" s="26"/>
      <c r="KYY127" s="26"/>
      <c r="KYZ127" s="26"/>
      <c r="KZA127" s="26"/>
      <c r="KZB127" s="26"/>
      <c r="KZC127" s="26"/>
      <c r="KZD127" s="26"/>
      <c r="KZE127" s="26"/>
      <c r="KZF127" s="26"/>
      <c r="KZG127" s="26"/>
      <c r="KZH127" s="26"/>
      <c r="KZI127" s="26"/>
      <c r="KZJ127" s="26"/>
      <c r="KZK127" s="26"/>
      <c r="KZL127" s="26"/>
      <c r="KZM127" s="26"/>
      <c r="KZN127" s="26"/>
      <c r="KZO127" s="26"/>
      <c r="KZP127" s="26"/>
      <c r="KZQ127" s="26"/>
      <c r="KZR127" s="26"/>
      <c r="KZS127" s="26"/>
      <c r="KZT127" s="26"/>
      <c r="KZU127" s="26"/>
      <c r="KZV127" s="26"/>
      <c r="KZW127" s="26"/>
      <c r="KZX127" s="26"/>
      <c r="KZY127" s="26"/>
      <c r="KZZ127" s="26"/>
      <c r="LAA127" s="26"/>
      <c r="LAB127" s="26"/>
      <c r="LAC127" s="26"/>
      <c r="LAD127" s="26"/>
      <c r="LAE127" s="26"/>
      <c r="LAF127" s="26"/>
      <c r="LAG127" s="26"/>
      <c r="LAH127" s="26"/>
      <c r="LAI127" s="26"/>
      <c r="LAJ127" s="26"/>
      <c r="LAK127" s="26"/>
      <c r="LAL127" s="26"/>
      <c r="LAM127" s="26"/>
      <c r="LAN127" s="26"/>
      <c r="LAO127" s="26"/>
      <c r="LAP127" s="26"/>
      <c r="LAQ127" s="26"/>
      <c r="LAR127" s="26"/>
      <c r="LAS127" s="26"/>
      <c r="LAT127" s="26"/>
      <c r="LAU127" s="26"/>
      <c r="LAV127" s="26"/>
      <c r="LAW127" s="26"/>
      <c r="LAX127" s="26"/>
      <c r="LAY127" s="26"/>
      <c r="LAZ127" s="26"/>
      <c r="LBA127" s="26"/>
      <c r="LBB127" s="26"/>
      <c r="LBC127" s="26"/>
      <c r="LBD127" s="26"/>
      <c r="LBE127" s="26"/>
      <c r="LBF127" s="26"/>
      <c r="LBG127" s="26"/>
      <c r="LBH127" s="26"/>
      <c r="LBI127" s="26"/>
      <c r="LBJ127" s="26"/>
      <c r="LBK127" s="26"/>
      <c r="LBL127" s="26"/>
      <c r="LBM127" s="26"/>
      <c r="LBN127" s="26"/>
      <c r="LBO127" s="26"/>
      <c r="LBP127" s="26"/>
      <c r="LBQ127" s="26"/>
      <c r="LBR127" s="26"/>
      <c r="LBS127" s="26"/>
      <c r="LBT127" s="26"/>
      <c r="LBU127" s="26"/>
      <c r="LBV127" s="26"/>
      <c r="LBW127" s="26"/>
      <c r="LBX127" s="26"/>
      <c r="LBY127" s="26"/>
      <c r="LBZ127" s="26"/>
      <c r="LCA127" s="26"/>
      <c r="LCB127" s="26"/>
      <c r="LCC127" s="26"/>
      <c r="LCD127" s="26"/>
      <c r="LCE127" s="26"/>
      <c r="LCF127" s="26"/>
      <c r="LCG127" s="26"/>
      <c r="LCH127" s="26"/>
      <c r="LCI127" s="26"/>
      <c r="LCJ127" s="26"/>
      <c r="LCK127" s="26"/>
      <c r="LCL127" s="26"/>
      <c r="LCM127" s="26"/>
      <c r="LCN127" s="26"/>
      <c r="LCO127" s="26"/>
      <c r="LCP127" s="26"/>
      <c r="LCQ127" s="26"/>
      <c r="LCR127" s="26"/>
      <c r="LCS127" s="26"/>
      <c r="LCT127" s="26"/>
      <c r="LCU127" s="26"/>
      <c r="LCV127" s="26"/>
      <c r="LCW127" s="26"/>
      <c r="LCX127" s="26"/>
      <c r="LCY127" s="26"/>
      <c r="LCZ127" s="26"/>
      <c r="LDA127" s="26"/>
      <c r="LDB127" s="26"/>
      <c r="LDC127" s="26"/>
      <c r="LDD127" s="26"/>
      <c r="LDE127" s="26"/>
      <c r="LDF127" s="26"/>
      <c r="LDG127" s="26"/>
      <c r="LDH127" s="26"/>
      <c r="LDI127" s="26"/>
      <c r="LDJ127" s="26"/>
      <c r="LDK127" s="26"/>
      <c r="LDL127" s="26"/>
      <c r="LDM127" s="26"/>
      <c r="LDN127" s="26"/>
      <c r="LDO127" s="26"/>
      <c r="LDP127" s="26"/>
      <c r="LDQ127" s="26"/>
      <c r="LDR127" s="26"/>
      <c r="LDS127" s="26"/>
      <c r="LDT127" s="26"/>
      <c r="LDU127" s="26"/>
      <c r="LDV127" s="26"/>
      <c r="LDW127" s="26"/>
      <c r="LDX127" s="26"/>
      <c r="LDY127" s="26"/>
      <c r="LDZ127" s="26"/>
      <c r="LEA127" s="26"/>
      <c r="LEB127" s="26"/>
      <c r="LEC127" s="26"/>
      <c r="LED127" s="26"/>
      <c r="LEE127" s="26"/>
      <c r="LEF127" s="26"/>
      <c r="LEG127" s="26"/>
      <c r="LEH127" s="26"/>
      <c r="LEI127" s="26"/>
      <c r="LEJ127" s="26"/>
      <c r="LEK127" s="26"/>
      <c r="LEL127" s="26"/>
      <c r="LEM127" s="26"/>
      <c r="LEN127" s="26"/>
      <c r="LEO127" s="26"/>
      <c r="LEP127" s="26"/>
      <c r="LEQ127" s="26"/>
      <c r="LER127" s="26"/>
      <c r="LES127" s="26"/>
      <c r="LET127" s="26"/>
      <c r="LEU127" s="26"/>
      <c r="LEV127" s="26"/>
      <c r="LEW127" s="26"/>
      <c r="LEX127" s="26"/>
      <c r="LEY127" s="26"/>
      <c r="LEZ127" s="26"/>
      <c r="LFA127" s="26"/>
      <c r="LFB127" s="26"/>
      <c r="LFC127" s="26"/>
      <c r="LFD127" s="26"/>
      <c r="LFE127" s="26"/>
      <c r="LFF127" s="26"/>
      <c r="LFG127" s="26"/>
      <c r="LFH127" s="26"/>
      <c r="LFI127" s="26"/>
      <c r="LFJ127" s="26"/>
      <c r="LFK127" s="26"/>
      <c r="LFL127" s="26"/>
      <c r="LFM127" s="26"/>
      <c r="LFN127" s="26"/>
      <c r="LFO127" s="26"/>
      <c r="LFP127" s="26"/>
      <c r="LFQ127" s="26"/>
      <c r="LFR127" s="26"/>
      <c r="LFS127" s="26"/>
      <c r="LFT127" s="26"/>
      <c r="LFU127" s="26"/>
      <c r="LFV127" s="26"/>
      <c r="LFW127" s="26"/>
      <c r="LFX127" s="26"/>
      <c r="LFY127" s="26"/>
      <c r="LFZ127" s="26"/>
      <c r="LGA127" s="26"/>
      <c r="LGB127" s="26"/>
      <c r="LGC127" s="26"/>
      <c r="LGD127" s="26"/>
      <c r="LGE127" s="26"/>
      <c r="LGF127" s="26"/>
      <c r="LGG127" s="26"/>
      <c r="LGH127" s="26"/>
      <c r="LGI127" s="26"/>
      <c r="LGJ127" s="26"/>
      <c r="LGK127" s="26"/>
      <c r="LGL127" s="26"/>
      <c r="LGM127" s="26"/>
      <c r="LGN127" s="26"/>
      <c r="LGO127" s="26"/>
      <c r="LGP127" s="26"/>
      <c r="LGQ127" s="26"/>
      <c r="LGR127" s="26"/>
      <c r="LGS127" s="26"/>
      <c r="LGT127" s="26"/>
      <c r="LGU127" s="26"/>
      <c r="LGV127" s="26"/>
      <c r="LGW127" s="26"/>
      <c r="LGX127" s="26"/>
      <c r="LGY127" s="26"/>
      <c r="LGZ127" s="26"/>
      <c r="LHA127" s="26"/>
      <c r="LHB127" s="26"/>
      <c r="LHC127" s="26"/>
      <c r="LHD127" s="26"/>
      <c r="LHE127" s="26"/>
      <c r="LHF127" s="26"/>
      <c r="LHG127" s="26"/>
      <c r="LHH127" s="26"/>
      <c r="LHI127" s="26"/>
      <c r="LHJ127" s="26"/>
      <c r="LHK127" s="26"/>
      <c r="LHL127" s="26"/>
      <c r="LHM127" s="26"/>
      <c r="LHN127" s="26"/>
      <c r="LHO127" s="26"/>
      <c r="LHP127" s="26"/>
      <c r="LHQ127" s="26"/>
      <c r="LHR127" s="26"/>
      <c r="LHS127" s="26"/>
      <c r="LHT127" s="26"/>
      <c r="LHU127" s="26"/>
      <c r="LHV127" s="26"/>
      <c r="LHW127" s="26"/>
      <c r="LHX127" s="26"/>
      <c r="LHY127" s="26"/>
      <c r="LHZ127" s="26"/>
      <c r="LIA127" s="26"/>
      <c r="LIB127" s="26"/>
      <c r="LIC127" s="26"/>
      <c r="LID127" s="26"/>
      <c r="LIE127" s="26"/>
      <c r="LIF127" s="26"/>
      <c r="LIG127" s="26"/>
      <c r="LIH127" s="26"/>
      <c r="LII127" s="26"/>
      <c r="LIJ127" s="26"/>
      <c r="LIK127" s="26"/>
      <c r="LIL127" s="26"/>
      <c r="LIM127" s="26"/>
      <c r="LIN127" s="26"/>
      <c r="LIO127" s="26"/>
      <c r="LIP127" s="26"/>
      <c r="LIQ127" s="26"/>
      <c r="LIR127" s="26"/>
      <c r="LIS127" s="26"/>
      <c r="LIT127" s="26"/>
      <c r="LIU127" s="26"/>
      <c r="LIV127" s="26"/>
      <c r="LIW127" s="26"/>
      <c r="LIX127" s="26"/>
      <c r="LIY127" s="26"/>
      <c r="LIZ127" s="26"/>
      <c r="LJA127" s="26"/>
      <c r="LJB127" s="26"/>
      <c r="LJC127" s="26"/>
      <c r="LJD127" s="26"/>
      <c r="LJE127" s="26"/>
      <c r="LJF127" s="26"/>
      <c r="LJG127" s="26"/>
      <c r="LJH127" s="26"/>
      <c r="LJI127" s="26"/>
      <c r="LJJ127" s="26"/>
      <c r="LJK127" s="26"/>
      <c r="LJL127" s="26"/>
      <c r="LJM127" s="26"/>
      <c r="LJN127" s="26"/>
      <c r="LJO127" s="26"/>
      <c r="LJP127" s="26"/>
      <c r="LJQ127" s="26"/>
      <c r="LJR127" s="26"/>
      <c r="LJS127" s="26"/>
      <c r="LJT127" s="26"/>
      <c r="LJU127" s="26"/>
      <c r="LJV127" s="26"/>
      <c r="LJW127" s="26"/>
      <c r="LJX127" s="26"/>
      <c r="LJY127" s="26"/>
      <c r="LJZ127" s="26"/>
      <c r="LKA127" s="26"/>
      <c r="LKB127" s="26"/>
      <c r="LKC127" s="26"/>
      <c r="LKD127" s="26"/>
      <c r="LKE127" s="26"/>
      <c r="LKF127" s="26"/>
      <c r="LKG127" s="26"/>
      <c r="LKH127" s="26"/>
      <c r="LKI127" s="26"/>
      <c r="LKJ127" s="26"/>
      <c r="LKK127" s="26"/>
      <c r="LKL127" s="26"/>
      <c r="LKM127" s="26"/>
      <c r="LKN127" s="26"/>
      <c r="LKO127" s="26"/>
      <c r="LKP127" s="26"/>
      <c r="LKQ127" s="26"/>
      <c r="LKR127" s="26"/>
      <c r="LKS127" s="26"/>
      <c r="LKT127" s="26"/>
      <c r="LKU127" s="26"/>
      <c r="LKV127" s="26"/>
      <c r="LKW127" s="26"/>
      <c r="LKX127" s="26"/>
      <c r="LKY127" s="26"/>
      <c r="LKZ127" s="26"/>
      <c r="LLA127" s="26"/>
      <c r="LLB127" s="26"/>
      <c r="LLC127" s="26"/>
      <c r="LLD127" s="26"/>
      <c r="LLE127" s="26"/>
      <c r="LLF127" s="26"/>
      <c r="LLG127" s="26"/>
      <c r="LLH127" s="26"/>
      <c r="LLI127" s="26"/>
      <c r="LLJ127" s="26"/>
      <c r="LLK127" s="26"/>
      <c r="LLL127" s="26"/>
      <c r="LLM127" s="26"/>
      <c r="LLN127" s="26"/>
      <c r="LLO127" s="26"/>
      <c r="LLP127" s="26"/>
      <c r="LLQ127" s="26"/>
      <c r="LLR127" s="26"/>
      <c r="LLS127" s="26"/>
      <c r="LLT127" s="26"/>
      <c r="LLU127" s="26"/>
      <c r="LLV127" s="26"/>
      <c r="LLW127" s="26"/>
      <c r="LLX127" s="26"/>
      <c r="LLY127" s="26"/>
      <c r="LLZ127" s="26"/>
      <c r="LMA127" s="26"/>
      <c r="LMB127" s="26"/>
      <c r="LMC127" s="26"/>
      <c r="LMD127" s="26"/>
      <c r="LME127" s="26"/>
      <c r="LMF127" s="26"/>
      <c r="LMG127" s="26"/>
      <c r="LMH127" s="26"/>
      <c r="LMI127" s="26"/>
      <c r="LMJ127" s="26"/>
      <c r="LMK127" s="26"/>
      <c r="LML127" s="26"/>
      <c r="LMM127" s="26"/>
      <c r="LMN127" s="26"/>
      <c r="LMO127" s="26"/>
      <c r="LMP127" s="26"/>
      <c r="LMQ127" s="26"/>
      <c r="LMR127" s="26"/>
      <c r="LMS127" s="26"/>
      <c r="LMT127" s="26"/>
      <c r="LMU127" s="26"/>
      <c r="LMV127" s="26"/>
      <c r="LMW127" s="26"/>
      <c r="LMX127" s="26"/>
      <c r="LMY127" s="26"/>
      <c r="LMZ127" s="26"/>
      <c r="LNA127" s="26"/>
      <c r="LNB127" s="26"/>
      <c r="LNC127" s="26"/>
      <c r="LND127" s="26"/>
      <c r="LNE127" s="26"/>
      <c r="LNF127" s="26"/>
      <c r="LNG127" s="26"/>
      <c r="LNH127" s="26"/>
      <c r="LNI127" s="26"/>
      <c r="LNJ127" s="26"/>
      <c r="LNK127" s="26"/>
      <c r="LNL127" s="26"/>
      <c r="LNM127" s="26"/>
      <c r="LNN127" s="26"/>
      <c r="LNO127" s="26"/>
      <c r="LNP127" s="26"/>
      <c r="LNQ127" s="26"/>
      <c r="LNR127" s="26"/>
      <c r="LNS127" s="26"/>
      <c r="LNT127" s="26"/>
      <c r="LNU127" s="26"/>
      <c r="LNV127" s="26"/>
      <c r="LNW127" s="26"/>
      <c r="LNX127" s="26"/>
      <c r="LNY127" s="26"/>
      <c r="LNZ127" s="26"/>
      <c r="LOA127" s="26"/>
      <c r="LOB127" s="26"/>
      <c r="LOC127" s="26"/>
      <c r="LOD127" s="26"/>
      <c r="LOE127" s="26"/>
      <c r="LOF127" s="26"/>
      <c r="LOG127" s="26"/>
      <c r="LOH127" s="26"/>
      <c r="LOI127" s="26"/>
      <c r="LOJ127" s="26"/>
      <c r="LOK127" s="26"/>
      <c r="LOL127" s="26"/>
      <c r="LOM127" s="26"/>
      <c r="LON127" s="26"/>
      <c r="LOO127" s="26"/>
      <c r="LOP127" s="26"/>
      <c r="LOQ127" s="26"/>
      <c r="LOR127" s="26"/>
      <c r="LOS127" s="26"/>
      <c r="LOT127" s="26"/>
      <c r="LOU127" s="26"/>
      <c r="LOV127" s="26"/>
      <c r="LOW127" s="26"/>
      <c r="LOX127" s="26"/>
      <c r="LOY127" s="26"/>
      <c r="LOZ127" s="26"/>
      <c r="LPA127" s="26"/>
      <c r="LPB127" s="26"/>
      <c r="LPC127" s="26"/>
      <c r="LPD127" s="26"/>
      <c r="LPE127" s="26"/>
      <c r="LPF127" s="26"/>
      <c r="LPG127" s="26"/>
      <c r="LPH127" s="26"/>
      <c r="LPI127" s="26"/>
      <c r="LPJ127" s="26"/>
      <c r="LPK127" s="26"/>
      <c r="LPL127" s="26"/>
      <c r="LPM127" s="26"/>
      <c r="LPN127" s="26"/>
      <c r="LPO127" s="26"/>
      <c r="LPP127" s="26"/>
      <c r="LPQ127" s="26"/>
      <c r="LPR127" s="26"/>
      <c r="LPS127" s="26"/>
      <c r="LPT127" s="26"/>
      <c r="LPU127" s="26"/>
      <c r="LPV127" s="26"/>
      <c r="LPW127" s="26"/>
      <c r="LPX127" s="26"/>
      <c r="LPY127" s="26"/>
      <c r="LPZ127" s="26"/>
      <c r="LQA127" s="26"/>
      <c r="LQB127" s="26"/>
      <c r="LQC127" s="26"/>
      <c r="LQD127" s="26"/>
      <c r="LQE127" s="26"/>
      <c r="LQF127" s="26"/>
      <c r="LQG127" s="26"/>
      <c r="LQH127" s="26"/>
      <c r="LQI127" s="26"/>
      <c r="LQJ127" s="26"/>
      <c r="LQK127" s="26"/>
      <c r="LQL127" s="26"/>
      <c r="LQM127" s="26"/>
      <c r="LQN127" s="26"/>
      <c r="LQO127" s="26"/>
      <c r="LQP127" s="26"/>
      <c r="LQQ127" s="26"/>
      <c r="LQR127" s="26"/>
      <c r="LQS127" s="26"/>
      <c r="LQT127" s="26"/>
      <c r="LQU127" s="26"/>
      <c r="LQV127" s="26"/>
      <c r="LQW127" s="26"/>
      <c r="LQX127" s="26"/>
      <c r="LQY127" s="26"/>
      <c r="LQZ127" s="26"/>
      <c r="LRA127" s="26"/>
      <c r="LRB127" s="26"/>
      <c r="LRC127" s="26"/>
      <c r="LRD127" s="26"/>
      <c r="LRE127" s="26"/>
      <c r="LRF127" s="26"/>
      <c r="LRG127" s="26"/>
      <c r="LRH127" s="26"/>
      <c r="LRI127" s="26"/>
      <c r="LRJ127" s="26"/>
      <c r="LRK127" s="26"/>
      <c r="LRL127" s="26"/>
      <c r="LRM127" s="26"/>
      <c r="LRN127" s="26"/>
      <c r="LRO127" s="26"/>
      <c r="LRP127" s="26"/>
      <c r="LRQ127" s="26"/>
      <c r="LRR127" s="26"/>
      <c r="LRS127" s="26"/>
      <c r="LRT127" s="26"/>
      <c r="LRU127" s="26"/>
      <c r="LRV127" s="26"/>
      <c r="LRW127" s="26"/>
      <c r="LRX127" s="26"/>
      <c r="LRY127" s="26"/>
      <c r="LRZ127" s="26"/>
      <c r="LSA127" s="26"/>
      <c r="LSB127" s="26"/>
      <c r="LSC127" s="26"/>
      <c r="LSD127" s="26"/>
      <c r="LSE127" s="26"/>
      <c r="LSF127" s="26"/>
      <c r="LSG127" s="26"/>
      <c r="LSH127" s="26"/>
      <c r="LSI127" s="26"/>
      <c r="LSJ127" s="26"/>
      <c r="LSK127" s="26"/>
      <c r="LSL127" s="26"/>
      <c r="LSM127" s="26"/>
      <c r="LSN127" s="26"/>
      <c r="LSO127" s="26"/>
      <c r="LSP127" s="26"/>
      <c r="LSQ127" s="26"/>
      <c r="LSR127" s="26"/>
      <c r="LSS127" s="26"/>
      <c r="LST127" s="26"/>
      <c r="LSU127" s="26"/>
      <c r="LSV127" s="26"/>
      <c r="LSW127" s="26"/>
      <c r="LSX127" s="26"/>
      <c r="LSY127" s="26"/>
      <c r="LSZ127" s="26"/>
      <c r="LTA127" s="26"/>
      <c r="LTB127" s="26"/>
      <c r="LTC127" s="26"/>
      <c r="LTD127" s="26"/>
      <c r="LTE127" s="26"/>
      <c r="LTF127" s="26"/>
      <c r="LTG127" s="26"/>
      <c r="LTH127" s="26"/>
      <c r="LTI127" s="26"/>
      <c r="LTJ127" s="26"/>
      <c r="LTK127" s="26"/>
      <c r="LTL127" s="26"/>
      <c r="LTM127" s="26"/>
      <c r="LTN127" s="26"/>
      <c r="LTO127" s="26"/>
      <c r="LTP127" s="26"/>
      <c r="LTQ127" s="26"/>
      <c r="LTR127" s="26"/>
      <c r="LTS127" s="26"/>
      <c r="LTT127" s="26"/>
      <c r="LTU127" s="26"/>
      <c r="LTV127" s="26"/>
      <c r="LTW127" s="26"/>
      <c r="LTX127" s="26"/>
      <c r="LTY127" s="26"/>
      <c r="LTZ127" s="26"/>
      <c r="LUA127" s="26"/>
      <c r="LUB127" s="26"/>
      <c r="LUC127" s="26"/>
      <c r="LUD127" s="26"/>
      <c r="LUE127" s="26"/>
      <c r="LUF127" s="26"/>
      <c r="LUG127" s="26"/>
      <c r="LUH127" s="26"/>
      <c r="LUI127" s="26"/>
      <c r="LUJ127" s="26"/>
      <c r="LUK127" s="26"/>
      <c r="LUL127" s="26"/>
      <c r="LUM127" s="26"/>
      <c r="LUN127" s="26"/>
      <c r="LUO127" s="26"/>
      <c r="LUP127" s="26"/>
      <c r="LUQ127" s="26"/>
      <c r="LUR127" s="26"/>
      <c r="LUS127" s="26"/>
      <c r="LUT127" s="26"/>
      <c r="LUU127" s="26"/>
      <c r="LUV127" s="26"/>
      <c r="LUW127" s="26"/>
      <c r="LUX127" s="26"/>
      <c r="LUY127" s="26"/>
      <c r="LUZ127" s="26"/>
      <c r="LVA127" s="26"/>
      <c r="LVB127" s="26"/>
      <c r="LVC127" s="26"/>
      <c r="LVD127" s="26"/>
      <c r="LVE127" s="26"/>
      <c r="LVF127" s="26"/>
      <c r="LVG127" s="26"/>
      <c r="LVH127" s="26"/>
      <c r="LVI127" s="26"/>
      <c r="LVJ127" s="26"/>
      <c r="LVK127" s="26"/>
      <c r="LVL127" s="26"/>
      <c r="LVM127" s="26"/>
      <c r="LVN127" s="26"/>
      <c r="LVO127" s="26"/>
      <c r="LVP127" s="26"/>
      <c r="LVQ127" s="26"/>
      <c r="LVR127" s="26"/>
      <c r="LVS127" s="26"/>
      <c r="LVT127" s="26"/>
      <c r="LVU127" s="26"/>
      <c r="LVV127" s="26"/>
      <c r="LVW127" s="26"/>
      <c r="LVX127" s="26"/>
      <c r="LVY127" s="26"/>
      <c r="LVZ127" s="26"/>
      <c r="LWA127" s="26"/>
      <c r="LWB127" s="26"/>
      <c r="LWC127" s="26"/>
      <c r="LWD127" s="26"/>
      <c r="LWE127" s="26"/>
      <c r="LWF127" s="26"/>
      <c r="LWG127" s="26"/>
      <c r="LWH127" s="26"/>
      <c r="LWI127" s="26"/>
      <c r="LWJ127" s="26"/>
      <c r="LWK127" s="26"/>
      <c r="LWL127" s="26"/>
      <c r="LWM127" s="26"/>
      <c r="LWN127" s="26"/>
      <c r="LWO127" s="26"/>
      <c r="LWP127" s="26"/>
      <c r="LWQ127" s="26"/>
      <c r="LWR127" s="26"/>
      <c r="LWS127" s="26"/>
      <c r="LWT127" s="26"/>
      <c r="LWU127" s="26"/>
      <c r="LWV127" s="26"/>
      <c r="LWW127" s="26"/>
      <c r="LWX127" s="26"/>
      <c r="LWY127" s="26"/>
      <c r="LWZ127" s="26"/>
      <c r="LXA127" s="26"/>
      <c r="LXB127" s="26"/>
      <c r="LXC127" s="26"/>
      <c r="LXD127" s="26"/>
      <c r="LXE127" s="26"/>
      <c r="LXF127" s="26"/>
      <c r="LXG127" s="26"/>
      <c r="LXH127" s="26"/>
      <c r="LXI127" s="26"/>
      <c r="LXJ127" s="26"/>
      <c r="LXK127" s="26"/>
      <c r="LXL127" s="26"/>
      <c r="LXM127" s="26"/>
      <c r="LXN127" s="26"/>
      <c r="LXO127" s="26"/>
      <c r="LXP127" s="26"/>
      <c r="LXQ127" s="26"/>
      <c r="LXR127" s="26"/>
      <c r="LXS127" s="26"/>
      <c r="LXT127" s="26"/>
      <c r="LXU127" s="26"/>
      <c r="LXV127" s="26"/>
      <c r="LXW127" s="26"/>
      <c r="LXX127" s="26"/>
      <c r="LXY127" s="26"/>
      <c r="LXZ127" s="26"/>
      <c r="LYA127" s="26"/>
      <c r="LYB127" s="26"/>
      <c r="LYC127" s="26"/>
      <c r="LYD127" s="26"/>
      <c r="LYE127" s="26"/>
      <c r="LYF127" s="26"/>
      <c r="LYG127" s="26"/>
      <c r="LYH127" s="26"/>
      <c r="LYI127" s="26"/>
      <c r="LYJ127" s="26"/>
      <c r="LYK127" s="26"/>
      <c r="LYL127" s="26"/>
      <c r="LYM127" s="26"/>
      <c r="LYN127" s="26"/>
      <c r="LYO127" s="26"/>
      <c r="LYP127" s="26"/>
      <c r="LYQ127" s="26"/>
      <c r="LYR127" s="26"/>
      <c r="LYS127" s="26"/>
      <c r="LYT127" s="26"/>
      <c r="LYU127" s="26"/>
      <c r="LYV127" s="26"/>
      <c r="LYW127" s="26"/>
      <c r="LYX127" s="26"/>
      <c r="LYY127" s="26"/>
      <c r="LYZ127" s="26"/>
      <c r="LZA127" s="26"/>
      <c r="LZB127" s="26"/>
      <c r="LZC127" s="26"/>
      <c r="LZD127" s="26"/>
      <c r="LZE127" s="26"/>
      <c r="LZF127" s="26"/>
      <c r="LZG127" s="26"/>
      <c r="LZH127" s="26"/>
      <c r="LZI127" s="26"/>
      <c r="LZJ127" s="26"/>
      <c r="LZK127" s="26"/>
      <c r="LZL127" s="26"/>
      <c r="LZM127" s="26"/>
      <c r="LZN127" s="26"/>
      <c r="LZO127" s="26"/>
      <c r="LZP127" s="26"/>
      <c r="LZQ127" s="26"/>
      <c r="LZR127" s="26"/>
      <c r="LZS127" s="26"/>
      <c r="LZT127" s="26"/>
      <c r="LZU127" s="26"/>
      <c r="LZV127" s="26"/>
      <c r="LZW127" s="26"/>
      <c r="LZX127" s="26"/>
      <c r="LZY127" s="26"/>
      <c r="LZZ127" s="26"/>
      <c r="MAA127" s="26"/>
      <c r="MAB127" s="26"/>
      <c r="MAC127" s="26"/>
      <c r="MAD127" s="26"/>
      <c r="MAE127" s="26"/>
      <c r="MAF127" s="26"/>
      <c r="MAG127" s="26"/>
      <c r="MAH127" s="26"/>
      <c r="MAI127" s="26"/>
      <c r="MAJ127" s="26"/>
      <c r="MAK127" s="26"/>
      <c r="MAL127" s="26"/>
      <c r="MAM127" s="26"/>
      <c r="MAN127" s="26"/>
      <c r="MAO127" s="26"/>
      <c r="MAP127" s="26"/>
      <c r="MAQ127" s="26"/>
      <c r="MAR127" s="26"/>
      <c r="MAS127" s="26"/>
      <c r="MAT127" s="26"/>
      <c r="MAU127" s="26"/>
      <c r="MAV127" s="26"/>
      <c r="MAW127" s="26"/>
      <c r="MAX127" s="26"/>
      <c r="MAY127" s="26"/>
      <c r="MAZ127" s="26"/>
      <c r="MBA127" s="26"/>
      <c r="MBB127" s="26"/>
      <c r="MBC127" s="26"/>
      <c r="MBD127" s="26"/>
      <c r="MBE127" s="26"/>
      <c r="MBF127" s="26"/>
      <c r="MBG127" s="26"/>
      <c r="MBH127" s="26"/>
      <c r="MBI127" s="26"/>
      <c r="MBJ127" s="26"/>
      <c r="MBK127" s="26"/>
      <c r="MBL127" s="26"/>
      <c r="MBM127" s="26"/>
      <c r="MBN127" s="26"/>
      <c r="MBO127" s="26"/>
      <c r="MBP127" s="26"/>
      <c r="MBQ127" s="26"/>
      <c r="MBR127" s="26"/>
      <c r="MBS127" s="26"/>
      <c r="MBT127" s="26"/>
      <c r="MBU127" s="26"/>
      <c r="MBV127" s="26"/>
      <c r="MBW127" s="26"/>
      <c r="MBX127" s="26"/>
      <c r="MBY127" s="26"/>
      <c r="MBZ127" s="26"/>
      <c r="MCA127" s="26"/>
      <c r="MCB127" s="26"/>
      <c r="MCC127" s="26"/>
      <c r="MCD127" s="26"/>
      <c r="MCE127" s="26"/>
      <c r="MCF127" s="26"/>
      <c r="MCG127" s="26"/>
      <c r="MCH127" s="26"/>
      <c r="MCI127" s="26"/>
      <c r="MCJ127" s="26"/>
      <c r="MCK127" s="26"/>
      <c r="MCL127" s="26"/>
      <c r="MCM127" s="26"/>
      <c r="MCN127" s="26"/>
      <c r="MCO127" s="26"/>
      <c r="MCP127" s="26"/>
      <c r="MCQ127" s="26"/>
      <c r="MCR127" s="26"/>
      <c r="MCS127" s="26"/>
      <c r="MCT127" s="26"/>
      <c r="MCU127" s="26"/>
      <c r="MCV127" s="26"/>
      <c r="MCW127" s="26"/>
      <c r="MCX127" s="26"/>
      <c r="MCY127" s="26"/>
      <c r="MCZ127" s="26"/>
      <c r="MDA127" s="26"/>
      <c r="MDB127" s="26"/>
      <c r="MDC127" s="26"/>
      <c r="MDD127" s="26"/>
      <c r="MDE127" s="26"/>
      <c r="MDF127" s="26"/>
      <c r="MDG127" s="26"/>
      <c r="MDH127" s="26"/>
      <c r="MDI127" s="26"/>
      <c r="MDJ127" s="26"/>
      <c r="MDK127" s="26"/>
      <c r="MDL127" s="26"/>
      <c r="MDM127" s="26"/>
      <c r="MDN127" s="26"/>
      <c r="MDO127" s="26"/>
      <c r="MDP127" s="26"/>
      <c r="MDQ127" s="26"/>
      <c r="MDR127" s="26"/>
      <c r="MDS127" s="26"/>
      <c r="MDT127" s="26"/>
      <c r="MDU127" s="26"/>
      <c r="MDV127" s="26"/>
      <c r="MDW127" s="26"/>
      <c r="MDX127" s="26"/>
      <c r="MDY127" s="26"/>
      <c r="MDZ127" s="26"/>
      <c r="MEA127" s="26"/>
      <c r="MEB127" s="26"/>
      <c r="MEC127" s="26"/>
      <c r="MED127" s="26"/>
      <c r="MEE127" s="26"/>
      <c r="MEF127" s="26"/>
      <c r="MEG127" s="26"/>
      <c r="MEH127" s="26"/>
      <c r="MEI127" s="26"/>
      <c r="MEJ127" s="26"/>
      <c r="MEK127" s="26"/>
      <c r="MEL127" s="26"/>
      <c r="MEM127" s="26"/>
      <c r="MEN127" s="26"/>
      <c r="MEO127" s="26"/>
      <c r="MEP127" s="26"/>
      <c r="MEQ127" s="26"/>
      <c r="MER127" s="26"/>
      <c r="MES127" s="26"/>
      <c r="MET127" s="26"/>
      <c r="MEU127" s="26"/>
      <c r="MEV127" s="26"/>
      <c r="MEW127" s="26"/>
      <c r="MEX127" s="26"/>
      <c r="MEY127" s="26"/>
      <c r="MEZ127" s="26"/>
      <c r="MFA127" s="26"/>
      <c r="MFB127" s="26"/>
      <c r="MFC127" s="26"/>
      <c r="MFD127" s="26"/>
      <c r="MFE127" s="26"/>
      <c r="MFF127" s="26"/>
      <c r="MFG127" s="26"/>
      <c r="MFH127" s="26"/>
      <c r="MFI127" s="26"/>
      <c r="MFJ127" s="26"/>
      <c r="MFK127" s="26"/>
      <c r="MFL127" s="26"/>
      <c r="MFM127" s="26"/>
      <c r="MFN127" s="26"/>
      <c r="MFO127" s="26"/>
      <c r="MFP127" s="26"/>
      <c r="MFQ127" s="26"/>
      <c r="MFR127" s="26"/>
      <c r="MFS127" s="26"/>
      <c r="MFT127" s="26"/>
      <c r="MFU127" s="26"/>
      <c r="MFV127" s="26"/>
      <c r="MFW127" s="26"/>
      <c r="MFX127" s="26"/>
      <c r="MFY127" s="26"/>
      <c r="MFZ127" s="26"/>
      <c r="MGA127" s="26"/>
      <c r="MGB127" s="26"/>
      <c r="MGC127" s="26"/>
      <c r="MGD127" s="26"/>
      <c r="MGE127" s="26"/>
      <c r="MGF127" s="26"/>
      <c r="MGG127" s="26"/>
      <c r="MGH127" s="26"/>
      <c r="MGI127" s="26"/>
      <c r="MGJ127" s="26"/>
      <c r="MGK127" s="26"/>
      <c r="MGL127" s="26"/>
      <c r="MGM127" s="26"/>
      <c r="MGN127" s="26"/>
      <c r="MGO127" s="26"/>
      <c r="MGP127" s="26"/>
      <c r="MGQ127" s="26"/>
      <c r="MGR127" s="26"/>
      <c r="MGS127" s="26"/>
      <c r="MGT127" s="26"/>
      <c r="MGU127" s="26"/>
      <c r="MGV127" s="26"/>
      <c r="MGW127" s="26"/>
      <c r="MGX127" s="26"/>
      <c r="MGY127" s="26"/>
      <c r="MGZ127" s="26"/>
      <c r="MHA127" s="26"/>
      <c r="MHB127" s="26"/>
      <c r="MHC127" s="26"/>
      <c r="MHD127" s="26"/>
      <c r="MHE127" s="26"/>
      <c r="MHF127" s="26"/>
      <c r="MHG127" s="26"/>
      <c r="MHH127" s="26"/>
      <c r="MHI127" s="26"/>
      <c r="MHJ127" s="26"/>
      <c r="MHK127" s="26"/>
      <c r="MHL127" s="26"/>
      <c r="MHM127" s="26"/>
      <c r="MHN127" s="26"/>
      <c r="MHO127" s="26"/>
      <c r="MHP127" s="26"/>
      <c r="MHQ127" s="26"/>
      <c r="MHR127" s="26"/>
      <c r="MHS127" s="26"/>
      <c r="MHT127" s="26"/>
      <c r="MHU127" s="26"/>
      <c r="MHV127" s="26"/>
      <c r="MHW127" s="26"/>
      <c r="MHX127" s="26"/>
      <c r="MHY127" s="26"/>
      <c r="MHZ127" s="26"/>
      <c r="MIA127" s="26"/>
      <c r="MIB127" s="26"/>
      <c r="MIC127" s="26"/>
      <c r="MID127" s="26"/>
      <c r="MIE127" s="26"/>
      <c r="MIF127" s="26"/>
      <c r="MIG127" s="26"/>
      <c r="MIH127" s="26"/>
      <c r="MII127" s="26"/>
      <c r="MIJ127" s="26"/>
      <c r="MIK127" s="26"/>
      <c r="MIL127" s="26"/>
      <c r="MIM127" s="26"/>
      <c r="MIN127" s="26"/>
      <c r="MIO127" s="26"/>
      <c r="MIP127" s="26"/>
      <c r="MIQ127" s="26"/>
      <c r="MIR127" s="26"/>
      <c r="MIS127" s="26"/>
      <c r="MIT127" s="26"/>
      <c r="MIU127" s="26"/>
      <c r="MIV127" s="26"/>
      <c r="MIW127" s="26"/>
      <c r="MIX127" s="26"/>
      <c r="MIY127" s="26"/>
      <c r="MIZ127" s="26"/>
      <c r="MJA127" s="26"/>
      <c r="MJB127" s="26"/>
      <c r="MJC127" s="26"/>
      <c r="MJD127" s="26"/>
      <c r="MJE127" s="26"/>
      <c r="MJF127" s="26"/>
      <c r="MJG127" s="26"/>
      <c r="MJH127" s="26"/>
      <c r="MJI127" s="26"/>
      <c r="MJJ127" s="26"/>
      <c r="MJK127" s="26"/>
      <c r="MJL127" s="26"/>
      <c r="MJM127" s="26"/>
      <c r="MJN127" s="26"/>
      <c r="MJO127" s="26"/>
      <c r="MJP127" s="26"/>
      <c r="MJQ127" s="26"/>
      <c r="MJR127" s="26"/>
      <c r="MJS127" s="26"/>
      <c r="MJT127" s="26"/>
      <c r="MJU127" s="26"/>
      <c r="MJV127" s="26"/>
      <c r="MJW127" s="26"/>
      <c r="MJX127" s="26"/>
      <c r="MJY127" s="26"/>
      <c r="MJZ127" s="26"/>
      <c r="MKA127" s="26"/>
      <c r="MKB127" s="26"/>
      <c r="MKC127" s="26"/>
      <c r="MKD127" s="26"/>
      <c r="MKE127" s="26"/>
      <c r="MKF127" s="26"/>
      <c r="MKG127" s="26"/>
      <c r="MKH127" s="26"/>
      <c r="MKI127" s="26"/>
      <c r="MKJ127" s="26"/>
      <c r="MKK127" s="26"/>
      <c r="MKL127" s="26"/>
      <c r="MKM127" s="26"/>
      <c r="MKN127" s="26"/>
      <c r="MKO127" s="26"/>
      <c r="MKP127" s="26"/>
      <c r="MKQ127" s="26"/>
      <c r="MKR127" s="26"/>
      <c r="MKS127" s="26"/>
      <c r="MKT127" s="26"/>
      <c r="MKU127" s="26"/>
      <c r="MKV127" s="26"/>
      <c r="MKW127" s="26"/>
      <c r="MKX127" s="26"/>
      <c r="MKY127" s="26"/>
      <c r="MKZ127" s="26"/>
      <c r="MLA127" s="26"/>
      <c r="MLB127" s="26"/>
      <c r="MLC127" s="26"/>
      <c r="MLD127" s="26"/>
      <c r="MLE127" s="26"/>
      <c r="MLF127" s="26"/>
      <c r="MLG127" s="26"/>
      <c r="MLH127" s="26"/>
      <c r="MLI127" s="26"/>
      <c r="MLJ127" s="26"/>
      <c r="MLK127" s="26"/>
      <c r="MLL127" s="26"/>
      <c r="MLM127" s="26"/>
      <c r="MLN127" s="26"/>
      <c r="MLO127" s="26"/>
      <c r="MLP127" s="26"/>
      <c r="MLQ127" s="26"/>
      <c r="MLR127" s="26"/>
      <c r="MLS127" s="26"/>
      <c r="MLT127" s="26"/>
      <c r="MLU127" s="26"/>
      <c r="MLV127" s="26"/>
      <c r="MLW127" s="26"/>
      <c r="MLX127" s="26"/>
      <c r="MLY127" s="26"/>
      <c r="MLZ127" s="26"/>
      <c r="MMA127" s="26"/>
      <c r="MMB127" s="26"/>
      <c r="MMC127" s="26"/>
      <c r="MMD127" s="26"/>
      <c r="MME127" s="26"/>
      <c r="MMF127" s="26"/>
      <c r="MMG127" s="26"/>
      <c r="MMH127" s="26"/>
      <c r="MMI127" s="26"/>
      <c r="MMJ127" s="26"/>
      <c r="MMK127" s="26"/>
      <c r="MML127" s="26"/>
      <c r="MMM127" s="26"/>
      <c r="MMN127" s="26"/>
      <c r="MMO127" s="26"/>
      <c r="MMP127" s="26"/>
      <c r="MMQ127" s="26"/>
      <c r="MMR127" s="26"/>
      <c r="MMS127" s="26"/>
      <c r="MMT127" s="26"/>
      <c r="MMU127" s="26"/>
      <c r="MMV127" s="26"/>
      <c r="MMW127" s="26"/>
      <c r="MMX127" s="26"/>
      <c r="MMY127" s="26"/>
      <c r="MMZ127" s="26"/>
      <c r="MNA127" s="26"/>
      <c r="MNB127" s="26"/>
      <c r="MNC127" s="26"/>
      <c r="MND127" s="26"/>
      <c r="MNE127" s="26"/>
      <c r="MNF127" s="26"/>
      <c r="MNG127" s="26"/>
      <c r="MNH127" s="26"/>
      <c r="MNI127" s="26"/>
      <c r="MNJ127" s="26"/>
      <c r="MNK127" s="26"/>
      <c r="MNL127" s="26"/>
      <c r="MNM127" s="26"/>
      <c r="MNN127" s="26"/>
      <c r="MNO127" s="26"/>
      <c r="MNP127" s="26"/>
      <c r="MNQ127" s="26"/>
      <c r="MNR127" s="26"/>
      <c r="MNS127" s="26"/>
      <c r="MNT127" s="26"/>
      <c r="MNU127" s="26"/>
      <c r="MNV127" s="26"/>
      <c r="MNW127" s="26"/>
      <c r="MNX127" s="26"/>
      <c r="MNY127" s="26"/>
      <c r="MNZ127" s="26"/>
      <c r="MOA127" s="26"/>
      <c r="MOB127" s="26"/>
      <c r="MOC127" s="26"/>
      <c r="MOD127" s="26"/>
      <c r="MOE127" s="26"/>
      <c r="MOF127" s="26"/>
      <c r="MOG127" s="26"/>
      <c r="MOH127" s="26"/>
      <c r="MOI127" s="26"/>
      <c r="MOJ127" s="26"/>
      <c r="MOK127" s="26"/>
      <c r="MOL127" s="26"/>
      <c r="MOM127" s="26"/>
      <c r="MON127" s="26"/>
      <c r="MOO127" s="26"/>
      <c r="MOP127" s="26"/>
      <c r="MOQ127" s="26"/>
      <c r="MOR127" s="26"/>
      <c r="MOS127" s="26"/>
      <c r="MOT127" s="26"/>
      <c r="MOU127" s="26"/>
      <c r="MOV127" s="26"/>
      <c r="MOW127" s="26"/>
      <c r="MOX127" s="26"/>
      <c r="MOY127" s="26"/>
      <c r="MOZ127" s="26"/>
      <c r="MPA127" s="26"/>
      <c r="MPB127" s="26"/>
      <c r="MPC127" s="26"/>
      <c r="MPD127" s="26"/>
      <c r="MPE127" s="26"/>
      <c r="MPF127" s="26"/>
      <c r="MPG127" s="26"/>
      <c r="MPH127" s="26"/>
      <c r="MPI127" s="26"/>
      <c r="MPJ127" s="26"/>
      <c r="MPK127" s="26"/>
      <c r="MPL127" s="26"/>
      <c r="MPM127" s="26"/>
      <c r="MPN127" s="26"/>
      <c r="MPO127" s="26"/>
      <c r="MPP127" s="26"/>
      <c r="MPQ127" s="26"/>
      <c r="MPR127" s="26"/>
      <c r="MPS127" s="26"/>
      <c r="MPT127" s="26"/>
      <c r="MPU127" s="26"/>
      <c r="MPV127" s="26"/>
      <c r="MPW127" s="26"/>
      <c r="MPX127" s="26"/>
      <c r="MPY127" s="26"/>
      <c r="MPZ127" s="26"/>
      <c r="MQA127" s="26"/>
      <c r="MQB127" s="26"/>
      <c r="MQC127" s="26"/>
      <c r="MQD127" s="26"/>
      <c r="MQE127" s="26"/>
      <c r="MQF127" s="26"/>
      <c r="MQG127" s="26"/>
      <c r="MQH127" s="26"/>
      <c r="MQI127" s="26"/>
      <c r="MQJ127" s="26"/>
      <c r="MQK127" s="26"/>
      <c r="MQL127" s="26"/>
      <c r="MQM127" s="26"/>
      <c r="MQN127" s="26"/>
      <c r="MQO127" s="26"/>
      <c r="MQP127" s="26"/>
      <c r="MQQ127" s="26"/>
      <c r="MQR127" s="26"/>
      <c r="MQS127" s="26"/>
      <c r="MQT127" s="26"/>
      <c r="MQU127" s="26"/>
      <c r="MQV127" s="26"/>
      <c r="MQW127" s="26"/>
      <c r="MQX127" s="26"/>
      <c r="MQY127" s="26"/>
      <c r="MQZ127" s="26"/>
      <c r="MRA127" s="26"/>
      <c r="MRB127" s="26"/>
      <c r="MRC127" s="26"/>
      <c r="MRD127" s="26"/>
      <c r="MRE127" s="26"/>
      <c r="MRF127" s="26"/>
      <c r="MRG127" s="26"/>
      <c r="MRH127" s="26"/>
      <c r="MRI127" s="26"/>
      <c r="MRJ127" s="26"/>
      <c r="MRK127" s="26"/>
      <c r="MRL127" s="26"/>
      <c r="MRM127" s="26"/>
      <c r="MRN127" s="26"/>
      <c r="MRO127" s="26"/>
      <c r="MRP127" s="26"/>
      <c r="MRQ127" s="26"/>
      <c r="MRR127" s="26"/>
      <c r="MRS127" s="26"/>
      <c r="MRT127" s="26"/>
      <c r="MRU127" s="26"/>
      <c r="MRV127" s="26"/>
      <c r="MRW127" s="26"/>
      <c r="MRX127" s="26"/>
      <c r="MRY127" s="26"/>
      <c r="MRZ127" s="26"/>
      <c r="MSA127" s="26"/>
      <c r="MSB127" s="26"/>
      <c r="MSC127" s="26"/>
      <c r="MSD127" s="26"/>
      <c r="MSE127" s="26"/>
      <c r="MSF127" s="26"/>
      <c r="MSG127" s="26"/>
      <c r="MSH127" s="26"/>
      <c r="MSI127" s="26"/>
      <c r="MSJ127" s="26"/>
      <c r="MSK127" s="26"/>
      <c r="MSL127" s="26"/>
      <c r="MSM127" s="26"/>
      <c r="MSN127" s="26"/>
      <c r="MSO127" s="26"/>
      <c r="MSP127" s="26"/>
      <c r="MSQ127" s="26"/>
      <c r="MSR127" s="26"/>
      <c r="MSS127" s="26"/>
      <c r="MST127" s="26"/>
      <c r="MSU127" s="26"/>
      <c r="MSV127" s="26"/>
      <c r="MSW127" s="26"/>
      <c r="MSX127" s="26"/>
      <c r="MSY127" s="26"/>
      <c r="MSZ127" s="26"/>
      <c r="MTA127" s="26"/>
      <c r="MTB127" s="26"/>
      <c r="MTC127" s="26"/>
      <c r="MTD127" s="26"/>
      <c r="MTE127" s="26"/>
      <c r="MTF127" s="26"/>
      <c r="MTG127" s="26"/>
      <c r="MTH127" s="26"/>
      <c r="MTI127" s="26"/>
      <c r="MTJ127" s="26"/>
      <c r="MTK127" s="26"/>
      <c r="MTL127" s="26"/>
      <c r="MTM127" s="26"/>
      <c r="MTN127" s="26"/>
      <c r="MTO127" s="26"/>
      <c r="MTP127" s="26"/>
      <c r="MTQ127" s="26"/>
      <c r="MTR127" s="26"/>
      <c r="MTS127" s="26"/>
      <c r="MTT127" s="26"/>
      <c r="MTU127" s="26"/>
      <c r="MTV127" s="26"/>
      <c r="MTW127" s="26"/>
      <c r="MTX127" s="26"/>
      <c r="MTY127" s="26"/>
      <c r="MTZ127" s="26"/>
      <c r="MUA127" s="26"/>
      <c r="MUB127" s="26"/>
      <c r="MUC127" s="26"/>
      <c r="MUD127" s="26"/>
      <c r="MUE127" s="26"/>
      <c r="MUF127" s="26"/>
      <c r="MUG127" s="26"/>
      <c r="MUH127" s="26"/>
      <c r="MUI127" s="26"/>
      <c r="MUJ127" s="26"/>
      <c r="MUK127" s="26"/>
      <c r="MUL127" s="26"/>
      <c r="MUM127" s="26"/>
      <c r="MUN127" s="26"/>
      <c r="MUO127" s="26"/>
      <c r="MUP127" s="26"/>
      <c r="MUQ127" s="26"/>
      <c r="MUR127" s="26"/>
      <c r="MUS127" s="26"/>
      <c r="MUT127" s="26"/>
      <c r="MUU127" s="26"/>
      <c r="MUV127" s="26"/>
      <c r="MUW127" s="26"/>
      <c r="MUX127" s="26"/>
      <c r="MUY127" s="26"/>
      <c r="MUZ127" s="26"/>
      <c r="MVA127" s="26"/>
      <c r="MVB127" s="26"/>
      <c r="MVC127" s="26"/>
      <c r="MVD127" s="26"/>
      <c r="MVE127" s="26"/>
      <c r="MVF127" s="26"/>
      <c r="MVG127" s="26"/>
      <c r="MVH127" s="26"/>
      <c r="MVI127" s="26"/>
      <c r="MVJ127" s="26"/>
      <c r="MVK127" s="26"/>
      <c r="MVL127" s="26"/>
      <c r="MVM127" s="26"/>
      <c r="MVN127" s="26"/>
      <c r="MVO127" s="26"/>
      <c r="MVP127" s="26"/>
      <c r="MVQ127" s="26"/>
      <c r="MVR127" s="26"/>
      <c r="MVS127" s="26"/>
      <c r="MVT127" s="26"/>
      <c r="MVU127" s="26"/>
      <c r="MVV127" s="26"/>
      <c r="MVW127" s="26"/>
      <c r="MVX127" s="26"/>
      <c r="MVY127" s="26"/>
      <c r="MVZ127" s="26"/>
      <c r="MWA127" s="26"/>
      <c r="MWB127" s="26"/>
      <c r="MWC127" s="26"/>
      <c r="MWD127" s="26"/>
      <c r="MWE127" s="26"/>
      <c r="MWF127" s="26"/>
      <c r="MWG127" s="26"/>
      <c r="MWH127" s="26"/>
      <c r="MWI127" s="26"/>
      <c r="MWJ127" s="26"/>
      <c r="MWK127" s="26"/>
      <c r="MWL127" s="26"/>
      <c r="MWM127" s="26"/>
      <c r="MWN127" s="26"/>
      <c r="MWO127" s="26"/>
      <c r="MWP127" s="26"/>
      <c r="MWQ127" s="26"/>
      <c r="MWR127" s="26"/>
      <c r="MWS127" s="26"/>
      <c r="MWT127" s="26"/>
      <c r="MWU127" s="26"/>
      <c r="MWV127" s="26"/>
      <c r="MWW127" s="26"/>
      <c r="MWX127" s="26"/>
      <c r="MWY127" s="26"/>
      <c r="MWZ127" s="26"/>
      <c r="MXA127" s="26"/>
      <c r="MXB127" s="26"/>
      <c r="MXC127" s="26"/>
      <c r="MXD127" s="26"/>
      <c r="MXE127" s="26"/>
      <c r="MXF127" s="26"/>
      <c r="MXG127" s="26"/>
      <c r="MXH127" s="26"/>
      <c r="MXI127" s="26"/>
      <c r="MXJ127" s="26"/>
      <c r="MXK127" s="26"/>
      <c r="MXL127" s="26"/>
      <c r="MXM127" s="26"/>
      <c r="MXN127" s="26"/>
      <c r="MXO127" s="26"/>
      <c r="MXP127" s="26"/>
      <c r="MXQ127" s="26"/>
      <c r="MXR127" s="26"/>
      <c r="MXS127" s="26"/>
      <c r="MXT127" s="26"/>
      <c r="MXU127" s="26"/>
      <c r="MXV127" s="26"/>
      <c r="MXW127" s="26"/>
      <c r="MXX127" s="26"/>
      <c r="MXY127" s="26"/>
      <c r="MXZ127" s="26"/>
      <c r="MYA127" s="26"/>
      <c r="MYB127" s="26"/>
      <c r="MYC127" s="26"/>
      <c r="MYD127" s="26"/>
      <c r="MYE127" s="26"/>
      <c r="MYF127" s="26"/>
      <c r="MYG127" s="26"/>
      <c r="MYH127" s="26"/>
      <c r="MYI127" s="26"/>
      <c r="MYJ127" s="26"/>
      <c r="MYK127" s="26"/>
      <c r="MYL127" s="26"/>
      <c r="MYM127" s="26"/>
      <c r="MYN127" s="26"/>
      <c r="MYO127" s="26"/>
      <c r="MYP127" s="26"/>
      <c r="MYQ127" s="26"/>
      <c r="MYR127" s="26"/>
      <c r="MYS127" s="26"/>
      <c r="MYT127" s="26"/>
      <c r="MYU127" s="26"/>
      <c r="MYV127" s="26"/>
      <c r="MYW127" s="26"/>
      <c r="MYX127" s="26"/>
      <c r="MYY127" s="26"/>
      <c r="MYZ127" s="26"/>
      <c r="MZA127" s="26"/>
      <c r="MZB127" s="26"/>
      <c r="MZC127" s="26"/>
      <c r="MZD127" s="26"/>
      <c r="MZE127" s="26"/>
      <c r="MZF127" s="26"/>
      <c r="MZG127" s="26"/>
      <c r="MZH127" s="26"/>
      <c r="MZI127" s="26"/>
      <c r="MZJ127" s="26"/>
      <c r="MZK127" s="26"/>
      <c r="MZL127" s="26"/>
      <c r="MZM127" s="26"/>
      <c r="MZN127" s="26"/>
      <c r="MZO127" s="26"/>
      <c r="MZP127" s="26"/>
      <c r="MZQ127" s="26"/>
      <c r="MZR127" s="26"/>
      <c r="MZS127" s="26"/>
      <c r="MZT127" s="26"/>
      <c r="MZU127" s="26"/>
      <c r="MZV127" s="26"/>
      <c r="MZW127" s="26"/>
      <c r="MZX127" s="26"/>
      <c r="MZY127" s="26"/>
      <c r="MZZ127" s="26"/>
      <c r="NAA127" s="26"/>
      <c r="NAB127" s="26"/>
      <c r="NAC127" s="26"/>
      <c r="NAD127" s="26"/>
      <c r="NAE127" s="26"/>
      <c r="NAF127" s="26"/>
      <c r="NAG127" s="26"/>
      <c r="NAH127" s="26"/>
      <c r="NAI127" s="26"/>
      <c r="NAJ127" s="26"/>
      <c r="NAK127" s="26"/>
      <c r="NAL127" s="26"/>
      <c r="NAM127" s="26"/>
      <c r="NAN127" s="26"/>
      <c r="NAO127" s="26"/>
      <c r="NAP127" s="26"/>
      <c r="NAQ127" s="26"/>
      <c r="NAR127" s="26"/>
      <c r="NAS127" s="26"/>
      <c r="NAT127" s="26"/>
      <c r="NAU127" s="26"/>
      <c r="NAV127" s="26"/>
      <c r="NAW127" s="26"/>
      <c r="NAX127" s="26"/>
      <c r="NAY127" s="26"/>
      <c r="NAZ127" s="26"/>
      <c r="NBA127" s="26"/>
      <c r="NBB127" s="26"/>
      <c r="NBC127" s="26"/>
      <c r="NBD127" s="26"/>
      <c r="NBE127" s="26"/>
      <c r="NBF127" s="26"/>
      <c r="NBG127" s="26"/>
      <c r="NBH127" s="26"/>
      <c r="NBI127" s="26"/>
      <c r="NBJ127" s="26"/>
      <c r="NBK127" s="26"/>
      <c r="NBL127" s="26"/>
      <c r="NBM127" s="26"/>
      <c r="NBN127" s="26"/>
      <c r="NBO127" s="26"/>
      <c r="NBP127" s="26"/>
      <c r="NBQ127" s="26"/>
      <c r="NBR127" s="26"/>
      <c r="NBS127" s="26"/>
      <c r="NBT127" s="26"/>
      <c r="NBU127" s="26"/>
      <c r="NBV127" s="26"/>
      <c r="NBW127" s="26"/>
      <c r="NBX127" s="26"/>
      <c r="NBY127" s="26"/>
      <c r="NBZ127" s="26"/>
      <c r="NCA127" s="26"/>
      <c r="NCB127" s="26"/>
      <c r="NCC127" s="26"/>
      <c r="NCD127" s="26"/>
      <c r="NCE127" s="26"/>
      <c r="NCF127" s="26"/>
      <c r="NCG127" s="26"/>
      <c r="NCH127" s="26"/>
      <c r="NCI127" s="26"/>
      <c r="NCJ127" s="26"/>
      <c r="NCK127" s="26"/>
      <c r="NCL127" s="26"/>
      <c r="NCM127" s="26"/>
      <c r="NCN127" s="26"/>
      <c r="NCO127" s="26"/>
      <c r="NCP127" s="26"/>
      <c r="NCQ127" s="26"/>
      <c r="NCR127" s="26"/>
      <c r="NCS127" s="26"/>
      <c r="NCT127" s="26"/>
      <c r="NCU127" s="26"/>
      <c r="NCV127" s="26"/>
      <c r="NCW127" s="26"/>
      <c r="NCX127" s="26"/>
      <c r="NCY127" s="26"/>
      <c r="NCZ127" s="26"/>
      <c r="NDA127" s="26"/>
      <c r="NDB127" s="26"/>
      <c r="NDC127" s="26"/>
      <c r="NDD127" s="26"/>
      <c r="NDE127" s="26"/>
      <c r="NDF127" s="26"/>
      <c r="NDG127" s="26"/>
      <c r="NDH127" s="26"/>
      <c r="NDI127" s="26"/>
      <c r="NDJ127" s="26"/>
      <c r="NDK127" s="26"/>
      <c r="NDL127" s="26"/>
      <c r="NDM127" s="26"/>
      <c r="NDN127" s="26"/>
      <c r="NDO127" s="26"/>
      <c r="NDP127" s="26"/>
      <c r="NDQ127" s="26"/>
      <c r="NDR127" s="26"/>
      <c r="NDS127" s="26"/>
      <c r="NDT127" s="26"/>
      <c r="NDU127" s="26"/>
      <c r="NDV127" s="26"/>
      <c r="NDW127" s="26"/>
      <c r="NDX127" s="26"/>
      <c r="NDY127" s="26"/>
      <c r="NDZ127" s="26"/>
      <c r="NEA127" s="26"/>
      <c r="NEB127" s="26"/>
      <c r="NEC127" s="26"/>
      <c r="NED127" s="26"/>
      <c r="NEE127" s="26"/>
      <c r="NEF127" s="26"/>
      <c r="NEG127" s="26"/>
      <c r="NEH127" s="26"/>
      <c r="NEI127" s="26"/>
      <c r="NEJ127" s="26"/>
      <c r="NEK127" s="26"/>
      <c r="NEL127" s="26"/>
      <c r="NEM127" s="26"/>
      <c r="NEN127" s="26"/>
      <c r="NEO127" s="26"/>
      <c r="NEP127" s="26"/>
      <c r="NEQ127" s="26"/>
      <c r="NER127" s="26"/>
      <c r="NES127" s="26"/>
      <c r="NET127" s="26"/>
      <c r="NEU127" s="26"/>
      <c r="NEV127" s="26"/>
      <c r="NEW127" s="26"/>
      <c r="NEX127" s="26"/>
      <c r="NEY127" s="26"/>
      <c r="NEZ127" s="26"/>
      <c r="NFA127" s="26"/>
      <c r="NFB127" s="26"/>
      <c r="NFC127" s="26"/>
      <c r="NFD127" s="26"/>
      <c r="NFE127" s="26"/>
      <c r="NFF127" s="26"/>
      <c r="NFG127" s="26"/>
      <c r="NFH127" s="26"/>
      <c r="NFI127" s="26"/>
      <c r="NFJ127" s="26"/>
      <c r="NFK127" s="26"/>
      <c r="NFL127" s="26"/>
      <c r="NFM127" s="26"/>
      <c r="NFN127" s="26"/>
      <c r="NFO127" s="26"/>
      <c r="NFP127" s="26"/>
      <c r="NFQ127" s="26"/>
      <c r="NFR127" s="26"/>
      <c r="NFS127" s="26"/>
      <c r="NFT127" s="26"/>
      <c r="NFU127" s="26"/>
      <c r="NFV127" s="26"/>
      <c r="NFW127" s="26"/>
      <c r="NFX127" s="26"/>
      <c r="NFY127" s="26"/>
      <c r="NFZ127" s="26"/>
      <c r="NGA127" s="26"/>
      <c r="NGB127" s="26"/>
      <c r="NGC127" s="26"/>
      <c r="NGD127" s="26"/>
      <c r="NGE127" s="26"/>
      <c r="NGF127" s="26"/>
      <c r="NGG127" s="26"/>
      <c r="NGH127" s="26"/>
      <c r="NGI127" s="26"/>
      <c r="NGJ127" s="26"/>
      <c r="NGK127" s="26"/>
      <c r="NGL127" s="26"/>
      <c r="NGM127" s="26"/>
      <c r="NGN127" s="26"/>
      <c r="NGO127" s="26"/>
      <c r="NGP127" s="26"/>
      <c r="NGQ127" s="26"/>
      <c r="NGR127" s="26"/>
      <c r="NGS127" s="26"/>
      <c r="NGT127" s="26"/>
      <c r="NGU127" s="26"/>
      <c r="NGV127" s="26"/>
      <c r="NGW127" s="26"/>
      <c r="NGX127" s="26"/>
      <c r="NGY127" s="26"/>
      <c r="NGZ127" s="26"/>
      <c r="NHA127" s="26"/>
      <c r="NHB127" s="26"/>
      <c r="NHC127" s="26"/>
      <c r="NHD127" s="26"/>
      <c r="NHE127" s="26"/>
      <c r="NHF127" s="26"/>
      <c r="NHG127" s="26"/>
      <c r="NHH127" s="26"/>
      <c r="NHI127" s="26"/>
      <c r="NHJ127" s="26"/>
      <c r="NHK127" s="26"/>
      <c r="NHL127" s="26"/>
      <c r="NHM127" s="26"/>
      <c r="NHN127" s="26"/>
      <c r="NHO127" s="26"/>
      <c r="NHP127" s="26"/>
      <c r="NHQ127" s="26"/>
      <c r="NHR127" s="26"/>
      <c r="NHS127" s="26"/>
      <c r="NHT127" s="26"/>
      <c r="NHU127" s="26"/>
      <c r="NHV127" s="26"/>
      <c r="NHW127" s="26"/>
      <c r="NHX127" s="26"/>
      <c r="NHY127" s="26"/>
      <c r="NHZ127" s="26"/>
      <c r="NIA127" s="26"/>
      <c r="NIB127" s="26"/>
      <c r="NIC127" s="26"/>
      <c r="NID127" s="26"/>
      <c r="NIE127" s="26"/>
      <c r="NIF127" s="26"/>
      <c r="NIG127" s="26"/>
      <c r="NIH127" s="26"/>
      <c r="NII127" s="26"/>
      <c r="NIJ127" s="26"/>
      <c r="NIK127" s="26"/>
      <c r="NIL127" s="26"/>
      <c r="NIM127" s="26"/>
      <c r="NIN127" s="26"/>
      <c r="NIO127" s="26"/>
      <c r="NIP127" s="26"/>
      <c r="NIQ127" s="26"/>
      <c r="NIR127" s="26"/>
      <c r="NIS127" s="26"/>
      <c r="NIT127" s="26"/>
      <c r="NIU127" s="26"/>
      <c r="NIV127" s="26"/>
      <c r="NIW127" s="26"/>
      <c r="NIX127" s="26"/>
      <c r="NIY127" s="26"/>
      <c r="NIZ127" s="26"/>
      <c r="NJA127" s="26"/>
      <c r="NJB127" s="26"/>
      <c r="NJC127" s="26"/>
      <c r="NJD127" s="26"/>
      <c r="NJE127" s="26"/>
      <c r="NJF127" s="26"/>
      <c r="NJG127" s="26"/>
      <c r="NJH127" s="26"/>
      <c r="NJI127" s="26"/>
      <c r="NJJ127" s="26"/>
      <c r="NJK127" s="26"/>
      <c r="NJL127" s="26"/>
      <c r="NJM127" s="26"/>
      <c r="NJN127" s="26"/>
      <c r="NJO127" s="26"/>
      <c r="NJP127" s="26"/>
      <c r="NJQ127" s="26"/>
      <c r="NJR127" s="26"/>
      <c r="NJS127" s="26"/>
      <c r="NJT127" s="26"/>
      <c r="NJU127" s="26"/>
      <c r="NJV127" s="26"/>
      <c r="NJW127" s="26"/>
      <c r="NJX127" s="26"/>
      <c r="NJY127" s="26"/>
      <c r="NJZ127" s="26"/>
      <c r="NKA127" s="26"/>
      <c r="NKB127" s="26"/>
      <c r="NKC127" s="26"/>
      <c r="NKD127" s="26"/>
      <c r="NKE127" s="26"/>
      <c r="NKF127" s="26"/>
      <c r="NKG127" s="26"/>
      <c r="NKH127" s="26"/>
      <c r="NKI127" s="26"/>
      <c r="NKJ127" s="26"/>
      <c r="NKK127" s="26"/>
      <c r="NKL127" s="26"/>
      <c r="NKM127" s="26"/>
      <c r="NKN127" s="26"/>
      <c r="NKO127" s="26"/>
      <c r="NKP127" s="26"/>
      <c r="NKQ127" s="26"/>
      <c r="NKR127" s="26"/>
      <c r="NKS127" s="26"/>
      <c r="NKT127" s="26"/>
      <c r="NKU127" s="26"/>
      <c r="NKV127" s="26"/>
      <c r="NKW127" s="26"/>
      <c r="NKX127" s="26"/>
      <c r="NKY127" s="26"/>
      <c r="NKZ127" s="26"/>
      <c r="NLA127" s="26"/>
      <c r="NLB127" s="26"/>
      <c r="NLC127" s="26"/>
      <c r="NLD127" s="26"/>
      <c r="NLE127" s="26"/>
      <c r="NLF127" s="26"/>
      <c r="NLG127" s="26"/>
      <c r="NLH127" s="26"/>
      <c r="NLI127" s="26"/>
      <c r="NLJ127" s="26"/>
      <c r="NLK127" s="26"/>
      <c r="NLL127" s="26"/>
      <c r="NLM127" s="26"/>
      <c r="NLN127" s="26"/>
      <c r="NLO127" s="26"/>
      <c r="NLP127" s="26"/>
      <c r="NLQ127" s="26"/>
      <c r="NLR127" s="26"/>
      <c r="NLS127" s="26"/>
      <c r="NLT127" s="26"/>
      <c r="NLU127" s="26"/>
      <c r="NLV127" s="26"/>
      <c r="NLW127" s="26"/>
      <c r="NLX127" s="26"/>
      <c r="NLY127" s="26"/>
      <c r="NLZ127" s="26"/>
      <c r="NMA127" s="26"/>
      <c r="NMB127" s="26"/>
      <c r="NMC127" s="26"/>
      <c r="NMD127" s="26"/>
      <c r="NME127" s="26"/>
      <c r="NMF127" s="26"/>
      <c r="NMG127" s="26"/>
      <c r="NMH127" s="26"/>
      <c r="NMI127" s="26"/>
      <c r="NMJ127" s="26"/>
      <c r="NMK127" s="26"/>
      <c r="NML127" s="26"/>
      <c r="NMM127" s="26"/>
      <c r="NMN127" s="26"/>
      <c r="NMO127" s="26"/>
      <c r="NMP127" s="26"/>
      <c r="NMQ127" s="26"/>
      <c r="NMR127" s="26"/>
      <c r="NMS127" s="26"/>
      <c r="NMT127" s="26"/>
      <c r="NMU127" s="26"/>
      <c r="NMV127" s="26"/>
      <c r="NMW127" s="26"/>
      <c r="NMX127" s="26"/>
      <c r="NMY127" s="26"/>
      <c r="NMZ127" s="26"/>
      <c r="NNA127" s="26"/>
      <c r="NNB127" s="26"/>
      <c r="NNC127" s="26"/>
      <c r="NND127" s="26"/>
      <c r="NNE127" s="26"/>
      <c r="NNF127" s="26"/>
      <c r="NNG127" s="26"/>
      <c r="NNH127" s="26"/>
      <c r="NNI127" s="26"/>
      <c r="NNJ127" s="26"/>
      <c r="NNK127" s="26"/>
      <c r="NNL127" s="26"/>
      <c r="NNM127" s="26"/>
      <c r="NNN127" s="26"/>
      <c r="NNO127" s="26"/>
      <c r="NNP127" s="26"/>
      <c r="NNQ127" s="26"/>
      <c r="NNR127" s="26"/>
      <c r="NNS127" s="26"/>
      <c r="NNT127" s="26"/>
      <c r="NNU127" s="26"/>
      <c r="NNV127" s="26"/>
      <c r="NNW127" s="26"/>
      <c r="NNX127" s="26"/>
      <c r="NNY127" s="26"/>
      <c r="NNZ127" s="26"/>
      <c r="NOA127" s="26"/>
      <c r="NOB127" s="26"/>
      <c r="NOC127" s="26"/>
      <c r="NOD127" s="26"/>
      <c r="NOE127" s="26"/>
      <c r="NOF127" s="26"/>
      <c r="NOG127" s="26"/>
      <c r="NOH127" s="26"/>
      <c r="NOI127" s="26"/>
      <c r="NOJ127" s="26"/>
      <c r="NOK127" s="26"/>
      <c r="NOL127" s="26"/>
      <c r="NOM127" s="26"/>
      <c r="NON127" s="26"/>
      <c r="NOO127" s="26"/>
      <c r="NOP127" s="26"/>
      <c r="NOQ127" s="26"/>
      <c r="NOR127" s="26"/>
      <c r="NOS127" s="26"/>
      <c r="NOT127" s="26"/>
      <c r="NOU127" s="26"/>
      <c r="NOV127" s="26"/>
      <c r="NOW127" s="26"/>
      <c r="NOX127" s="26"/>
      <c r="NOY127" s="26"/>
      <c r="NOZ127" s="26"/>
      <c r="NPA127" s="26"/>
      <c r="NPB127" s="26"/>
      <c r="NPC127" s="26"/>
      <c r="NPD127" s="26"/>
      <c r="NPE127" s="26"/>
      <c r="NPF127" s="26"/>
      <c r="NPG127" s="26"/>
      <c r="NPH127" s="26"/>
      <c r="NPI127" s="26"/>
      <c r="NPJ127" s="26"/>
      <c r="NPK127" s="26"/>
      <c r="NPL127" s="26"/>
      <c r="NPM127" s="26"/>
      <c r="NPN127" s="26"/>
      <c r="NPO127" s="26"/>
      <c r="NPP127" s="26"/>
      <c r="NPQ127" s="26"/>
      <c r="NPR127" s="26"/>
      <c r="NPS127" s="26"/>
      <c r="NPT127" s="26"/>
      <c r="NPU127" s="26"/>
      <c r="NPV127" s="26"/>
      <c r="NPW127" s="26"/>
      <c r="NPX127" s="26"/>
      <c r="NPY127" s="26"/>
      <c r="NPZ127" s="26"/>
      <c r="NQA127" s="26"/>
      <c r="NQB127" s="26"/>
      <c r="NQC127" s="26"/>
      <c r="NQD127" s="26"/>
      <c r="NQE127" s="26"/>
      <c r="NQF127" s="26"/>
      <c r="NQG127" s="26"/>
      <c r="NQH127" s="26"/>
      <c r="NQI127" s="26"/>
      <c r="NQJ127" s="26"/>
      <c r="NQK127" s="26"/>
      <c r="NQL127" s="26"/>
      <c r="NQM127" s="26"/>
      <c r="NQN127" s="26"/>
      <c r="NQO127" s="26"/>
      <c r="NQP127" s="26"/>
      <c r="NQQ127" s="26"/>
      <c r="NQR127" s="26"/>
      <c r="NQS127" s="26"/>
      <c r="NQT127" s="26"/>
      <c r="NQU127" s="26"/>
      <c r="NQV127" s="26"/>
      <c r="NQW127" s="26"/>
      <c r="NQX127" s="26"/>
      <c r="NQY127" s="26"/>
      <c r="NQZ127" s="26"/>
      <c r="NRA127" s="26"/>
      <c r="NRB127" s="26"/>
      <c r="NRC127" s="26"/>
      <c r="NRD127" s="26"/>
      <c r="NRE127" s="26"/>
      <c r="NRF127" s="26"/>
      <c r="NRG127" s="26"/>
      <c r="NRH127" s="26"/>
      <c r="NRI127" s="26"/>
      <c r="NRJ127" s="26"/>
      <c r="NRK127" s="26"/>
      <c r="NRL127" s="26"/>
      <c r="NRM127" s="26"/>
      <c r="NRN127" s="26"/>
      <c r="NRO127" s="26"/>
      <c r="NRP127" s="26"/>
      <c r="NRQ127" s="26"/>
      <c r="NRR127" s="26"/>
      <c r="NRS127" s="26"/>
      <c r="NRT127" s="26"/>
      <c r="NRU127" s="26"/>
      <c r="NRV127" s="26"/>
      <c r="NRW127" s="26"/>
      <c r="NRX127" s="26"/>
      <c r="NRY127" s="26"/>
      <c r="NRZ127" s="26"/>
      <c r="NSA127" s="26"/>
      <c r="NSB127" s="26"/>
      <c r="NSC127" s="26"/>
      <c r="NSD127" s="26"/>
      <c r="NSE127" s="26"/>
      <c r="NSF127" s="26"/>
      <c r="NSG127" s="26"/>
      <c r="NSH127" s="26"/>
      <c r="NSI127" s="26"/>
      <c r="NSJ127" s="26"/>
      <c r="NSK127" s="26"/>
      <c r="NSL127" s="26"/>
      <c r="NSM127" s="26"/>
      <c r="NSN127" s="26"/>
      <c r="NSO127" s="26"/>
      <c r="NSP127" s="26"/>
      <c r="NSQ127" s="26"/>
      <c r="NSR127" s="26"/>
      <c r="NSS127" s="26"/>
      <c r="NST127" s="26"/>
      <c r="NSU127" s="26"/>
      <c r="NSV127" s="26"/>
      <c r="NSW127" s="26"/>
      <c r="NSX127" s="26"/>
      <c r="NSY127" s="26"/>
      <c r="NSZ127" s="26"/>
      <c r="NTA127" s="26"/>
      <c r="NTB127" s="26"/>
      <c r="NTC127" s="26"/>
      <c r="NTD127" s="26"/>
      <c r="NTE127" s="26"/>
      <c r="NTF127" s="26"/>
      <c r="NTG127" s="26"/>
      <c r="NTH127" s="26"/>
      <c r="NTI127" s="26"/>
      <c r="NTJ127" s="26"/>
      <c r="NTK127" s="26"/>
      <c r="NTL127" s="26"/>
      <c r="NTM127" s="26"/>
      <c r="NTN127" s="26"/>
      <c r="NTO127" s="26"/>
      <c r="NTP127" s="26"/>
      <c r="NTQ127" s="26"/>
      <c r="NTR127" s="26"/>
      <c r="NTS127" s="26"/>
      <c r="NTT127" s="26"/>
      <c r="NTU127" s="26"/>
      <c r="NTV127" s="26"/>
      <c r="NTW127" s="26"/>
      <c r="NTX127" s="26"/>
      <c r="NTY127" s="26"/>
      <c r="NTZ127" s="26"/>
      <c r="NUA127" s="26"/>
      <c r="NUB127" s="26"/>
      <c r="NUC127" s="26"/>
      <c r="NUD127" s="26"/>
      <c r="NUE127" s="26"/>
      <c r="NUF127" s="26"/>
      <c r="NUG127" s="26"/>
      <c r="NUH127" s="26"/>
      <c r="NUI127" s="26"/>
      <c r="NUJ127" s="26"/>
      <c r="NUK127" s="26"/>
      <c r="NUL127" s="26"/>
      <c r="NUM127" s="26"/>
      <c r="NUN127" s="26"/>
      <c r="NUO127" s="26"/>
      <c r="NUP127" s="26"/>
      <c r="NUQ127" s="26"/>
      <c r="NUR127" s="26"/>
      <c r="NUS127" s="26"/>
      <c r="NUT127" s="26"/>
      <c r="NUU127" s="26"/>
      <c r="NUV127" s="26"/>
      <c r="NUW127" s="26"/>
      <c r="NUX127" s="26"/>
      <c r="NUY127" s="26"/>
      <c r="NUZ127" s="26"/>
      <c r="NVA127" s="26"/>
      <c r="NVB127" s="26"/>
      <c r="NVC127" s="26"/>
      <c r="NVD127" s="26"/>
      <c r="NVE127" s="26"/>
      <c r="NVF127" s="26"/>
      <c r="NVG127" s="26"/>
      <c r="NVH127" s="26"/>
      <c r="NVI127" s="26"/>
      <c r="NVJ127" s="26"/>
      <c r="NVK127" s="26"/>
      <c r="NVL127" s="26"/>
      <c r="NVM127" s="26"/>
      <c r="NVN127" s="26"/>
      <c r="NVO127" s="26"/>
      <c r="NVP127" s="26"/>
      <c r="NVQ127" s="26"/>
      <c r="NVR127" s="26"/>
      <c r="NVS127" s="26"/>
      <c r="NVT127" s="26"/>
      <c r="NVU127" s="26"/>
      <c r="NVV127" s="26"/>
      <c r="NVW127" s="26"/>
      <c r="NVX127" s="26"/>
      <c r="NVY127" s="26"/>
      <c r="NVZ127" s="26"/>
      <c r="NWA127" s="26"/>
      <c r="NWB127" s="26"/>
      <c r="NWC127" s="26"/>
      <c r="NWD127" s="26"/>
      <c r="NWE127" s="26"/>
      <c r="NWF127" s="26"/>
      <c r="NWG127" s="26"/>
      <c r="NWH127" s="26"/>
      <c r="NWI127" s="26"/>
      <c r="NWJ127" s="26"/>
      <c r="NWK127" s="26"/>
      <c r="NWL127" s="26"/>
      <c r="NWM127" s="26"/>
      <c r="NWN127" s="26"/>
      <c r="NWO127" s="26"/>
      <c r="NWP127" s="26"/>
      <c r="NWQ127" s="26"/>
      <c r="NWR127" s="26"/>
      <c r="NWS127" s="26"/>
      <c r="NWT127" s="26"/>
      <c r="NWU127" s="26"/>
      <c r="NWV127" s="26"/>
      <c r="NWW127" s="26"/>
      <c r="NWX127" s="26"/>
      <c r="NWY127" s="26"/>
      <c r="NWZ127" s="26"/>
      <c r="NXA127" s="26"/>
      <c r="NXB127" s="26"/>
      <c r="NXC127" s="26"/>
      <c r="NXD127" s="26"/>
      <c r="NXE127" s="26"/>
      <c r="NXF127" s="26"/>
      <c r="NXG127" s="26"/>
      <c r="NXH127" s="26"/>
      <c r="NXI127" s="26"/>
      <c r="NXJ127" s="26"/>
      <c r="NXK127" s="26"/>
      <c r="NXL127" s="26"/>
      <c r="NXM127" s="26"/>
      <c r="NXN127" s="26"/>
      <c r="NXO127" s="26"/>
      <c r="NXP127" s="26"/>
      <c r="NXQ127" s="26"/>
      <c r="NXR127" s="26"/>
      <c r="NXS127" s="26"/>
      <c r="NXT127" s="26"/>
      <c r="NXU127" s="26"/>
      <c r="NXV127" s="26"/>
      <c r="NXW127" s="26"/>
      <c r="NXX127" s="26"/>
      <c r="NXY127" s="26"/>
      <c r="NXZ127" s="26"/>
      <c r="NYA127" s="26"/>
      <c r="NYB127" s="26"/>
      <c r="NYC127" s="26"/>
      <c r="NYD127" s="26"/>
      <c r="NYE127" s="26"/>
      <c r="NYF127" s="26"/>
      <c r="NYG127" s="26"/>
      <c r="NYH127" s="26"/>
      <c r="NYI127" s="26"/>
      <c r="NYJ127" s="26"/>
      <c r="NYK127" s="26"/>
      <c r="NYL127" s="26"/>
      <c r="NYM127" s="26"/>
      <c r="NYN127" s="26"/>
      <c r="NYO127" s="26"/>
      <c r="NYP127" s="26"/>
      <c r="NYQ127" s="26"/>
      <c r="NYR127" s="26"/>
      <c r="NYS127" s="26"/>
      <c r="NYT127" s="26"/>
      <c r="NYU127" s="26"/>
      <c r="NYV127" s="26"/>
      <c r="NYW127" s="26"/>
      <c r="NYX127" s="26"/>
      <c r="NYY127" s="26"/>
      <c r="NYZ127" s="26"/>
      <c r="NZA127" s="26"/>
      <c r="NZB127" s="26"/>
      <c r="NZC127" s="26"/>
      <c r="NZD127" s="26"/>
      <c r="NZE127" s="26"/>
      <c r="NZF127" s="26"/>
      <c r="NZG127" s="26"/>
      <c r="NZH127" s="26"/>
      <c r="NZI127" s="26"/>
      <c r="NZJ127" s="26"/>
      <c r="NZK127" s="26"/>
      <c r="NZL127" s="26"/>
      <c r="NZM127" s="26"/>
      <c r="NZN127" s="26"/>
      <c r="NZO127" s="26"/>
      <c r="NZP127" s="26"/>
      <c r="NZQ127" s="26"/>
      <c r="NZR127" s="26"/>
      <c r="NZS127" s="26"/>
      <c r="NZT127" s="26"/>
      <c r="NZU127" s="26"/>
      <c r="NZV127" s="26"/>
      <c r="NZW127" s="26"/>
      <c r="NZX127" s="26"/>
      <c r="NZY127" s="26"/>
      <c r="NZZ127" s="26"/>
      <c r="OAA127" s="26"/>
      <c r="OAB127" s="26"/>
      <c r="OAC127" s="26"/>
      <c r="OAD127" s="26"/>
      <c r="OAE127" s="26"/>
      <c r="OAF127" s="26"/>
      <c r="OAG127" s="26"/>
      <c r="OAH127" s="26"/>
      <c r="OAI127" s="26"/>
      <c r="OAJ127" s="26"/>
      <c r="OAK127" s="26"/>
      <c r="OAL127" s="26"/>
      <c r="OAM127" s="26"/>
      <c r="OAN127" s="26"/>
      <c r="OAO127" s="26"/>
      <c r="OAP127" s="26"/>
      <c r="OAQ127" s="26"/>
      <c r="OAR127" s="26"/>
      <c r="OAS127" s="26"/>
      <c r="OAT127" s="26"/>
      <c r="OAU127" s="26"/>
      <c r="OAV127" s="26"/>
      <c r="OAW127" s="26"/>
      <c r="OAX127" s="26"/>
      <c r="OAY127" s="26"/>
      <c r="OAZ127" s="26"/>
      <c r="OBA127" s="26"/>
      <c r="OBB127" s="26"/>
      <c r="OBC127" s="26"/>
      <c r="OBD127" s="26"/>
      <c r="OBE127" s="26"/>
      <c r="OBF127" s="26"/>
      <c r="OBG127" s="26"/>
      <c r="OBH127" s="26"/>
      <c r="OBI127" s="26"/>
      <c r="OBJ127" s="26"/>
      <c r="OBK127" s="26"/>
      <c r="OBL127" s="26"/>
      <c r="OBM127" s="26"/>
      <c r="OBN127" s="26"/>
      <c r="OBO127" s="26"/>
      <c r="OBP127" s="26"/>
      <c r="OBQ127" s="26"/>
      <c r="OBR127" s="26"/>
      <c r="OBS127" s="26"/>
      <c r="OBT127" s="26"/>
      <c r="OBU127" s="26"/>
      <c r="OBV127" s="26"/>
      <c r="OBW127" s="26"/>
      <c r="OBX127" s="26"/>
      <c r="OBY127" s="26"/>
      <c r="OBZ127" s="26"/>
      <c r="OCA127" s="26"/>
      <c r="OCB127" s="26"/>
      <c r="OCC127" s="26"/>
      <c r="OCD127" s="26"/>
      <c r="OCE127" s="26"/>
      <c r="OCF127" s="26"/>
      <c r="OCG127" s="26"/>
      <c r="OCH127" s="26"/>
      <c r="OCI127" s="26"/>
      <c r="OCJ127" s="26"/>
      <c r="OCK127" s="26"/>
      <c r="OCL127" s="26"/>
      <c r="OCM127" s="26"/>
      <c r="OCN127" s="26"/>
      <c r="OCO127" s="26"/>
      <c r="OCP127" s="26"/>
      <c r="OCQ127" s="26"/>
      <c r="OCR127" s="26"/>
      <c r="OCS127" s="26"/>
      <c r="OCT127" s="26"/>
      <c r="OCU127" s="26"/>
      <c r="OCV127" s="26"/>
      <c r="OCW127" s="26"/>
      <c r="OCX127" s="26"/>
      <c r="OCY127" s="26"/>
      <c r="OCZ127" s="26"/>
      <c r="ODA127" s="26"/>
      <c r="ODB127" s="26"/>
      <c r="ODC127" s="26"/>
      <c r="ODD127" s="26"/>
      <c r="ODE127" s="26"/>
      <c r="ODF127" s="26"/>
      <c r="ODG127" s="26"/>
      <c r="ODH127" s="26"/>
      <c r="ODI127" s="26"/>
      <c r="ODJ127" s="26"/>
      <c r="ODK127" s="26"/>
      <c r="ODL127" s="26"/>
      <c r="ODM127" s="26"/>
      <c r="ODN127" s="26"/>
      <c r="ODO127" s="26"/>
      <c r="ODP127" s="26"/>
      <c r="ODQ127" s="26"/>
      <c r="ODR127" s="26"/>
      <c r="ODS127" s="26"/>
      <c r="ODT127" s="26"/>
      <c r="ODU127" s="26"/>
      <c r="ODV127" s="26"/>
      <c r="ODW127" s="26"/>
      <c r="ODX127" s="26"/>
      <c r="ODY127" s="26"/>
      <c r="ODZ127" s="26"/>
      <c r="OEA127" s="26"/>
      <c r="OEB127" s="26"/>
      <c r="OEC127" s="26"/>
      <c r="OED127" s="26"/>
      <c r="OEE127" s="26"/>
      <c r="OEF127" s="26"/>
      <c r="OEG127" s="26"/>
      <c r="OEH127" s="26"/>
      <c r="OEI127" s="26"/>
      <c r="OEJ127" s="26"/>
      <c r="OEK127" s="26"/>
      <c r="OEL127" s="26"/>
      <c r="OEM127" s="26"/>
      <c r="OEN127" s="26"/>
      <c r="OEO127" s="26"/>
      <c r="OEP127" s="26"/>
      <c r="OEQ127" s="26"/>
      <c r="OER127" s="26"/>
      <c r="OES127" s="26"/>
      <c r="OET127" s="26"/>
      <c r="OEU127" s="26"/>
      <c r="OEV127" s="26"/>
      <c r="OEW127" s="26"/>
      <c r="OEX127" s="26"/>
      <c r="OEY127" s="26"/>
      <c r="OEZ127" s="26"/>
      <c r="OFA127" s="26"/>
      <c r="OFB127" s="26"/>
      <c r="OFC127" s="26"/>
      <c r="OFD127" s="26"/>
      <c r="OFE127" s="26"/>
      <c r="OFF127" s="26"/>
      <c r="OFG127" s="26"/>
      <c r="OFH127" s="26"/>
      <c r="OFI127" s="26"/>
      <c r="OFJ127" s="26"/>
      <c r="OFK127" s="26"/>
      <c r="OFL127" s="26"/>
      <c r="OFM127" s="26"/>
      <c r="OFN127" s="26"/>
      <c r="OFO127" s="26"/>
      <c r="OFP127" s="26"/>
      <c r="OFQ127" s="26"/>
      <c r="OFR127" s="26"/>
      <c r="OFS127" s="26"/>
      <c r="OFT127" s="26"/>
      <c r="OFU127" s="26"/>
      <c r="OFV127" s="26"/>
      <c r="OFW127" s="26"/>
      <c r="OFX127" s="26"/>
      <c r="OFY127" s="26"/>
      <c r="OFZ127" s="26"/>
      <c r="OGA127" s="26"/>
      <c r="OGB127" s="26"/>
      <c r="OGC127" s="26"/>
      <c r="OGD127" s="26"/>
      <c r="OGE127" s="26"/>
      <c r="OGF127" s="26"/>
      <c r="OGG127" s="26"/>
      <c r="OGH127" s="26"/>
      <c r="OGI127" s="26"/>
      <c r="OGJ127" s="26"/>
      <c r="OGK127" s="26"/>
      <c r="OGL127" s="26"/>
      <c r="OGM127" s="26"/>
      <c r="OGN127" s="26"/>
      <c r="OGO127" s="26"/>
      <c r="OGP127" s="26"/>
      <c r="OGQ127" s="26"/>
      <c r="OGR127" s="26"/>
      <c r="OGS127" s="26"/>
      <c r="OGT127" s="26"/>
      <c r="OGU127" s="26"/>
      <c r="OGV127" s="26"/>
      <c r="OGW127" s="26"/>
      <c r="OGX127" s="26"/>
      <c r="OGY127" s="26"/>
      <c r="OGZ127" s="26"/>
      <c r="OHA127" s="26"/>
      <c r="OHB127" s="26"/>
      <c r="OHC127" s="26"/>
      <c r="OHD127" s="26"/>
      <c r="OHE127" s="26"/>
      <c r="OHF127" s="26"/>
      <c r="OHG127" s="26"/>
      <c r="OHH127" s="26"/>
      <c r="OHI127" s="26"/>
      <c r="OHJ127" s="26"/>
      <c r="OHK127" s="26"/>
      <c r="OHL127" s="26"/>
      <c r="OHM127" s="26"/>
      <c r="OHN127" s="26"/>
      <c r="OHO127" s="26"/>
      <c r="OHP127" s="26"/>
      <c r="OHQ127" s="26"/>
      <c r="OHR127" s="26"/>
      <c r="OHS127" s="26"/>
      <c r="OHT127" s="26"/>
      <c r="OHU127" s="26"/>
      <c r="OHV127" s="26"/>
      <c r="OHW127" s="26"/>
      <c r="OHX127" s="26"/>
      <c r="OHY127" s="26"/>
      <c r="OHZ127" s="26"/>
      <c r="OIA127" s="26"/>
      <c r="OIB127" s="26"/>
      <c r="OIC127" s="26"/>
      <c r="OID127" s="26"/>
      <c r="OIE127" s="26"/>
      <c r="OIF127" s="26"/>
      <c r="OIG127" s="26"/>
      <c r="OIH127" s="26"/>
      <c r="OII127" s="26"/>
      <c r="OIJ127" s="26"/>
      <c r="OIK127" s="26"/>
      <c r="OIL127" s="26"/>
      <c r="OIM127" s="26"/>
      <c r="OIN127" s="26"/>
      <c r="OIO127" s="26"/>
      <c r="OIP127" s="26"/>
      <c r="OIQ127" s="26"/>
      <c r="OIR127" s="26"/>
      <c r="OIS127" s="26"/>
      <c r="OIT127" s="26"/>
      <c r="OIU127" s="26"/>
      <c r="OIV127" s="26"/>
      <c r="OIW127" s="26"/>
      <c r="OIX127" s="26"/>
      <c r="OIY127" s="26"/>
      <c r="OIZ127" s="26"/>
      <c r="OJA127" s="26"/>
      <c r="OJB127" s="26"/>
      <c r="OJC127" s="26"/>
      <c r="OJD127" s="26"/>
      <c r="OJE127" s="26"/>
      <c r="OJF127" s="26"/>
      <c r="OJG127" s="26"/>
      <c r="OJH127" s="26"/>
      <c r="OJI127" s="26"/>
      <c r="OJJ127" s="26"/>
      <c r="OJK127" s="26"/>
      <c r="OJL127" s="26"/>
      <c r="OJM127" s="26"/>
      <c r="OJN127" s="26"/>
      <c r="OJO127" s="26"/>
      <c r="OJP127" s="26"/>
      <c r="OJQ127" s="26"/>
      <c r="OJR127" s="26"/>
      <c r="OJS127" s="26"/>
      <c r="OJT127" s="26"/>
      <c r="OJU127" s="26"/>
      <c r="OJV127" s="26"/>
      <c r="OJW127" s="26"/>
      <c r="OJX127" s="26"/>
      <c r="OJY127" s="26"/>
      <c r="OJZ127" s="26"/>
      <c r="OKA127" s="26"/>
      <c r="OKB127" s="26"/>
      <c r="OKC127" s="26"/>
      <c r="OKD127" s="26"/>
      <c r="OKE127" s="26"/>
      <c r="OKF127" s="26"/>
      <c r="OKG127" s="26"/>
      <c r="OKH127" s="26"/>
      <c r="OKI127" s="26"/>
      <c r="OKJ127" s="26"/>
      <c r="OKK127" s="26"/>
      <c r="OKL127" s="26"/>
      <c r="OKM127" s="26"/>
      <c r="OKN127" s="26"/>
      <c r="OKO127" s="26"/>
      <c r="OKP127" s="26"/>
      <c r="OKQ127" s="26"/>
      <c r="OKR127" s="26"/>
      <c r="OKS127" s="26"/>
      <c r="OKT127" s="26"/>
      <c r="OKU127" s="26"/>
      <c r="OKV127" s="26"/>
      <c r="OKW127" s="26"/>
      <c r="OKX127" s="26"/>
      <c r="OKY127" s="26"/>
      <c r="OKZ127" s="26"/>
      <c r="OLA127" s="26"/>
      <c r="OLB127" s="26"/>
      <c r="OLC127" s="26"/>
      <c r="OLD127" s="26"/>
      <c r="OLE127" s="26"/>
      <c r="OLF127" s="26"/>
      <c r="OLG127" s="26"/>
      <c r="OLH127" s="26"/>
      <c r="OLI127" s="26"/>
      <c r="OLJ127" s="26"/>
      <c r="OLK127" s="26"/>
      <c r="OLL127" s="26"/>
      <c r="OLM127" s="26"/>
      <c r="OLN127" s="26"/>
      <c r="OLO127" s="26"/>
      <c r="OLP127" s="26"/>
      <c r="OLQ127" s="26"/>
      <c r="OLR127" s="26"/>
      <c r="OLS127" s="26"/>
      <c r="OLT127" s="26"/>
      <c r="OLU127" s="26"/>
      <c r="OLV127" s="26"/>
      <c r="OLW127" s="26"/>
      <c r="OLX127" s="26"/>
      <c r="OLY127" s="26"/>
      <c r="OLZ127" s="26"/>
      <c r="OMA127" s="26"/>
      <c r="OMB127" s="26"/>
      <c r="OMC127" s="26"/>
      <c r="OMD127" s="26"/>
      <c r="OME127" s="26"/>
      <c r="OMF127" s="26"/>
      <c r="OMG127" s="26"/>
      <c r="OMH127" s="26"/>
      <c r="OMI127" s="26"/>
      <c r="OMJ127" s="26"/>
      <c r="OMK127" s="26"/>
      <c r="OML127" s="26"/>
      <c r="OMM127" s="26"/>
      <c r="OMN127" s="26"/>
      <c r="OMO127" s="26"/>
      <c r="OMP127" s="26"/>
      <c r="OMQ127" s="26"/>
      <c r="OMR127" s="26"/>
      <c r="OMS127" s="26"/>
      <c r="OMT127" s="26"/>
      <c r="OMU127" s="26"/>
      <c r="OMV127" s="26"/>
      <c r="OMW127" s="26"/>
      <c r="OMX127" s="26"/>
      <c r="OMY127" s="26"/>
      <c r="OMZ127" s="26"/>
      <c r="ONA127" s="26"/>
      <c r="ONB127" s="26"/>
      <c r="ONC127" s="26"/>
      <c r="OND127" s="26"/>
      <c r="ONE127" s="26"/>
      <c r="ONF127" s="26"/>
      <c r="ONG127" s="26"/>
      <c r="ONH127" s="26"/>
      <c r="ONI127" s="26"/>
      <c r="ONJ127" s="26"/>
      <c r="ONK127" s="26"/>
      <c r="ONL127" s="26"/>
      <c r="ONM127" s="26"/>
      <c r="ONN127" s="26"/>
      <c r="ONO127" s="26"/>
      <c r="ONP127" s="26"/>
      <c r="ONQ127" s="26"/>
      <c r="ONR127" s="26"/>
      <c r="ONS127" s="26"/>
      <c r="ONT127" s="26"/>
      <c r="ONU127" s="26"/>
      <c r="ONV127" s="26"/>
      <c r="ONW127" s="26"/>
      <c r="ONX127" s="26"/>
      <c r="ONY127" s="26"/>
      <c r="ONZ127" s="26"/>
      <c r="OOA127" s="26"/>
      <c r="OOB127" s="26"/>
      <c r="OOC127" s="26"/>
      <c r="OOD127" s="26"/>
      <c r="OOE127" s="26"/>
      <c r="OOF127" s="26"/>
      <c r="OOG127" s="26"/>
      <c r="OOH127" s="26"/>
      <c r="OOI127" s="26"/>
      <c r="OOJ127" s="26"/>
      <c r="OOK127" s="26"/>
      <c r="OOL127" s="26"/>
      <c r="OOM127" s="26"/>
      <c r="OON127" s="26"/>
      <c r="OOO127" s="26"/>
      <c r="OOP127" s="26"/>
      <c r="OOQ127" s="26"/>
      <c r="OOR127" s="26"/>
      <c r="OOS127" s="26"/>
      <c r="OOT127" s="26"/>
      <c r="OOU127" s="26"/>
      <c r="OOV127" s="26"/>
      <c r="OOW127" s="26"/>
      <c r="OOX127" s="26"/>
      <c r="OOY127" s="26"/>
      <c r="OOZ127" s="26"/>
      <c r="OPA127" s="26"/>
      <c r="OPB127" s="26"/>
      <c r="OPC127" s="26"/>
      <c r="OPD127" s="26"/>
      <c r="OPE127" s="26"/>
      <c r="OPF127" s="26"/>
      <c r="OPG127" s="26"/>
      <c r="OPH127" s="26"/>
      <c r="OPI127" s="26"/>
      <c r="OPJ127" s="26"/>
      <c r="OPK127" s="26"/>
      <c r="OPL127" s="26"/>
      <c r="OPM127" s="26"/>
      <c r="OPN127" s="26"/>
      <c r="OPO127" s="26"/>
      <c r="OPP127" s="26"/>
      <c r="OPQ127" s="26"/>
      <c r="OPR127" s="26"/>
      <c r="OPS127" s="26"/>
      <c r="OPT127" s="26"/>
      <c r="OPU127" s="26"/>
      <c r="OPV127" s="26"/>
      <c r="OPW127" s="26"/>
      <c r="OPX127" s="26"/>
      <c r="OPY127" s="26"/>
      <c r="OPZ127" s="26"/>
      <c r="OQA127" s="26"/>
      <c r="OQB127" s="26"/>
      <c r="OQC127" s="26"/>
      <c r="OQD127" s="26"/>
      <c r="OQE127" s="26"/>
      <c r="OQF127" s="26"/>
      <c r="OQG127" s="26"/>
      <c r="OQH127" s="26"/>
      <c r="OQI127" s="26"/>
      <c r="OQJ127" s="26"/>
      <c r="OQK127" s="26"/>
      <c r="OQL127" s="26"/>
      <c r="OQM127" s="26"/>
      <c r="OQN127" s="26"/>
      <c r="OQO127" s="26"/>
      <c r="OQP127" s="26"/>
      <c r="OQQ127" s="26"/>
      <c r="OQR127" s="26"/>
      <c r="OQS127" s="26"/>
      <c r="OQT127" s="26"/>
      <c r="OQU127" s="26"/>
      <c r="OQV127" s="26"/>
      <c r="OQW127" s="26"/>
      <c r="OQX127" s="26"/>
      <c r="OQY127" s="26"/>
      <c r="OQZ127" s="26"/>
      <c r="ORA127" s="26"/>
      <c r="ORB127" s="26"/>
      <c r="ORC127" s="26"/>
      <c r="ORD127" s="26"/>
      <c r="ORE127" s="26"/>
      <c r="ORF127" s="26"/>
      <c r="ORG127" s="26"/>
      <c r="ORH127" s="26"/>
      <c r="ORI127" s="26"/>
      <c r="ORJ127" s="26"/>
      <c r="ORK127" s="26"/>
      <c r="ORL127" s="26"/>
      <c r="ORM127" s="26"/>
      <c r="ORN127" s="26"/>
      <c r="ORO127" s="26"/>
      <c r="ORP127" s="26"/>
      <c r="ORQ127" s="26"/>
      <c r="ORR127" s="26"/>
      <c r="ORS127" s="26"/>
      <c r="ORT127" s="26"/>
      <c r="ORU127" s="26"/>
      <c r="ORV127" s="26"/>
      <c r="ORW127" s="26"/>
      <c r="ORX127" s="26"/>
      <c r="ORY127" s="26"/>
      <c r="ORZ127" s="26"/>
      <c r="OSA127" s="26"/>
      <c r="OSB127" s="26"/>
      <c r="OSC127" s="26"/>
      <c r="OSD127" s="26"/>
      <c r="OSE127" s="26"/>
      <c r="OSF127" s="26"/>
      <c r="OSG127" s="26"/>
      <c r="OSH127" s="26"/>
      <c r="OSI127" s="26"/>
      <c r="OSJ127" s="26"/>
      <c r="OSK127" s="26"/>
      <c r="OSL127" s="26"/>
      <c r="OSM127" s="26"/>
      <c r="OSN127" s="26"/>
      <c r="OSO127" s="26"/>
      <c r="OSP127" s="26"/>
      <c r="OSQ127" s="26"/>
      <c r="OSR127" s="26"/>
      <c r="OSS127" s="26"/>
      <c r="OST127" s="26"/>
      <c r="OSU127" s="26"/>
      <c r="OSV127" s="26"/>
      <c r="OSW127" s="26"/>
      <c r="OSX127" s="26"/>
      <c r="OSY127" s="26"/>
      <c r="OSZ127" s="26"/>
      <c r="OTA127" s="26"/>
      <c r="OTB127" s="26"/>
      <c r="OTC127" s="26"/>
      <c r="OTD127" s="26"/>
      <c r="OTE127" s="26"/>
      <c r="OTF127" s="26"/>
      <c r="OTG127" s="26"/>
      <c r="OTH127" s="26"/>
      <c r="OTI127" s="26"/>
      <c r="OTJ127" s="26"/>
      <c r="OTK127" s="26"/>
      <c r="OTL127" s="26"/>
      <c r="OTM127" s="26"/>
      <c r="OTN127" s="26"/>
      <c r="OTO127" s="26"/>
      <c r="OTP127" s="26"/>
      <c r="OTQ127" s="26"/>
      <c r="OTR127" s="26"/>
      <c r="OTS127" s="26"/>
      <c r="OTT127" s="26"/>
      <c r="OTU127" s="26"/>
      <c r="OTV127" s="26"/>
      <c r="OTW127" s="26"/>
      <c r="OTX127" s="26"/>
      <c r="OTY127" s="26"/>
      <c r="OTZ127" s="26"/>
      <c r="OUA127" s="26"/>
      <c r="OUB127" s="26"/>
      <c r="OUC127" s="26"/>
      <c r="OUD127" s="26"/>
      <c r="OUE127" s="26"/>
      <c r="OUF127" s="26"/>
      <c r="OUG127" s="26"/>
      <c r="OUH127" s="26"/>
      <c r="OUI127" s="26"/>
      <c r="OUJ127" s="26"/>
      <c r="OUK127" s="26"/>
      <c r="OUL127" s="26"/>
      <c r="OUM127" s="26"/>
      <c r="OUN127" s="26"/>
      <c r="OUO127" s="26"/>
      <c r="OUP127" s="26"/>
      <c r="OUQ127" s="26"/>
      <c r="OUR127" s="26"/>
      <c r="OUS127" s="26"/>
      <c r="OUT127" s="26"/>
      <c r="OUU127" s="26"/>
      <c r="OUV127" s="26"/>
      <c r="OUW127" s="26"/>
      <c r="OUX127" s="26"/>
      <c r="OUY127" s="26"/>
      <c r="OUZ127" s="26"/>
      <c r="OVA127" s="26"/>
      <c r="OVB127" s="26"/>
      <c r="OVC127" s="26"/>
      <c r="OVD127" s="26"/>
      <c r="OVE127" s="26"/>
      <c r="OVF127" s="26"/>
      <c r="OVG127" s="26"/>
      <c r="OVH127" s="26"/>
      <c r="OVI127" s="26"/>
      <c r="OVJ127" s="26"/>
      <c r="OVK127" s="26"/>
      <c r="OVL127" s="26"/>
      <c r="OVM127" s="26"/>
      <c r="OVN127" s="26"/>
      <c r="OVO127" s="26"/>
      <c r="OVP127" s="26"/>
      <c r="OVQ127" s="26"/>
      <c r="OVR127" s="26"/>
      <c r="OVS127" s="26"/>
      <c r="OVT127" s="26"/>
      <c r="OVU127" s="26"/>
      <c r="OVV127" s="26"/>
      <c r="OVW127" s="26"/>
      <c r="OVX127" s="26"/>
      <c r="OVY127" s="26"/>
      <c r="OVZ127" s="26"/>
      <c r="OWA127" s="26"/>
      <c r="OWB127" s="26"/>
      <c r="OWC127" s="26"/>
      <c r="OWD127" s="26"/>
      <c r="OWE127" s="26"/>
      <c r="OWF127" s="26"/>
      <c r="OWG127" s="26"/>
      <c r="OWH127" s="26"/>
      <c r="OWI127" s="26"/>
      <c r="OWJ127" s="26"/>
      <c r="OWK127" s="26"/>
      <c r="OWL127" s="26"/>
      <c r="OWM127" s="26"/>
      <c r="OWN127" s="26"/>
      <c r="OWO127" s="26"/>
      <c r="OWP127" s="26"/>
      <c r="OWQ127" s="26"/>
      <c r="OWR127" s="26"/>
      <c r="OWS127" s="26"/>
      <c r="OWT127" s="26"/>
      <c r="OWU127" s="26"/>
      <c r="OWV127" s="26"/>
      <c r="OWW127" s="26"/>
      <c r="OWX127" s="26"/>
      <c r="OWY127" s="26"/>
      <c r="OWZ127" s="26"/>
      <c r="OXA127" s="26"/>
      <c r="OXB127" s="26"/>
      <c r="OXC127" s="26"/>
      <c r="OXD127" s="26"/>
      <c r="OXE127" s="26"/>
      <c r="OXF127" s="26"/>
      <c r="OXG127" s="26"/>
      <c r="OXH127" s="26"/>
      <c r="OXI127" s="26"/>
      <c r="OXJ127" s="26"/>
      <c r="OXK127" s="26"/>
      <c r="OXL127" s="26"/>
      <c r="OXM127" s="26"/>
      <c r="OXN127" s="26"/>
      <c r="OXO127" s="26"/>
      <c r="OXP127" s="26"/>
      <c r="OXQ127" s="26"/>
      <c r="OXR127" s="26"/>
      <c r="OXS127" s="26"/>
      <c r="OXT127" s="26"/>
      <c r="OXU127" s="26"/>
      <c r="OXV127" s="26"/>
      <c r="OXW127" s="26"/>
      <c r="OXX127" s="26"/>
      <c r="OXY127" s="26"/>
      <c r="OXZ127" s="26"/>
      <c r="OYA127" s="26"/>
      <c r="OYB127" s="26"/>
      <c r="OYC127" s="26"/>
      <c r="OYD127" s="26"/>
      <c r="OYE127" s="26"/>
      <c r="OYF127" s="26"/>
      <c r="OYG127" s="26"/>
      <c r="OYH127" s="26"/>
      <c r="OYI127" s="26"/>
      <c r="OYJ127" s="26"/>
      <c r="OYK127" s="26"/>
      <c r="OYL127" s="26"/>
      <c r="OYM127" s="26"/>
      <c r="OYN127" s="26"/>
      <c r="OYO127" s="26"/>
      <c r="OYP127" s="26"/>
      <c r="OYQ127" s="26"/>
      <c r="OYR127" s="26"/>
      <c r="OYS127" s="26"/>
      <c r="OYT127" s="26"/>
      <c r="OYU127" s="26"/>
      <c r="OYV127" s="26"/>
      <c r="OYW127" s="26"/>
      <c r="OYX127" s="26"/>
      <c r="OYY127" s="26"/>
      <c r="OYZ127" s="26"/>
      <c r="OZA127" s="26"/>
      <c r="OZB127" s="26"/>
      <c r="OZC127" s="26"/>
      <c r="OZD127" s="26"/>
      <c r="OZE127" s="26"/>
      <c r="OZF127" s="26"/>
      <c r="OZG127" s="26"/>
      <c r="OZH127" s="26"/>
      <c r="OZI127" s="26"/>
      <c r="OZJ127" s="26"/>
      <c r="OZK127" s="26"/>
      <c r="OZL127" s="26"/>
      <c r="OZM127" s="26"/>
      <c r="OZN127" s="26"/>
      <c r="OZO127" s="26"/>
      <c r="OZP127" s="26"/>
      <c r="OZQ127" s="26"/>
      <c r="OZR127" s="26"/>
      <c r="OZS127" s="26"/>
      <c r="OZT127" s="26"/>
      <c r="OZU127" s="26"/>
      <c r="OZV127" s="26"/>
      <c r="OZW127" s="26"/>
      <c r="OZX127" s="26"/>
      <c r="OZY127" s="26"/>
      <c r="OZZ127" s="26"/>
      <c r="PAA127" s="26"/>
      <c r="PAB127" s="26"/>
      <c r="PAC127" s="26"/>
      <c r="PAD127" s="26"/>
      <c r="PAE127" s="26"/>
      <c r="PAF127" s="26"/>
      <c r="PAG127" s="26"/>
      <c r="PAH127" s="26"/>
      <c r="PAI127" s="26"/>
      <c r="PAJ127" s="26"/>
      <c r="PAK127" s="26"/>
      <c r="PAL127" s="26"/>
      <c r="PAM127" s="26"/>
      <c r="PAN127" s="26"/>
      <c r="PAO127" s="26"/>
      <c r="PAP127" s="26"/>
      <c r="PAQ127" s="26"/>
      <c r="PAR127" s="26"/>
      <c r="PAS127" s="26"/>
      <c r="PAT127" s="26"/>
      <c r="PAU127" s="26"/>
      <c r="PAV127" s="26"/>
      <c r="PAW127" s="26"/>
      <c r="PAX127" s="26"/>
      <c r="PAY127" s="26"/>
      <c r="PAZ127" s="26"/>
      <c r="PBA127" s="26"/>
      <c r="PBB127" s="26"/>
      <c r="PBC127" s="26"/>
      <c r="PBD127" s="26"/>
      <c r="PBE127" s="26"/>
      <c r="PBF127" s="26"/>
      <c r="PBG127" s="26"/>
      <c r="PBH127" s="26"/>
      <c r="PBI127" s="26"/>
      <c r="PBJ127" s="26"/>
      <c r="PBK127" s="26"/>
      <c r="PBL127" s="26"/>
      <c r="PBM127" s="26"/>
      <c r="PBN127" s="26"/>
      <c r="PBO127" s="26"/>
      <c r="PBP127" s="26"/>
      <c r="PBQ127" s="26"/>
      <c r="PBR127" s="26"/>
      <c r="PBS127" s="26"/>
      <c r="PBT127" s="26"/>
      <c r="PBU127" s="26"/>
      <c r="PBV127" s="26"/>
      <c r="PBW127" s="26"/>
      <c r="PBX127" s="26"/>
      <c r="PBY127" s="26"/>
      <c r="PBZ127" s="26"/>
      <c r="PCA127" s="26"/>
      <c r="PCB127" s="26"/>
      <c r="PCC127" s="26"/>
      <c r="PCD127" s="26"/>
      <c r="PCE127" s="26"/>
      <c r="PCF127" s="26"/>
      <c r="PCG127" s="26"/>
      <c r="PCH127" s="26"/>
      <c r="PCI127" s="26"/>
      <c r="PCJ127" s="26"/>
      <c r="PCK127" s="26"/>
      <c r="PCL127" s="26"/>
      <c r="PCM127" s="26"/>
      <c r="PCN127" s="26"/>
      <c r="PCO127" s="26"/>
      <c r="PCP127" s="26"/>
      <c r="PCQ127" s="26"/>
      <c r="PCR127" s="26"/>
      <c r="PCS127" s="26"/>
      <c r="PCT127" s="26"/>
      <c r="PCU127" s="26"/>
      <c r="PCV127" s="26"/>
      <c r="PCW127" s="26"/>
      <c r="PCX127" s="26"/>
      <c r="PCY127" s="26"/>
      <c r="PCZ127" s="26"/>
      <c r="PDA127" s="26"/>
      <c r="PDB127" s="26"/>
      <c r="PDC127" s="26"/>
      <c r="PDD127" s="26"/>
      <c r="PDE127" s="26"/>
      <c r="PDF127" s="26"/>
      <c r="PDG127" s="26"/>
      <c r="PDH127" s="26"/>
      <c r="PDI127" s="26"/>
      <c r="PDJ127" s="26"/>
      <c r="PDK127" s="26"/>
      <c r="PDL127" s="26"/>
      <c r="PDM127" s="26"/>
      <c r="PDN127" s="26"/>
      <c r="PDO127" s="26"/>
      <c r="PDP127" s="26"/>
      <c r="PDQ127" s="26"/>
      <c r="PDR127" s="26"/>
      <c r="PDS127" s="26"/>
      <c r="PDT127" s="26"/>
      <c r="PDU127" s="26"/>
      <c r="PDV127" s="26"/>
      <c r="PDW127" s="26"/>
      <c r="PDX127" s="26"/>
      <c r="PDY127" s="26"/>
      <c r="PDZ127" s="26"/>
      <c r="PEA127" s="26"/>
      <c r="PEB127" s="26"/>
      <c r="PEC127" s="26"/>
      <c r="PED127" s="26"/>
      <c r="PEE127" s="26"/>
      <c r="PEF127" s="26"/>
      <c r="PEG127" s="26"/>
      <c r="PEH127" s="26"/>
      <c r="PEI127" s="26"/>
      <c r="PEJ127" s="26"/>
      <c r="PEK127" s="26"/>
      <c r="PEL127" s="26"/>
      <c r="PEM127" s="26"/>
      <c r="PEN127" s="26"/>
      <c r="PEO127" s="26"/>
      <c r="PEP127" s="26"/>
      <c r="PEQ127" s="26"/>
      <c r="PER127" s="26"/>
      <c r="PES127" s="26"/>
      <c r="PET127" s="26"/>
      <c r="PEU127" s="26"/>
      <c r="PEV127" s="26"/>
      <c r="PEW127" s="26"/>
      <c r="PEX127" s="26"/>
      <c r="PEY127" s="26"/>
      <c r="PEZ127" s="26"/>
      <c r="PFA127" s="26"/>
      <c r="PFB127" s="26"/>
      <c r="PFC127" s="26"/>
      <c r="PFD127" s="26"/>
      <c r="PFE127" s="26"/>
      <c r="PFF127" s="26"/>
      <c r="PFG127" s="26"/>
      <c r="PFH127" s="26"/>
      <c r="PFI127" s="26"/>
      <c r="PFJ127" s="26"/>
      <c r="PFK127" s="26"/>
      <c r="PFL127" s="26"/>
      <c r="PFM127" s="26"/>
      <c r="PFN127" s="26"/>
      <c r="PFO127" s="26"/>
      <c r="PFP127" s="26"/>
      <c r="PFQ127" s="26"/>
      <c r="PFR127" s="26"/>
      <c r="PFS127" s="26"/>
      <c r="PFT127" s="26"/>
      <c r="PFU127" s="26"/>
      <c r="PFV127" s="26"/>
      <c r="PFW127" s="26"/>
      <c r="PFX127" s="26"/>
      <c r="PFY127" s="26"/>
      <c r="PFZ127" s="26"/>
      <c r="PGA127" s="26"/>
      <c r="PGB127" s="26"/>
      <c r="PGC127" s="26"/>
      <c r="PGD127" s="26"/>
      <c r="PGE127" s="26"/>
      <c r="PGF127" s="26"/>
      <c r="PGG127" s="26"/>
      <c r="PGH127" s="26"/>
      <c r="PGI127" s="26"/>
      <c r="PGJ127" s="26"/>
      <c r="PGK127" s="26"/>
      <c r="PGL127" s="26"/>
      <c r="PGM127" s="26"/>
      <c r="PGN127" s="26"/>
      <c r="PGO127" s="26"/>
      <c r="PGP127" s="26"/>
      <c r="PGQ127" s="26"/>
      <c r="PGR127" s="26"/>
      <c r="PGS127" s="26"/>
      <c r="PGT127" s="26"/>
      <c r="PGU127" s="26"/>
      <c r="PGV127" s="26"/>
      <c r="PGW127" s="26"/>
      <c r="PGX127" s="26"/>
      <c r="PGY127" s="26"/>
      <c r="PGZ127" s="26"/>
      <c r="PHA127" s="26"/>
      <c r="PHB127" s="26"/>
      <c r="PHC127" s="26"/>
      <c r="PHD127" s="26"/>
      <c r="PHE127" s="26"/>
      <c r="PHF127" s="26"/>
      <c r="PHG127" s="26"/>
      <c r="PHH127" s="26"/>
      <c r="PHI127" s="26"/>
      <c r="PHJ127" s="26"/>
      <c r="PHK127" s="26"/>
      <c r="PHL127" s="26"/>
      <c r="PHM127" s="26"/>
      <c r="PHN127" s="26"/>
      <c r="PHO127" s="26"/>
      <c r="PHP127" s="26"/>
      <c r="PHQ127" s="26"/>
      <c r="PHR127" s="26"/>
      <c r="PHS127" s="26"/>
      <c r="PHT127" s="26"/>
      <c r="PHU127" s="26"/>
      <c r="PHV127" s="26"/>
      <c r="PHW127" s="26"/>
      <c r="PHX127" s="26"/>
      <c r="PHY127" s="26"/>
      <c r="PHZ127" s="26"/>
      <c r="PIA127" s="26"/>
      <c r="PIB127" s="26"/>
      <c r="PIC127" s="26"/>
      <c r="PID127" s="26"/>
      <c r="PIE127" s="26"/>
      <c r="PIF127" s="26"/>
      <c r="PIG127" s="26"/>
      <c r="PIH127" s="26"/>
      <c r="PII127" s="26"/>
      <c r="PIJ127" s="26"/>
      <c r="PIK127" s="26"/>
      <c r="PIL127" s="26"/>
      <c r="PIM127" s="26"/>
      <c r="PIN127" s="26"/>
      <c r="PIO127" s="26"/>
      <c r="PIP127" s="26"/>
      <c r="PIQ127" s="26"/>
      <c r="PIR127" s="26"/>
      <c r="PIS127" s="26"/>
      <c r="PIT127" s="26"/>
      <c r="PIU127" s="26"/>
      <c r="PIV127" s="26"/>
      <c r="PIW127" s="26"/>
      <c r="PIX127" s="26"/>
      <c r="PIY127" s="26"/>
      <c r="PIZ127" s="26"/>
      <c r="PJA127" s="26"/>
      <c r="PJB127" s="26"/>
      <c r="PJC127" s="26"/>
      <c r="PJD127" s="26"/>
      <c r="PJE127" s="26"/>
      <c r="PJF127" s="26"/>
      <c r="PJG127" s="26"/>
      <c r="PJH127" s="26"/>
      <c r="PJI127" s="26"/>
      <c r="PJJ127" s="26"/>
      <c r="PJK127" s="26"/>
      <c r="PJL127" s="26"/>
      <c r="PJM127" s="26"/>
      <c r="PJN127" s="26"/>
      <c r="PJO127" s="26"/>
      <c r="PJP127" s="26"/>
      <c r="PJQ127" s="26"/>
      <c r="PJR127" s="26"/>
      <c r="PJS127" s="26"/>
      <c r="PJT127" s="26"/>
      <c r="PJU127" s="26"/>
      <c r="PJV127" s="26"/>
      <c r="PJW127" s="26"/>
      <c r="PJX127" s="26"/>
      <c r="PJY127" s="26"/>
      <c r="PJZ127" s="26"/>
      <c r="PKA127" s="26"/>
      <c r="PKB127" s="26"/>
      <c r="PKC127" s="26"/>
      <c r="PKD127" s="26"/>
      <c r="PKE127" s="26"/>
      <c r="PKF127" s="26"/>
      <c r="PKG127" s="26"/>
      <c r="PKH127" s="26"/>
      <c r="PKI127" s="26"/>
      <c r="PKJ127" s="26"/>
      <c r="PKK127" s="26"/>
      <c r="PKL127" s="26"/>
      <c r="PKM127" s="26"/>
      <c r="PKN127" s="26"/>
      <c r="PKO127" s="26"/>
      <c r="PKP127" s="26"/>
      <c r="PKQ127" s="26"/>
      <c r="PKR127" s="26"/>
      <c r="PKS127" s="26"/>
      <c r="PKT127" s="26"/>
      <c r="PKU127" s="26"/>
      <c r="PKV127" s="26"/>
      <c r="PKW127" s="26"/>
      <c r="PKX127" s="26"/>
      <c r="PKY127" s="26"/>
      <c r="PKZ127" s="26"/>
      <c r="PLA127" s="26"/>
      <c r="PLB127" s="26"/>
      <c r="PLC127" s="26"/>
      <c r="PLD127" s="26"/>
      <c r="PLE127" s="26"/>
      <c r="PLF127" s="26"/>
      <c r="PLG127" s="26"/>
      <c r="PLH127" s="26"/>
      <c r="PLI127" s="26"/>
      <c r="PLJ127" s="26"/>
      <c r="PLK127" s="26"/>
      <c r="PLL127" s="26"/>
      <c r="PLM127" s="26"/>
      <c r="PLN127" s="26"/>
      <c r="PLO127" s="26"/>
      <c r="PLP127" s="26"/>
      <c r="PLQ127" s="26"/>
      <c r="PLR127" s="26"/>
      <c r="PLS127" s="26"/>
      <c r="PLT127" s="26"/>
      <c r="PLU127" s="26"/>
      <c r="PLV127" s="26"/>
      <c r="PLW127" s="26"/>
      <c r="PLX127" s="26"/>
      <c r="PLY127" s="26"/>
      <c r="PLZ127" s="26"/>
      <c r="PMA127" s="26"/>
      <c r="PMB127" s="26"/>
      <c r="PMC127" s="26"/>
      <c r="PMD127" s="26"/>
      <c r="PME127" s="26"/>
      <c r="PMF127" s="26"/>
      <c r="PMG127" s="26"/>
      <c r="PMH127" s="26"/>
      <c r="PMI127" s="26"/>
      <c r="PMJ127" s="26"/>
      <c r="PMK127" s="26"/>
      <c r="PML127" s="26"/>
      <c r="PMM127" s="26"/>
      <c r="PMN127" s="26"/>
      <c r="PMO127" s="26"/>
      <c r="PMP127" s="26"/>
      <c r="PMQ127" s="26"/>
      <c r="PMR127" s="26"/>
      <c r="PMS127" s="26"/>
      <c r="PMT127" s="26"/>
      <c r="PMU127" s="26"/>
      <c r="PMV127" s="26"/>
      <c r="PMW127" s="26"/>
      <c r="PMX127" s="26"/>
      <c r="PMY127" s="26"/>
      <c r="PMZ127" s="26"/>
      <c r="PNA127" s="26"/>
      <c r="PNB127" s="26"/>
      <c r="PNC127" s="26"/>
      <c r="PND127" s="26"/>
      <c r="PNE127" s="26"/>
      <c r="PNF127" s="26"/>
      <c r="PNG127" s="26"/>
      <c r="PNH127" s="26"/>
      <c r="PNI127" s="26"/>
      <c r="PNJ127" s="26"/>
      <c r="PNK127" s="26"/>
      <c r="PNL127" s="26"/>
      <c r="PNM127" s="26"/>
      <c r="PNN127" s="26"/>
      <c r="PNO127" s="26"/>
      <c r="PNP127" s="26"/>
      <c r="PNQ127" s="26"/>
      <c r="PNR127" s="26"/>
      <c r="PNS127" s="26"/>
      <c r="PNT127" s="26"/>
      <c r="PNU127" s="26"/>
      <c r="PNV127" s="26"/>
      <c r="PNW127" s="26"/>
      <c r="PNX127" s="26"/>
      <c r="PNY127" s="26"/>
      <c r="PNZ127" s="26"/>
      <c r="POA127" s="26"/>
      <c r="POB127" s="26"/>
      <c r="POC127" s="26"/>
      <c r="POD127" s="26"/>
      <c r="POE127" s="26"/>
      <c r="POF127" s="26"/>
      <c r="POG127" s="26"/>
      <c r="POH127" s="26"/>
      <c r="POI127" s="26"/>
      <c r="POJ127" s="26"/>
      <c r="POK127" s="26"/>
      <c r="POL127" s="26"/>
      <c r="POM127" s="26"/>
      <c r="PON127" s="26"/>
      <c r="POO127" s="26"/>
      <c r="POP127" s="26"/>
      <c r="POQ127" s="26"/>
      <c r="POR127" s="26"/>
      <c r="POS127" s="26"/>
      <c r="POT127" s="26"/>
      <c r="POU127" s="26"/>
      <c r="POV127" s="26"/>
      <c r="POW127" s="26"/>
      <c r="POX127" s="26"/>
      <c r="POY127" s="26"/>
      <c r="POZ127" s="26"/>
      <c r="PPA127" s="26"/>
      <c r="PPB127" s="26"/>
      <c r="PPC127" s="26"/>
      <c r="PPD127" s="26"/>
      <c r="PPE127" s="26"/>
      <c r="PPF127" s="26"/>
      <c r="PPG127" s="26"/>
      <c r="PPH127" s="26"/>
      <c r="PPI127" s="26"/>
      <c r="PPJ127" s="26"/>
      <c r="PPK127" s="26"/>
      <c r="PPL127" s="26"/>
      <c r="PPM127" s="26"/>
      <c r="PPN127" s="26"/>
      <c r="PPO127" s="26"/>
      <c r="PPP127" s="26"/>
      <c r="PPQ127" s="26"/>
      <c r="PPR127" s="26"/>
      <c r="PPS127" s="26"/>
      <c r="PPT127" s="26"/>
      <c r="PPU127" s="26"/>
      <c r="PPV127" s="26"/>
      <c r="PPW127" s="26"/>
      <c r="PPX127" s="26"/>
      <c r="PPY127" s="26"/>
      <c r="PPZ127" s="26"/>
      <c r="PQA127" s="26"/>
      <c r="PQB127" s="26"/>
      <c r="PQC127" s="26"/>
      <c r="PQD127" s="26"/>
      <c r="PQE127" s="26"/>
      <c r="PQF127" s="26"/>
      <c r="PQG127" s="26"/>
      <c r="PQH127" s="26"/>
      <c r="PQI127" s="26"/>
      <c r="PQJ127" s="26"/>
      <c r="PQK127" s="26"/>
      <c r="PQL127" s="26"/>
      <c r="PQM127" s="26"/>
      <c r="PQN127" s="26"/>
      <c r="PQO127" s="26"/>
      <c r="PQP127" s="26"/>
      <c r="PQQ127" s="26"/>
      <c r="PQR127" s="26"/>
      <c r="PQS127" s="26"/>
      <c r="PQT127" s="26"/>
      <c r="PQU127" s="26"/>
      <c r="PQV127" s="26"/>
      <c r="PQW127" s="26"/>
      <c r="PQX127" s="26"/>
      <c r="PQY127" s="26"/>
      <c r="PQZ127" s="26"/>
      <c r="PRA127" s="26"/>
      <c r="PRB127" s="26"/>
      <c r="PRC127" s="26"/>
      <c r="PRD127" s="26"/>
      <c r="PRE127" s="26"/>
      <c r="PRF127" s="26"/>
      <c r="PRG127" s="26"/>
      <c r="PRH127" s="26"/>
      <c r="PRI127" s="26"/>
      <c r="PRJ127" s="26"/>
      <c r="PRK127" s="26"/>
      <c r="PRL127" s="26"/>
      <c r="PRM127" s="26"/>
      <c r="PRN127" s="26"/>
      <c r="PRO127" s="26"/>
      <c r="PRP127" s="26"/>
      <c r="PRQ127" s="26"/>
      <c r="PRR127" s="26"/>
      <c r="PRS127" s="26"/>
      <c r="PRT127" s="26"/>
      <c r="PRU127" s="26"/>
      <c r="PRV127" s="26"/>
      <c r="PRW127" s="26"/>
      <c r="PRX127" s="26"/>
      <c r="PRY127" s="26"/>
      <c r="PRZ127" s="26"/>
      <c r="PSA127" s="26"/>
      <c r="PSB127" s="26"/>
      <c r="PSC127" s="26"/>
      <c r="PSD127" s="26"/>
      <c r="PSE127" s="26"/>
      <c r="PSF127" s="26"/>
      <c r="PSG127" s="26"/>
      <c r="PSH127" s="26"/>
      <c r="PSI127" s="26"/>
      <c r="PSJ127" s="26"/>
      <c r="PSK127" s="26"/>
      <c r="PSL127" s="26"/>
      <c r="PSM127" s="26"/>
      <c r="PSN127" s="26"/>
      <c r="PSO127" s="26"/>
      <c r="PSP127" s="26"/>
      <c r="PSQ127" s="26"/>
      <c r="PSR127" s="26"/>
      <c r="PSS127" s="26"/>
      <c r="PST127" s="26"/>
      <c r="PSU127" s="26"/>
      <c r="PSV127" s="26"/>
      <c r="PSW127" s="26"/>
      <c r="PSX127" s="26"/>
      <c r="PSY127" s="26"/>
      <c r="PSZ127" s="26"/>
      <c r="PTA127" s="26"/>
      <c r="PTB127" s="26"/>
      <c r="PTC127" s="26"/>
      <c r="PTD127" s="26"/>
      <c r="PTE127" s="26"/>
      <c r="PTF127" s="26"/>
      <c r="PTG127" s="26"/>
      <c r="PTH127" s="26"/>
      <c r="PTI127" s="26"/>
      <c r="PTJ127" s="26"/>
      <c r="PTK127" s="26"/>
      <c r="PTL127" s="26"/>
      <c r="PTM127" s="26"/>
      <c r="PTN127" s="26"/>
      <c r="PTO127" s="26"/>
      <c r="PTP127" s="26"/>
      <c r="PTQ127" s="26"/>
      <c r="PTR127" s="26"/>
      <c r="PTS127" s="26"/>
      <c r="PTT127" s="26"/>
      <c r="PTU127" s="26"/>
      <c r="PTV127" s="26"/>
      <c r="PTW127" s="26"/>
      <c r="PTX127" s="26"/>
      <c r="PTY127" s="26"/>
      <c r="PTZ127" s="26"/>
      <c r="PUA127" s="26"/>
      <c r="PUB127" s="26"/>
      <c r="PUC127" s="26"/>
      <c r="PUD127" s="26"/>
      <c r="PUE127" s="26"/>
      <c r="PUF127" s="26"/>
      <c r="PUG127" s="26"/>
      <c r="PUH127" s="26"/>
      <c r="PUI127" s="26"/>
      <c r="PUJ127" s="26"/>
      <c r="PUK127" s="26"/>
      <c r="PUL127" s="26"/>
      <c r="PUM127" s="26"/>
      <c r="PUN127" s="26"/>
      <c r="PUO127" s="26"/>
      <c r="PUP127" s="26"/>
      <c r="PUQ127" s="26"/>
      <c r="PUR127" s="26"/>
      <c r="PUS127" s="26"/>
      <c r="PUT127" s="26"/>
      <c r="PUU127" s="26"/>
      <c r="PUV127" s="26"/>
      <c r="PUW127" s="26"/>
      <c r="PUX127" s="26"/>
      <c r="PUY127" s="26"/>
      <c r="PUZ127" s="26"/>
      <c r="PVA127" s="26"/>
      <c r="PVB127" s="26"/>
      <c r="PVC127" s="26"/>
      <c r="PVD127" s="26"/>
      <c r="PVE127" s="26"/>
      <c r="PVF127" s="26"/>
      <c r="PVG127" s="26"/>
      <c r="PVH127" s="26"/>
      <c r="PVI127" s="26"/>
      <c r="PVJ127" s="26"/>
      <c r="PVK127" s="26"/>
      <c r="PVL127" s="26"/>
      <c r="PVM127" s="26"/>
      <c r="PVN127" s="26"/>
      <c r="PVO127" s="26"/>
      <c r="PVP127" s="26"/>
      <c r="PVQ127" s="26"/>
      <c r="PVR127" s="26"/>
      <c r="PVS127" s="26"/>
      <c r="PVT127" s="26"/>
      <c r="PVU127" s="26"/>
      <c r="PVV127" s="26"/>
      <c r="PVW127" s="26"/>
      <c r="PVX127" s="26"/>
      <c r="PVY127" s="26"/>
      <c r="PVZ127" s="26"/>
      <c r="PWA127" s="26"/>
      <c r="PWB127" s="26"/>
      <c r="PWC127" s="26"/>
      <c r="PWD127" s="26"/>
      <c r="PWE127" s="26"/>
      <c r="PWF127" s="26"/>
      <c r="PWG127" s="26"/>
      <c r="PWH127" s="26"/>
      <c r="PWI127" s="26"/>
      <c r="PWJ127" s="26"/>
      <c r="PWK127" s="26"/>
      <c r="PWL127" s="26"/>
      <c r="PWM127" s="26"/>
      <c r="PWN127" s="26"/>
      <c r="PWO127" s="26"/>
      <c r="PWP127" s="26"/>
      <c r="PWQ127" s="26"/>
      <c r="PWR127" s="26"/>
      <c r="PWS127" s="26"/>
      <c r="PWT127" s="26"/>
      <c r="PWU127" s="26"/>
      <c r="PWV127" s="26"/>
      <c r="PWW127" s="26"/>
      <c r="PWX127" s="26"/>
      <c r="PWY127" s="26"/>
      <c r="PWZ127" s="26"/>
      <c r="PXA127" s="26"/>
      <c r="PXB127" s="26"/>
      <c r="PXC127" s="26"/>
      <c r="PXD127" s="26"/>
      <c r="PXE127" s="26"/>
      <c r="PXF127" s="26"/>
      <c r="PXG127" s="26"/>
      <c r="PXH127" s="26"/>
      <c r="PXI127" s="26"/>
      <c r="PXJ127" s="26"/>
      <c r="PXK127" s="26"/>
      <c r="PXL127" s="26"/>
      <c r="PXM127" s="26"/>
      <c r="PXN127" s="26"/>
      <c r="PXO127" s="26"/>
      <c r="PXP127" s="26"/>
      <c r="PXQ127" s="26"/>
      <c r="PXR127" s="26"/>
      <c r="PXS127" s="26"/>
      <c r="PXT127" s="26"/>
      <c r="PXU127" s="26"/>
      <c r="PXV127" s="26"/>
      <c r="PXW127" s="26"/>
      <c r="PXX127" s="26"/>
      <c r="PXY127" s="26"/>
      <c r="PXZ127" s="26"/>
      <c r="PYA127" s="26"/>
      <c r="PYB127" s="26"/>
      <c r="PYC127" s="26"/>
      <c r="PYD127" s="26"/>
      <c r="PYE127" s="26"/>
      <c r="PYF127" s="26"/>
      <c r="PYG127" s="26"/>
      <c r="PYH127" s="26"/>
      <c r="PYI127" s="26"/>
      <c r="PYJ127" s="26"/>
      <c r="PYK127" s="26"/>
      <c r="PYL127" s="26"/>
      <c r="PYM127" s="26"/>
      <c r="PYN127" s="26"/>
      <c r="PYO127" s="26"/>
      <c r="PYP127" s="26"/>
      <c r="PYQ127" s="26"/>
      <c r="PYR127" s="26"/>
      <c r="PYS127" s="26"/>
      <c r="PYT127" s="26"/>
      <c r="PYU127" s="26"/>
      <c r="PYV127" s="26"/>
      <c r="PYW127" s="26"/>
      <c r="PYX127" s="26"/>
      <c r="PYY127" s="26"/>
      <c r="PYZ127" s="26"/>
      <c r="PZA127" s="26"/>
      <c r="PZB127" s="26"/>
      <c r="PZC127" s="26"/>
      <c r="PZD127" s="26"/>
      <c r="PZE127" s="26"/>
      <c r="PZF127" s="26"/>
      <c r="PZG127" s="26"/>
      <c r="PZH127" s="26"/>
      <c r="PZI127" s="26"/>
      <c r="PZJ127" s="26"/>
      <c r="PZK127" s="26"/>
      <c r="PZL127" s="26"/>
      <c r="PZM127" s="26"/>
      <c r="PZN127" s="26"/>
      <c r="PZO127" s="26"/>
      <c r="PZP127" s="26"/>
      <c r="PZQ127" s="26"/>
      <c r="PZR127" s="26"/>
      <c r="PZS127" s="26"/>
      <c r="PZT127" s="26"/>
      <c r="PZU127" s="26"/>
      <c r="PZV127" s="26"/>
      <c r="PZW127" s="26"/>
      <c r="PZX127" s="26"/>
      <c r="PZY127" s="26"/>
      <c r="PZZ127" s="26"/>
      <c r="QAA127" s="26"/>
      <c r="QAB127" s="26"/>
      <c r="QAC127" s="26"/>
      <c r="QAD127" s="26"/>
      <c r="QAE127" s="26"/>
      <c r="QAF127" s="26"/>
      <c r="QAG127" s="26"/>
      <c r="QAH127" s="26"/>
      <c r="QAI127" s="26"/>
      <c r="QAJ127" s="26"/>
      <c r="QAK127" s="26"/>
      <c r="QAL127" s="26"/>
      <c r="QAM127" s="26"/>
      <c r="QAN127" s="26"/>
      <c r="QAO127" s="26"/>
      <c r="QAP127" s="26"/>
      <c r="QAQ127" s="26"/>
      <c r="QAR127" s="26"/>
      <c r="QAS127" s="26"/>
      <c r="QAT127" s="26"/>
      <c r="QAU127" s="26"/>
      <c r="QAV127" s="26"/>
      <c r="QAW127" s="26"/>
      <c r="QAX127" s="26"/>
      <c r="QAY127" s="26"/>
      <c r="QAZ127" s="26"/>
      <c r="QBA127" s="26"/>
      <c r="QBB127" s="26"/>
      <c r="QBC127" s="26"/>
      <c r="QBD127" s="26"/>
      <c r="QBE127" s="26"/>
      <c r="QBF127" s="26"/>
      <c r="QBG127" s="26"/>
      <c r="QBH127" s="26"/>
      <c r="QBI127" s="26"/>
      <c r="QBJ127" s="26"/>
      <c r="QBK127" s="26"/>
      <c r="QBL127" s="26"/>
      <c r="QBM127" s="26"/>
      <c r="QBN127" s="26"/>
      <c r="QBO127" s="26"/>
      <c r="QBP127" s="26"/>
      <c r="QBQ127" s="26"/>
      <c r="QBR127" s="26"/>
      <c r="QBS127" s="26"/>
      <c r="QBT127" s="26"/>
      <c r="QBU127" s="26"/>
      <c r="QBV127" s="26"/>
      <c r="QBW127" s="26"/>
      <c r="QBX127" s="26"/>
      <c r="QBY127" s="26"/>
      <c r="QBZ127" s="26"/>
      <c r="QCA127" s="26"/>
      <c r="QCB127" s="26"/>
      <c r="QCC127" s="26"/>
      <c r="QCD127" s="26"/>
      <c r="QCE127" s="26"/>
      <c r="QCF127" s="26"/>
      <c r="QCG127" s="26"/>
      <c r="QCH127" s="26"/>
      <c r="QCI127" s="26"/>
      <c r="QCJ127" s="26"/>
      <c r="QCK127" s="26"/>
      <c r="QCL127" s="26"/>
      <c r="QCM127" s="26"/>
      <c r="QCN127" s="26"/>
      <c r="QCO127" s="26"/>
      <c r="QCP127" s="26"/>
      <c r="QCQ127" s="26"/>
      <c r="QCR127" s="26"/>
      <c r="QCS127" s="26"/>
      <c r="QCT127" s="26"/>
      <c r="QCU127" s="26"/>
      <c r="QCV127" s="26"/>
      <c r="QCW127" s="26"/>
      <c r="QCX127" s="26"/>
      <c r="QCY127" s="26"/>
      <c r="QCZ127" s="26"/>
      <c r="QDA127" s="26"/>
      <c r="QDB127" s="26"/>
      <c r="QDC127" s="26"/>
      <c r="QDD127" s="26"/>
      <c r="QDE127" s="26"/>
      <c r="QDF127" s="26"/>
      <c r="QDG127" s="26"/>
      <c r="QDH127" s="26"/>
      <c r="QDI127" s="26"/>
      <c r="QDJ127" s="26"/>
      <c r="QDK127" s="26"/>
      <c r="QDL127" s="26"/>
      <c r="QDM127" s="26"/>
      <c r="QDN127" s="26"/>
      <c r="QDO127" s="26"/>
      <c r="QDP127" s="26"/>
      <c r="QDQ127" s="26"/>
      <c r="QDR127" s="26"/>
      <c r="QDS127" s="26"/>
      <c r="QDT127" s="26"/>
      <c r="QDU127" s="26"/>
      <c r="QDV127" s="26"/>
      <c r="QDW127" s="26"/>
      <c r="QDX127" s="26"/>
      <c r="QDY127" s="26"/>
      <c r="QDZ127" s="26"/>
      <c r="QEA127" s="26"/>
      <c r="QEB127" s="26"/>
      <c r="QEC127" s="26"/>
      <c r="QED127" s="26"/>
      <c r="QEE127" s="26"/>
      <c r="QEF127" s="26"/>
      <c r="QEG127" s="26"/>
      <c r="QEH127" s="26"/>
      <c r="QEI127" s="26"/>
      <c r="QEJ127" s="26"/>
      <c r="QEK127" s="26"/>
      <c r="QEL127" s="26"/>
      <c r="QEM127" s="26"/>
      <c r="QEN127" s="26"/>
      <c r="QEO127" s="26"/>
      <c r="QEP127" s="26"/>
      <c r="QEQ127" s="26"/>
      <c r="QER127" s="26"/>
      <c r="QES127" s="26"/>
      <c r="QET127" s="26"/>
      <c r="QEU127" s="26"/>
      <c r="QEV127" s="26"/>
      <c r="QEW127" s="26"/>
      <c r="QEX127" s="26"/>
      <c r="QEY127" s="26"/>
      <c r="QEZ127" s="26"/>
      <c r="QFA127" s="26"/>
      <c r="QFB127" s="26"/>
      <c r="QFC127" s="26"/>
      <c r="QFD127" s="26"/>
      <c r="QFE127" s="26"/>
      <c r="QFF127" s="26"/>
      <c r="QFG127" s="26"/>
      <c r="QFH127" s="26"/>
      <c r="QFI127" s="26"/>
      <c r="QFJ127" s="26"/>
      <c r="QFK127" s="26"/>
      <c r="QFL127" s="26"/>
      <c r="QFM127" s="26"/>
      <c r="QFN127" s="26"/>
      <c r="QFO127" s="26"/>
      <c r="QFP127" s="26"/>
      <c r="QFQ127" s="26"/>
      <c r="QFR127" s="26"/>
      <c r="QFS127" s="26"/>
      <c r="QFT127" s="26"/>
      <c r="QFU127" s="26"/>
      <c r="QFV127" s="26"/>
      <c r="QFW127" s="26"/>
      <c r="QFX127" s="26"/>
      <c r="QFY127" s="26"/>
      <c r="QFZ127" s="26"/>
      <c r="QGA127" s="26"/>
      <c r="QGB127" s="26"/>
      <c r="QGC127" s="26"/>
      <c r="QGD127" s="26"/>
      <c r="QGE127" s="26"/>
      <c r="QGF127" s="26"/>
      <c r="QGG127" s="26"/>
      <c r="QGH127" s="26"/>
      <c r="QGI127" s="26"/>
      <c r="QGJ127" s="26"/>
      <c r="QGK127" s="26"/>
      <c r="QGL127" s="26"/>
      <c r="QGM127" s="26"/>
      <c r="QGN127" s="26"/>
      <c r="QGO127" s="26"/>
      <c r="QGP127" s="26"/>
      <c r="QGQ127" s="26"/>
      <c r="QGR127" s="26"/>
      <c r="QGS127" s="26"/>
      <c r="QGT127" s="26"/>
      <c r="QGU127" s="26"/>
      <c r="QGV127" s="26"/>
      <c r="QGW127" s="26"/>
      <c r="QGX127" s="26"/>
      <c r="QGY127" s="26"/>
      <c r="QGZ127" s="26"/>
      <c r="QHA127" s="26"/>
      <c r="QHB127" s="26"/>
      <c r="QHC127" s="26"/>
      <c r="QHD127" s="26"/>
      <c r="QHE127" s="26"/>
      <c r="QHF127" s="26"/>
      <c r="QHG127" s="26"/>
      <c r="QHH127" s="26"/>
      <c r="QHI127" s="26"/>
      <c r="QHJ127" s="26"/>
      <c r="QHK127" s="26"/>
      <c r="QHL127" s="26"/>
      <c r="QHM127" s="26"/>
      <c r="QHN127" s="26"/>
      <c r="QHO127" s="26"/>
      <c r="QHP127" s="26"/>
      <c r="QHQ127" s="26"/>
      <c r="QHR127" s="26"/>
      <c r="QHS127" s="26"/>
      <c r="QHT127" s="26"/>
      <c r="QHU127" s="26"/>
      <c r="QHV127" s="26"/>
      <c r="QHW127" s="26"/>
      <c r="QHX127" s="26"/>
      <c r="QHY127" s="26"/>
      <c r="QHZ127" s="26"/>
      <c r="QIA127" s="26"/>
      <c r="QIB127" s="26"/>
      <c r="QIC127" s="26"/>
      <c r="QID127" s="26"/>
      <c r="QIE127" s="26"/>
      <c r="QIF127" s="26"/>
      <c r="QIG127" s="26"/>
      <c r="QIH127" s="26"/>
      <c r="QII127" s="26"/>
      <c r="QIJ127" s="26"/>
      <c r="QIK127" s="26"/>
      <c r="QIL127" s="26"/>
      <c r="QIM127" s="26"/>
      <c r="QIN127" s="26"/>
      <c r="QIO127" s="26"/>
      <c r="QIP127" s="26"/>
      <c r="QIQ127" s="26"/>
      <c r="QIR127" s="26"/>
      <c r="QIS127" s="26"/>
      <c r="QIT127" s="26"/>
      <c r="QIU127" s="26"/>
      <c r="QIV127" s="26"/>
      <c r="QIW127" s="26"/>
      <c r="QIX127" s="26"/>
      <c r="QIY127" s="26"/>
      <c r="QIZ127" s="26"/>
      <c r="QJA127" s="26"/>
      <c r="QJB127" s="26"/>
      <c r="QJC127" s="26"/>
      <c r="QJD127" s="26"/>
      <c r="QJE127" s="26"/>
      <c r="QJF127" s="26"/>
      <c r="QJG127" s="26"/>
      <c r="QJH127" s="26"/>
      <c r="QJI127" s="26"/>
      <c r="QJJ127" s="26"/>
      <c r="QJK127" s="26"/>
      <c r="QJL127" s="26"/>
      <c r="QJM127" s="26"/>
      <c r="QJN127" s="26"/>
      <c r="QJO127" s="26"/>
      <c r="QJP127" s="26"/>
      <c r="QJQ127" s="26"/>
      <c r="QJR127" s="26"/>
      <c r="QJS127" s="26"/>
      <c r="QJT127" s="26"/>
      <c r="QJU127" s="26"/>
      <c r="QJV127" s="26"/>
      <c r="QJW127" s="26"/>
      <c r="QJX127" s="26"/>
      <c r="QJY127" s="26"/>
      <c r="QJZ127" s="26"/>
      <c r="QKA127" s="26"/>
      <c r="QKB127" s="26"/>
      <c r="QKC127" s="26"/>
      <c r="QKD127" s="26"/>
      <c r="QKE127" s="26"/>
      <c r="QKF127" s="26"/>
      <c r="QKG127" s="26"/>
      <c r="QKH127" s="26"/>
      <c r="QKI127" s="26"/>
      <c r="QKJ127" s="26"/>
      <c r="QKK127" s="26"/>
      <c r="QKL127" s="26"/>
      <c r="QKM127" s="26"/>
      <c r="QKN127" s="26"/>
      <c r="QKO127" s="26"/>
      <c r="QKP127" s="26"/>
      <c r="QKQ127" s="26"/>
      <c r="QKR127" s="26"/>
      <c r="QKS127" s="26"/>
      <c r="QKT127" s="26"/>
      <c r="QKU127" s="26"/>
      <c r="QKV127" s="26"/>
      <c r="QKW127" s="26"/>
      <c r="QKX127" s="26"/>
      <c r="QKY127" s="26"/>
      <c r="QKZ127" s="26"/>
      <c r="QLA127" s="26"/>
      <c r="QLB127" s="26"/>
      <c r="QLC127" s="26"/>
      <c r="QLD127" s="26"/>
      <c r="QLE127" s="26"/>
      <c r="QLF127" s="26"/>
      <c r="QLG127" s="26"/>
      <c r="QLH127" s="26"/>
      <c r="QLI127" s="26"/>
      <c r="QLJ127" s="26"/>
      <c r="QLK127" s="26"/>
      <c r="QLL127" s="26"/>
      <c r="QLM127" s="26"/>
      <c r="QLN127" s="26"/>
      <c r="QLO127" s="26"/>
      <c r="QLP127" s="26"/>
      <c r="QLQ127" s="26"/>
      <c r="QLR127" s="26"/>
      <c r="QLS127" s="26"/>
      <c r="QLT127" s="26"/>
      <c r="QLU127" s="26"/>
      <c r="QLV127" s="26"/>
      <c r="QLW127" s="26"/>
      <c r="QLX127" s="26"/>
      <c r="QLY127" s="26"/>
      <c r="QLZ127" s="26"/>
      <c r="QMA127" s="26"/>
      <c r="QMB127" s="26"/>
      <c r="QMC127" s="26"/>
      <c r="QMD127" s="26"/>
      <c r="QME127" s="26"/>
      <c r="QMF127" s="26"/>
      <c r="QMG127" s="26"/>
      <c r="QMH127" s="26"/>
      <c r="QMI127" s="26"/>
      <c r="QMJ127" s="26"/>
      <c r="QMK127" s="26"/>
      <c r="QML127" s="26"/>
      <c r="QMM127" s="26"/>
      <c r="QMN127" s="26"/>
      <c r="QMO127" s="26"/>
      <c r="QMP127" s="26"/>
      <c r="QMQ127" s="26"/>
      <c r="QMR127" s="26"/>
      <c r="QMS127" s="26"/>
      <c r="QMT127" s="26"/>
      <c r="QMU127" s="26"/>
      <c r="QMV127" s="26"/>
      <c r="QMW127" s="26"/>
      <c r="QMX127" s="26"/>
      <c r="QMY127" s="26"/>
      <c r="QMZ127" s="26"/>
      <c r="QNA127" s="26"/>
      <c r="QNB127" s="26"/>
      <c r="QNC127" s="26"/>
      <c r="QND127" s="26"/>
      <c r="QNE127" s="26"/>
      <c r="QNF127" s="26"/>
      <c r="QNG127" s="26"/>
      <c r="QNH127" s="26"/>
      <c r="QNI127" s="26"/>
      <c r="QNJ127" s="26"/>
      <c r="QNK127" s="26"/>
      <c r="QNL127" s="26"/>
      <c r="QNM127" s="26"/>
      <c r="QNN127" s="26"/>
      <c r="QNO127" s="26"/>
      <c r="QNP127" s="26"/>
      <c r="QNQ127" s="26"/>
      <c r="QNR127" s="26"/>
      <c r="QNS127" s="26"/>
      <c r="QNT127" s="26"/>
      <c r="QNU127" s="26"/>
      <c r="QNV127" s="26"/>
      <c r="QNW127" s="26"/>
      <c r="QNX127" s="26"/>
      <c r="QNY127" s="26"/>
      <c r="QNZ127" s="26"/>
      <c r="QOA127" s="26"/>
      <c r="QOB127" s="26"/>
      <c r="QOC127" s="26"/>
      <c r="QOD127" s="26"/>
      <c r="QOE127" s="26"/>
      <c r="QOF127" s="26"/>
      <c r="QOG127" s="26"/>
      <c r="QOH127" s="26"/>
      <c r="QOI127" s="26"/>
      <c r="QOJ127" s="26"/>
      <c r="QOK127" s="26"/>
      <c r="QOL127" s="26"/>
      <c r="QOM127" s="26"/>
      <c r="QON127" s="26"/>
      <c r="QOO127" s="26"/>
      <c r="QOP127" s="26"/>
      <c r="QOQ127" s="26"/>
      <c r="QOR127" s="26"/>
      <c r="QOS127" s="26"/>
      <c r="QOT127" s="26"/>
      <c r="QOU127" s="26"/>
      <c r="QOV127" s="26"/>
      <c r="QOW127" s="26"/>
      <c r="QOX127" s="26"/>
      <c r="QOY127" s="26"/>
      <c r="QOZ127" s="26"/>
      <c r="QPA127" s="26"/>
      <c r="QPB127" s="26"/>
      <c r="QPC127" s="26"/>
      <c r="QPD127" s="26"/>
      <c r="QPE127" s="26"/>
      <c r="QPF127" s="26"/>
      <c r="QPG127" s="26"/>
      <c r="QPH127" s="26"/>
      <c r="QPI127" s="26"/>
      <c r="QPJ127" s="26"/>
      <c r="QPK127" s="26"/>
      <c r="QPL127" s="26"/>
      <c r="QPM127" s="26"/>
      <c r="QPN127" s="26"/>
      <c r="QPO127" s="26"/>
      <c r="QPP127" s="26"/>
      <c r="QPQ127" s="26"/>
      <c r="QPR127" s="26"/>
      <c r="QPS127" s="26"/>
      <c r="QPT127" s="26"/>
      <c r="QPU127" s="26"/>
      <c r="QPV127" s="26"/>
      <c r="QPW127" s="26"/>
      <c r="QPX127" s="26"/>
      <c r="QPY127" s="26"/>
      <c r="QPZ127" s="26"/>
      <c r="QQA127" s="26"/>
      <c r="QQB127" s="26"/>
      <c r="QQC127" s="26"/>
      <c r="QQD127" s="26"/>
      <c r="QQE127" s="26"/>
      <c r="QQF127" s="26"/>
      <c r="QQG127" s="26"/>
      <c r="QQH127" s="26"/>
      <c r="QQI127" s="26"/>
      <c r="QQJ127" s="26"/>
      <c r="QQK127" s="26"/>
      <c r="QQL127" s="26"/>
      <c r="QQM127" s="26"/>
      <c r="QQN127" s="26"/>
      <c r="QQO127" s="26"/>
      <c r="QQP127" s="26"/>
      <c r="QQQ127" s="26"/>
      <c r="QQR127" s="26"/>
      <c r="QQS127" s="26"/>
      <c r="QQT127" s="26"/>
      <c r="QQU127" s="26"/>
      <c r="QQV127" s="26"/>
      <c r="QQW127" s="26"/>
      <c r="QQX127" s="26"/>
      <c r="QQY127" s="26"/>
      <c r="QQZ127" s="26"/>
      <c r="QRA127" s="26"/>
      <c r="QRB127" s="26"/>
      <c r="QRC127" s="26"/>
      <c r="QRD127" s="26"/>
      <c r="QRE127" s="26"/>
      <c r="QRF127" s="26"/>
      <c r="QRG127" s="26"/>
      <c r="QRH127" s="26"/>
      <c r="QRI127" s="26"/>
      <c r="QRJ127" s="26"/>
      <c r="QRK127" s="26"/>
      <c r="QRL127" s="26"/>
      <c r="QRM127" s="26"/>
      <c r="QRN127" s="26"/>
      <c r="QRO127" s="26"/>
      <c r="QRP127" s="26"/>
      <c r="QRQ127" s="26"/>
      <c r="QRR127" s="26"/>
      <c r="QRS127" s="26"/>
      <c r="QRT127" s="26"/>
      <c r="QRU127" s="26"/>
      <c r="QRV127" s="26"/>
      <c r="QRW127" s="26"/>
      <c r="QRX127" s="26"/>
      <c r="QRY127" s="26"/>
      <c r="QRZ127" s="26"/>
      <c r="QSA127" s="26"/>
      <c r="QSB127" s="26"/>
      <c r="QSC127" s="26"/>
      <c r="QSD127" s="26"/>
      <c r="QSE127" s="26"/>
      <c r="QSF127" s="26"/>
      <c r="QSG127" s="26"/>
      <c r="QSH127" s="26"/>
      <c r="QSI127" s="26"/>
      <c r="QSJ127" s="26"/>
      <c r="QSK127" s="26"/>
      <c r="QSL127" s="26"/>
      <c r="QSM127" s="26"/>
      <c r="QSN127" s="26"/>
      <c r="QSO127" s="26"/>
      <c r="QSP127" s="26"/>
      <c r="QSQ127" s="26"/>
      <c r="QSR127" s="26"/>
      <c r="QSS127" s="26"/>
      <c r="QST127" s="26"/>
      <c r="QSU127" s="26"/>
      <c r="QSV127" s="26"/>
      <c r="QSW127" s="26"/>
      <c r="QSX127" s="26"/>
      <c r="QSY127" s="26"/>
      <c r="QSZ127" s="26"/>
      <c r="QTA127" s="26"/>
      <c r="QTB127" s="26"/>
      <c r="QTC127" s="26"/>
      <c r="QTD127" s="26"/>
      <c r="QTE127" s="26"/>
      <c r="QTF127" s="26"/>
      <c r="QTG127" s="26"/>
      <c r="QTH127" s="26"/>
      <c r="QTI127" s="26"/>
      <c r="QTJ127" s="26"/>
      <c r="QTK127" s="26"/>
      <c r="QTL127" s="26"/>
      <c r="QTM127" s="26"/>
      <c r="QTN127" s="26"/>
      <c r="QTO127" s="26"/>
      <c r="QTP127" s="26"/>
      <c r="QTQ127" s="26"/>
      <c r="QTR127" s="26"/>
      <c r="QTS127" s="26"/>
      <c r="QTT127" s="26"/>
      <c r="QTU127" s="26"/>
      <c r="QTV127" s="26"/>
      <c r="QTW127" s="26"/>
      <c r="QTX127" s="26"/>
      <c r="QTY127" s="26"/>
      <c r="QTZ127" s="26"/>
      <c r="QUA127" s="26"/>
      <c r="QUB127" s="26"/>
      <c r="QUC127" s="26"/>
      <c r="QUD127" s="26"/>
      <c r="QUE127" s="26"/>
      <c r="QUF127" s="26"/>
      <c r="QUG127" s="26"/>
      <c r="QUH127" s="26"/>
      <c r="QUI127" s="26"/>
      <c r="QUJ127" s="26"/>
      <c r="QUK127" s="26"/>
      <c r="QUL127" s="26"/>
      <c r="QUM127" s="26"/>
      <c r="QUN127" s="26"/>
      <c r="QUO127" s="26"/>
      <c r="QUP127" s="26"/>
      <c r="QUQ127" s="26"/>
      <c r="QUR127" s="26"/>
      <c r="QUS127" s="26"/>
      <c r="QUT127" s="26"/>
      <c r="QUU127" s="26"/>
      <c r="QUV127" s="26"/>
      <c r="QUW127" s="26"/>
      <c r="QUX127" s="26"/>
      <c r="QUY127" s="26"/>
      <c r="QUZ127" s="26"/>
      <c r="QVA127" s="26"/>
      <c r="QVB127" s="26"/>
      <c r="QVC127" s="26"/>
      <c r="QVD127" s="26"/>
      <c r="QVE127" s="26"/>
      <c r="QVF127" s="26"/>
      <c r="QVG127" s="26"/>
      <c r="QVH127" s="26"/>
      <c r="QVI127" s="26"/>
      <c r="QVJ127" s="26"/>
      <c r="QVK127" s="26"/>
      <c r="QVL127" s="26"/>
      <c r="QVM127" s="26"/>
      <c r="QVN127" s="26"/>
      <c r="QVO127" s="26"/>
      <c r="QVP127" s="26"/>
      <c r="QVQ127" s="26"/>
      <c r="QVR127" s="26"/>
      <c r="QVS127" s="26"/>
      <c r="QVT127" s="26"/>
      <c r="QVU127" s="26"/>
      <c r="QVV127" s="26"/>
      <c r="QVW127" s="26"/>
      <c r="QVX127" s="26"/>
      <c r="QVY127" s="26"/>
      <c r="QVZ127" s="26"/>
      <c r="QWA127" s="26"/>
      <c r="QWB127" s="26"/>
      <c r="QWC127" s="26"/>
      <c r="QWD127" s="26"/>
      <c r="QWE127" s="26"/>
      <c r="QWF127" s="26"/>
      <c r="QWG127" s="26"/>
      <c r="QWH127" s="26"/>
      <c r="QWI127" s="26"/>
      <c r="QWJ127" s="26"/>
      <c r="QWK127" s="26"/>
      <c r="QWL127" s="26"/>
      <c r="QWM127" s="26"/>
      <c r="QWN127" s="26"/>
      <c r="QWO127" s="26"/>
      <c r="QWP127" s="26"/>
      <c r="QWQ127" s="26"/>
      <c r="QWR127" s="26"/>
      <c r="QWS127" s="26"/>
      <c r="QWT127" s="26"/>
      <c r="QWU127" s="26"/>
      <c r="QWV127" s="26"/>
      <c r="QWW127" s="26"/>
      <c r="QWX127" s="26"/>
      <c r="QWY127" s="26"/>
      <c r="QWZ127" s="26"/>
      <c r="QXA127" s="26"/>
      <c r="QXB127" s="26"/>
      <c r="QXC127" s="26"/>
      <c r="QXD127" s="26"/>
      <c r="QXE127" s="26"/>
      <c r="QXF127" s="26"/>
      <c r="QXG127" s="26"/>
      <c r="QXH127" s="26"/>
      <c r="QXI127" s="26"/>
      <c r="QXJ127" s="26"/>
      <c r="QXK127" s="26"/>
      <c r="QXL127" s="26"/>
      <c r="QXM127" s="26"/>
      <c r="QXN127" s="26"/>
      <c r="QXO127" s="26"/>
      <c r="QXP127" s="26"/>
      <c r="QXQ127" s="26"/>
      <c r="QXR127" s="26"/>
      <c r="QXS127" s="26"/>
      <c r="QXT127" s="26"/>
      <c r="QXU127" s="26"/>
      <c r="QXV127" s="26"/>
      <c r="QXW127" s="26"/>
      <c r="QXX127" s="26"/>
      <c r="QXY127" s="26"/>
      <c r="QXZ127" s="26"/>
      <c r="QYA127" s="26"/>
      <c r="QYB127" s="26"/>
      <c r="QYC127" s="26"/>
      <c r="QYD127" s="26"/>
      <c r="QYE127" s="26"/>
      <c r="QYF127" s="26"/>
      <c r="QYG127" s="26"/>
      <c r="QYH127" s="26"/>
      <c r="QYI127" s="26"/>
      <c r="QYJ127" s="26"/>
      <c r="QYK127" s="26"/>
      <c r="QYL127" s="26"/>
      <c r="QYM127" s="26"/>
      <c r="QYN127" s="26"/>
      <c r="QYO127" s="26"/>
      <c r="QYP127" s="26"/>
      <c r="QYQ127" s="26"/>
      <c r="QYR127" s="26"/>
      <c r="QYS127" s="26"/>
      <c r="QYT127" s="26"/>
      <c r="QYU127" s="26"/>
      <c r="QYV127" s="26"/>
      <c r="QYW127" s="26"/>
      <c r="QYX127" s="26"/>
      <c r="QYY127" s="26"/>
      <c r="QYZ127" s="26"/>
      <c r="QZA127" s="26"/>
      <c r="QZB127" s="26"/>
      <c r="QZC127" s="26"/>
      <c r="QZD127" s="26"/>
      <c r="QZE127" s="26"/>
      <c r="QZF127" s="26"/>
      <c r="QZG127" s="26"/>
      <c r="QZH127" s="26"/>
      <c r="QZI127" s="26"/>
      <c r="QZJ127" s="26"/>
      <c r="QZK127" s="26"/>
      <c r="QZL127" s="26"/>
      <c r="QZM127" s="26"/>
      <c r="QZN127" s="26"/>
      <c r="QZO127" s="26"/>
      <c r="QZP127" s="26"/>
      <c r="QZQ127" s="26"/>
      <c r="QZR127" s="26"/>
      <c r="QZS127" s="26"/>
      <c r="QZT127" s="26"/>
      <c r="QZU127" s="26"/>
      <c r="QZV127" s="26"/>
      <c r="QZW127" s="26"/>
      <c r="QZX127" s="26"/>
      <c r="QZY127" s="26"/>
      <c r="QZZ127" s="26"/>
      <c r="RAA127" s="26"/>
      <c r="RAB127" s="26"/>
      <c r="RAC127" s="26"/>
      <c r="RAD127" s="26"/>
      <c r="RAE127" s="26"/>
      <c r="RAF127" s="26"/>
      <c r="RAG127" s="26"/>
      <c r="RAH127" s="26"/>
      <c r="RAI127" s="26"/>
      <c r="RAJ127" s="26"/>
      <c r="RAK127" s="26"/>
      <c r="RAL127" s="26"/>
      <c r="RAM127" s="26"/>
      <c r="RAN127" s="26"/>
      <c r="RAO127" s="26"/>
      <c r="RAP127" s="26"/>
      <c r="RAQ127" s="26"/>
      <c r="RAR127" s="26"/>
      <c r="RAS127" s="26"/>
      <c r="RAT127" s="26"/>
      <c r="RAU127" s="26"/>
      <c r="RAV127" s="26"/>
      <c r="RAW127" s="26"/>
      <c r="RAX127" s="26"/>
      <c r="RAY127" s="26"/>
      <c r="RAZ127" s="26"/>
      <c r="RBA127" s="26"/>
      <c r="RBB127" s="26"/>
      <c r="RBC127" s="26"/>
      <c r="RBD127" s="26"/>
      <c r="RBE127" s="26"/>
      <c r="RBF127" s="26"/>
      <c r="RBG127" s="26"/>
      <c r="RBH127" s="26"/>
      <c r="RBI127" s="26"/>
      <c r="RBJ127" s="26"/>
      <c r="RBK127" s="26"/>
      <c r="RBL127" s="26"/>
      <c r="RBM127" s="26"/>
      <c r="RBN127" s="26"/>
      <c r="RBO127" s="26"/>
      <c r="RBP127" s="26"/>
      <c r="RBQ127" s="26"/>
      <c r="RBR127" s="26"/>
      <c r="RBS127" s="26"/>
      <c r="RBT127" s="26"/>
      <c r="RBU127" s="26"/>
      <c r="RBV127" s="26"/>
      <c r="RBW127" s="26"/>
      <c r="RBX127" s="26"/>
      <c r="RBY127" s="26"/>
      <c r="RBZ127" s="26"/>
      <c r="RCA127" s="26"/>
      <c r="RCB127" s="26"/>
      <c r="RCC127" s="26"/>
      <c r="RCD127" s="26"/>
      <c r="RCE127" s="26"/>
      <c r="RCF127" s="26"/>
      <c r="RCG127" s="26"/>
      <c r="RCH127" s="26"/>
      <c r="RCI127" s="26"/>
      <c r="RCJ127" s="26"/>
      <c r="RCK127" s="26"/>
      <c r="RCL127" s="26"/>
      <c r="RCM127" s="26"/>
      <c r="RCN127" s="26"/>
      <c r="RCO127" s="26"/>
      <c r="RCP127" s="26"/>
      <c r="RCQ127" s="26"/>
      <c r="RCR127" s="26"/>
      <c r="RCS127" s="26"/>
      <c r="RCT127" s="26"/>
      <c r="RCU127" s="26"/>
      <c r="RCV127" s="26"/>
      <c r="RCW127" s="26"/>
      <c r="RCX127" s="26"/>
      <c r="RCY127" s="26"/>
      <c r="RCZ127" s="26"/>
      <c r="RDA127" s="26"/>
      <c r="RDB127" s="26"/>
      <c r="RDC127" s="26"/>
      <c r="RDD127" s="26"/>
      <c r="RDE127" s="26"/>
      <c r="RDF127" s="26"/>
      <c r="RDG127" s="26"/>
      <c r="RDH127" s="26"/>
      <c r="RDI127" s="26"/>
      <c r="RDJ127" s="26"/>
      <c r="RDK127" s="26"/>
      <c r="RDL127" s="26"/>
      <c r="RDM127" s="26"/>
      <c r="RDN127" s="26"/>
      <c r="RDO127" s="26"/>
      <c r="RDP127" s="26"/>
      <c r="RDQ127" s="26"/>
      <c r="RDR127" s="26"/>
      <c r="RDS127" s="26"/>
      <c r="RDT127" s="26"/>
      <c r="RDU127" s="26"/>
      <c r="RDV127" s="26"/>
      <c r="RDW127" s="26"/>
      <c r="RDX127" s="26"/>
      <c r="RDY127" s="26"/>
      <c r="RDZ127" s="26"/>
      <c r="REA127" s="26"/>
      <c r="REB127" s="26"/>
      <c r="REC127" s="26"/>
      <c r="RED127" s="26"/>
      <c r="REE127" s="26"/>
      <c r="REF127" s="26"/>
      <c r="REG127" s="26"/>
      <c r="REH127" s="26"/>
      <c r="REI127" s="26"/>
      <c r="REJ127" s="26"/>
      <c r="REK127" s="26"/>
      <c r="REL127" s="26"/>
      <c r="REM127" s="26"/>
      <c r="REN127" s="26"/>
      <c r="REO127" s="26"/>
      <c r="REP127" s="26"/>
      <c r="REQ127" s="26"/>
      <c r="RER127" s="26"/>
      <c r="RES127" s="26"/>
      <c r="RET127" s="26"/>
      <c r="REU127" s="26"/>
      <c r="REV127" s="26"/>
      <c r="REW127" s="26"/>
      <c r="REX127" s="26"/>
      <c r="REY127" s="26"/>
      <c r="REZ127" s="26"/>
      <c r="RFA127" s="26"/>
      <c r="RFB127" s="26"/>
      <c r="RFC127" s="26"/>
      <c r="RFD127" s="26"/>
      <c r="RFE127" s="26"/>
      <c r="RFF127" s="26"/>
      <c r="RFG127" s="26"/>
      <c r="RFH127" s="26"/>
      <c r="RFI127" s="26"/>
      <c r="RFJ127" s="26"/>
      <c r="RFK127" s="26"/>
      <c r="RFL127" s="26"/>
      <c r="RFM127" s="26"/>
      <c r="RFN127" s="26"/>
      <c r="RFO127" s="26"/>
      <c r="RFP127" s="26"/>
      <c r="RFQ127" s="26"/>
      <c r="RFR127" s="26"/>
      <c r="RFS127" s="26"/>
      <c r="RFT127" s="26"/>
      <c r="RFU127" s="26"/>
      <c r="RFV127" s="26"/>
      <c r="RFW127" s="26"/>
      <c r="RFX127" s="26"/>
      <c r="RFY127" s="26"/>
      <c r="RFZ127" s="26"/>
      <c r="RGA127" s="26"/>
      <c r="RGB127" s="26"/>
      <c r="RGC127" s="26"/>
      <c r="RGD127" s="26"/>
      <c r="RGE127" s="26"/>
      <c r="RGF127" s="26"/>
      <c r="RGG127" s="26"/>
      <c r="RGH127" s="26"/>
      <c r="RGI127" s="26"/>
      <c r="RGJ127" s="26"/>
      <c r="RGK127" s="26"/>
      <c r="RGL127" s="26"/>
      <c r="RGM127" s="26"/>
      <c r="RGN127" s="26"/>
      <c r="RGO127" s="26"/>
      <c r="RGP127" s="26"/>
      <c r="RGQ127" s="26"/>
      <c r="RGR127" s="26"/>
      <c r="RGS127" s="26"/>
      <c r="RGT127" s="26"/>
      <c r="RGU127" s="26"/>
      <c r="RGV127" s="26"/>
      <c r="RGW127" s="26"/>
      <c r="RGX127" s="26"/>
      <c r="RGY127" s="26"/>
      <c r="RGZ127" s="26"/>
      <c r="RHA127" s="26"/>
      <c r="RHB127" s="26"/>
      <c r="RHC127" s="26"/>
      <c r="RHD127" s="26"/>
      <c r="RHE127" s="26"/>
      <c r="RHF127" s="26"/>
      <c r="RHG127" s="26"/>
      <c r="RHH127" s="26"/>
      <c r="RHI127" s="26"/>
      <c r="RHJ127" s="26"/>
      <c r="RHK127" s="26"/>
      <c r="RHL127" s="26"/>
      <c r="RHM127" s="26"/>
      <c r="RHN127" s="26"/>
      <c r="RHO127" s="26"/>
      <c r="RHP127" s="26"/>
      <c r="RHQ127" s="26"/>
      <c r="RHR127" s="26"/>
      <c r="RHS127" s="26"/>
      <c r="RHT127" s="26"/>
      <c r="RHU127" s="26"/>
      <c r="RHV127" s="26"/>
      <c r="RHW127" s="26"/>
      <c r="RHX127" s="26"/>
      <c r="RHY127" s="26"/>
      <c r="RHZ127" s="26"/>
      <c r="RIA127" s="26"/>
      <c r="RIB127" s="26"/>
      <c r="RIC127" s="26"/>
      <c r="RID127" s="26"/>
      <c r="RIE127" s="26"/>
      <c r="RIF127" s="26"/>
      <c r="RIG127" s="26"/>
      <c r="RIH127" s="26"/>
      <c r="RII127" s="26"/>
      <c r="RIJ127" s="26"/>
      <c r="RIK127" s="26"/>
      <c r="RIL127" s="26"/>
      <c r="RIM127" s="26"/>
      <c r="RIN127" s="26"/>
      <c r="RIO127" s="26"/>
      <c r="RIP127" s="26"/>
      <c r="RIQ127" s="26"/>
      <c r="RIR127" s="26"/>
      <c r="RIS127" s="26"/>
      <c r="RIT127" s="26"/>
      <c r="RIU127" s="26"/>
      <c r="RIV127" s="26"/>
      <c r="RIW127" s="26"/>
      <c r="RIX127" s="26"/>
      <c r="RIY127" s="26"/>
      <c r="RIZ127" s="26"/>
      <c r="RJA127" s="26"/>
      <c r="RJB127" s="26"/>
      <c r="RJC127" s="26"/>
      <c r="RJD127" s="26"/>
      <c r="RJE127" s="26"/>
      <c r="RJF127" s="26"/>
      <c r="RJG127" s="26"/>
      <c r="RJH127" s="26"/>
      <c r="RJI127" s="26"/>
      <c r="RJJ127" s="26"/>
      <c r="RJK127" s="26"/>
      <c r="RJL127" s="26"/>
      <c r="RJM127" s="26"/>
      <c r="RJN127" s="26"/>
      <c r="RJO127" s="26"/>
      <c r="RJP127" s="26"/>
      <c r="RJQ127" s="26"/>
      <c r="RJR127" s="26"/>
      <c r="RJS127" s="26"/>
      <c r="RJT127" s="26"/>
      <c r="RJU127" s="26"/>
      <c r="RJV127" s="26"/>
      <c r="RJW127" s="26"/>
      <c r="RJX127" s="26"/>
      <c r="RJY127" s="26"/>
      <c r="RJZ127" s="26"/>
      <c r="RKA127" s="26"/>
      <c r="RKB127" s="26"/>
      <c r="RKC127" s="26"/>
      <c r="RKD127" s="26"/>
      <c r="RKE127" s="26"/>
      <c r="RKF127" s="26"/>
      <c r="RKG127" s="26"/>
      <c r="RKH127" s="26"/>
      <c r="RKI127" s="26"/>
      <c r="RKJ127" s="26"/>
      <c r="RKK127" s="26"/>
      <c r="RKL127" s="26"/>
      <c r="RKM127" s="26"/>
      <c r="RKN127" s="26"/>
      <c r="RKO127" s="26"/>
      <c r="RKP127" s="26"/>
      <c r="RKQ127" s="26"/>
      <c r="RKR127" s="26"/>
      <c r="RKS127" s="26"/>
      <c r="RKT127" s="26"/>
      <c r="RKU127" s="26"/>
      <c r="RKV127" s="26"/>
      <c r="RKW127" s="26"/>
      <c r="RKX127" s="26"/>
      <c r="RKY127" s="26"/>
      <c r="RKZ127" s="26"/>
      <c r="RLA127" s="26"/>
      <c r="RLB127" s="26"/>
      <c r="RLC127" s="26"/>
      <c r="RLD127" s="26"/>
      <c r="RLE127" s="26"/>
      <c r="RLF127" s="26"/>
      <c r="RLG127" s="26"/>
      <c r="RLH127" s="26"/>
      <c r="RLI127" s="26"/>
      <c r="RLJ127" s="26"/>
      <c r="RLK127" s="26"/>
      <c r="RLL127" s="26"/>
      <c r="RLM127" s="26"/>
      <c r="RLN127" s="26"/>
      <c r="RLO127" s="26"/>
      <c r="RLP127" s="26"/>
      <c r="RLQ127" s="26"/>
      <c r="RLR127" s="26"/>
      <c r="RLS127" s="26"/>
      <c r="RLT127" s="26"/>
      <c r="RLU127" s="26"/>
      <c r="RLV127" s="26"/>
      <c r="RLW127" s="26"/>
      <c r="RLX127" s="26"/>
      <c r="RLY127" s="26"/>
      <c r="RLZ127" s="26"/>
      <c r="RMA127" s="26"/>
      <c r="RMB127" s="26"/>
      <c r="RMC127" s="26"/>
      <c r="RMD127" s="26"/>
      <c r="RME127" s="26"/>
      <c r="RMF127" s="26"/>
      <c r="RMG127" s="26"/>
      <c r="RMH127" s="26"/>
      <c r="RMI127" s="26"/>
      <c r="RMJ127" s="26"/>
      <c r="RMK127" s="26"/>
      <c r="RML127" s="26"/>
      <c r="RMM127" s="26"/>
      <c r="RMN127" s="26"/>
      <c r="RMO127" s="26"/>
      <c r="RMP127" s="26"/>
      <c r="RMQ127" s="26"/>
      <c r="RMR127" s="26"/>
      <c r="RMS127" s="26"/>
      <c r="RMT127" s="26"/>
      <c r="RMU127" s="26"/>
      <c r="RMV127" s="26"/>
      <c r="RMW127" s="26"/>
      <c r="RMX127" s="26"/>
      <c r="RMY127" s="26"/>
      <c r="RMZ127" s="26"/>
      <c r="RNA127" s="26"/>
      <c r="RNB127" s="26"/>
      <c r="RNC127" s="26"/>
      <c r="RND127" s="26"/>
      <c r="RNE127" s="26"/>
      <c r="RNF127" s="26"/>
      <c r="RNG127" s="26"/>
      <c r="RNH127" s="26"/>
      <c r="RNI127" s="26"/>
      <c r="RNJ127" s="26"/>
      <c r="RNK127" s="26"/>
      <c r="RNL127" s="26"/>
      <c r="RNM127" s="26"/>
      <c r="RNN127" s="26"/>
      <c r="RNO127" s="26"/>
      <c r="RNP127" s="26"/>
      <c r="RNQ127" s="26"/>
      <c r="RNR127" s="26"/>
      <c r="RNS127" s="26"/>
      <c r="RNT127" s="26"/>
      <c r="RNU127" s="26"/>
      <c r="RNV127" s="26"/>
      <c r="RNW127" s="26"/>
      <c r="RNX127" s="26"/>
      <c r="RNY127" s="26"/>
      <c r="RNZ127" s="26"/>
      <c r="ROA127" s="26"/>
      <c r="ROB127" s="26"/>
      <c r="ROC127" s="26"/>
      <c r="ROD127" s="26"/>
      <c r="ROE127" s="26"/>
      <c r="ROF127" s="26"/>
      <c r="ROG127" s="26"/>
      <c r="ROH127" s="26"/>
      <c r="ROI127" s="26"/>
      <c r="ROJ127" s="26"/>
      <c r="ROK127" s="26"/>
      <c r="ROL127" s="26"/>
      <c r="ROM127" s="26"/>
      <c r="RON127" s="26"/>
      <c r="ROO127" s="26"/>
      <c r="ROP127" s="26"/>
      <c r="ROQ127" s="26"/>
      <c r="ROR127" s="26"/>
      <c r="ROS127" s="26"/>
      <c r="ROT127" s="26"/>
      <c r="ROU127" s="26"/>
      <c r="ROV127" s="26"/>
      <c r="ROW127" s="26"/>
      <c r="ROX127" s="26"/>
      <c r="ROY127" s="26"/>
      <c r="ROZ127" s="26"/>
      <c r="RPA127" s="26"/>
      <c r="RPB127" s="26"/>
      <c r="RPC127" s="26"/>
      <c r="RPD127" s="26"/>
      <c r="RPE127" s="26"/>
      <c r="RPF127" s="26"/>
      <c r="RPG127" s="26"/>
      <c r="RPH127" s="26"/>
      <c r="RPI127" s="26"/>
      <c r="RPJ127" s="26"/>
      <c r="RPK127" s="26"/>
      <c r="RPL127" s="26"/>
      <c r="RPM127" s="26"/>
      <c r="RPN127" s="26"/>
      <c r="RPO127" s="26"/>
      <c r="RPP127" s="26"/>
      <c r="RPQ127" s="26"/>
      <c r="RPR127" s="26"/>
      <c r="RPS127" s="26"/>
      <c r="RPT127" s="26"/>
      <c r="RPU127" s="26"/>
      <c r="RPV127" s="26"/>
      <c r="RPW127" s="26"/>
      <c r="RPX127" s="26"/>
      <c r="RPY127" s="26"/>
      <c r="RPZ127" s="26"/>
      <c r="RQA127" s="26"/>
      <c r="RQB127" s="26"/>
      <c r="RQC127" s="26"/>
      <c r="RQD127" s="26"/>
      <c r="RQE127" s="26"/>
      <c r="RQF127" s="26"/>
      <c r="RQG127" s="26"/>
      <c r="RQH127" s="26"/>
      <c r="RQI127" s="26"/>
      <c r="RQJ127" s="26"/>
      <c r="RQK127" s="26"/>
      <c r="RQL127" s="26"/>
      <c r="RQM127" s="26"/>
      <c r="RQN127" s="26"/>
      <c r="RQO127" s="26"/>
      <c r="RQP127" s="26"/>
      <c r="RQQ127" s="26"/>
      <c r="RQR127" s="26"/>
      <c r="RQS127" s="26"/>
      <c r="RQT127" s="26"/>
      <c r="RQU127" s="26"/>
      <c r="RQV127" s="26"/>
      <c r="RQW127" s="26"/>
      <c r="RQX127" s="26"/>
      <c r="RQY127" s="26"/>
      <c r="RQZ127" s="26"/>
      <c r="RRA127" s="26"/>
      <c r="RRB127" s="26"/>
      <c r="RRC127" s="26"/>
      <c r="RRD127" s="26"/>
      <c r="RRE127" s="26"/>
      <c r="RRF127" s="26"/>
      <c r="RRG127" s="26"/>
      <c r="RRH127" s="26"/>
      <c r="RRI127" s="26"/>
      <c r="RRJ127" s="26"/>
      <c r="RRK127" s="26"/>
      <c r="RRL127" s="26"/>
      <c r="RRM127" s="26"/>
      <c r="RRN127" s="26"/>
      <c r="RRO127" s="26"/>
      <c r="RRP127" s="26"/>
      <c r="RRQ127" s="26"/>
      <c r="RRR127" s="26"/>
      <c r="RRS127" s="26"/>
      <c r="RRT127" s="26"/>
      <c r="RRU127" s="26"/>
      <c r="RRV127" s="26"/>
      <c r="RRW127" s="26"/>
      <c r="RRX127" s="26"/>
      <c r="RRY127" s="26"/>
      <c r="RRZ127" s="26"/>
      <c r="RSA127" s="26"/>
      <c r="RSB127" s="26"/>
      <c r="RSC127" s="26"/>
      <c r="RSD127" s="26"/>
      <c r="RSE127" s="26"/>
      <c r="RSF127" s="26"/>
      <c r="RSG127" s="26"/>
      <c r="RSH127" s="26"/>
      <c r="RSI127" s="26"/>
      <c r="RSJ127" s="26"/>
      <c r="RSK127" s="26"/>
      <c r="RSL127" s="26"/>
      <c r="RSM127" s="26"/>
      <c r="RSN127" s="26"/>
      <c r="RSO127" s="26"/>
      <c r="RSP127" s="26"/>
      <c r="RSQ127" s="26"/>
      <c r="RSR127" s="26"/>
      <c r="RSS127" s="26"/>
      <c r="RST127" s="26"/>
      <c r="RSU127" s="26"/>
      <c r="RSV127" s="26"/>
      <c r="RSW127" s="26"/>
      <c r="RSX127" s="26"/>
      <c r="RSY127" s="26"/>
      <c r="RSZ127" s="26"/>
      <c r="RTA127" s="26"/>
      <c r="RTB127" s="26"/>
      <c r="RTC127" s="26"/>
      <c r="RTD127" s="26"/>
      <c r="RTE127" s="26"/>
      <c r="RTF127" s="26"/>
      <c r="RTG127" s="26"/>
      <c r="RTH127" s="26"/>
      <c r="RTI127" s="26"/>
      <c r="RTJ127" s="26"/>
      <c r="RTK127" s="26"/>
      <c r="RTL127" s="26"/>
      <c r="RTM127" s="26"/>
      <c r="RTN127" s="26"/>
      <c r="RTO127" s="26"/>
      <c r="RTP127" s="26"/>
      <c r="RTQ127" s="26"/>
      <c r="RTR127" s="26"/>
      <c r="RTS127" s="26"/>
      <c r="RTT127" s="26"/>
      <c r="RTU127" s="26"/>
      <c r="RTV127" s="26"/>
      <c r="RTW127" s="26"/>
      <c r="RTX127" s="26"/>
      <c r="RTY127" s="26"/>
      <c r="RTZ127" s="26"/>
      <c r="RUA127" s="26"/>
      <c r="RUB127" s="26"/>
      <c r="RUC127" s="26"/>
      <c r="RUD127" s="26"/>
      <c r="RUE127" s="26"/>
      <c r="RUF127" s="26"/>
      <c r="RUG127" s="26"/>
      <c r="RUH127" s="26"/>
      <c r="RUI127" s="26"/>
      <c r="RUJ127" s="26"/>
      <c r="RUK127" s="26"/>
      <c r="RUL127" s="26"/>
      <c r="RUM127" s="26"/>
      <c r="RUN127" s="26"/>
      <c r="RUO127" s="26"/>
      <c r="RUP127" s="26"/>
      <c r="RUQ127" s="26"/>
      <c r="RUR127" s="26"/>
      <c r="RUS127" s="26"/>
      <c r="RUT127" s="26"/>
      <c r="RUU127" s="26"/>
      <c r="RUV127" s="26"/>
      <c r="RUW127" s="26"/>
      <c r="RUX127" s="26"/>
      <c r="RUY127" s="26"/>
      <c r="RUZ127" s="26"/>
      <c r="RVA127" s="26"/>
      <c r="RVB127" s="26"/>
      <c r="RVC127" s="26"/>
      <c r="RVD127" s="26"/>
      <c r="RVE127" s="26"/>
      <c r="RVF127" s="26"/>
      <c r="RVG127" s="26"/>
      <c r="RVH127" s="26"/>
      <c r="RVI127" s="26"/>
      <c r="RVJ127" s="26"/>
      <c r="RVK127" s="26"/>
      <c r="RVL127" s="26"/>
      <c r="RVM127" s="26"/>
      <c r="RVN127" s="26"/>
      <c r="RVO127" s="26"/>
      <c r="RVP127" s="26"/>
      <c r="RVQ127" s="26"/>
      <c r="RVR127" s="26"/>
      <c r="RVS127" s="26"/>
      <c r="RVT127" s="26"/>
      <c r="RVU127" s="26"/>
      <c r="RVV127" s="26"/>
      <c r="RVW127" s="26"/>
      <c r="RVX127" s="26"/>
      <c r="RVY127" s="26"/>
      <c r="RVZ127" s="26"/>
      <c r="RWA127" s="26"/>
      <c r="RWB127" s="26"/>
      <c r="RWC127" s="26"/>
      <c r="RWD127" s="26"/>
      <c r="RWE127" s="26"/>
      <c r="RWF127" s="26"/>
      <c r="RWG127" s="26"/>
      <c r="RWH127" s="26"/>
      <c r="RWI127" s="26"/>
      <c r="RWJ127" s="26"/>
      <c r="RWK127" s="26"/>
      <c r="RWL127" s="26"/>
      <c r="RWM127" s="26"/>
      <c r="RWN127" s="26"/>
      <c r="RWO127" s="26"/>
      <c r="RWP127" s="26"/>
      <c r="RWQ127" s="26"/>
      <c r="RWR127" s="26"/>
      <c r="RWS127" s="26"/>
      <c r="RWT127" s="26"/>
      <c r="RWU127" s="26"/>
      <c r="RWV127" s="26"/>
      <c r="RWW127" s="26"/>
      <c r="RWX127" s="26"/>
      <c r="RWY127" s="26"/>
      <c r="RWZ127" s="26"/>
      <c r="RXA127" s="26"/>
      <c r="RXB127" s="26"/>
      <c r="RXC127" s="26"/>
      <c r="RXD127" s="26"/>
      <c r="RXE127" s="26"/>
      <c r="RXF127" s="26"/>
      <c r="RXG127" s="26"/>
      <c r="RXH127" s="26"/>
      <c r="RXI127" s="26"/>
      <c r="RXJ127" s="26"/>
      <c r="RXK127" s="26"/>
      <c r="RXL127" s="26"/>
      <c r="RXM127" s="26"/>
      <c r="RXN127" s="26"/>
      <c r="RXO127" s="26"/>
      <c r="RXP127" s="26"/>
      <c r="RXQ127" s="26"/>
      <c r="RXR127" s="26"/>
      <c r="RXS127" s="26"/>
      <c r="RXT127" s="26"/>
      <c r="RXU127" s="26"/>
      <c r="RXV127" s="26"/>
      <c r="RXW127" s="26"/>
      <c r="RXX127" s="26"/>
      <c r="RXY127" s="26"/>
      <c r="RXZ127" s="26"/>
      <c r="RYA127" s="26"/>
      <c r="RYB127" s="26"/>
      <c r="RYC127" s="26"/>
      <c r="RYD127" s="26"/>
      <c r="RYE127" s="26"/>
      <c r="RYF127" s="26"/>
      <c r="RYG127" s="26"/>
      <c r="RYH127" s="26"/>
      <c r="RYI127" s="26"/>
      <c r="RYJ127" s="26"/>
      <c r="RYK127" s="26"/>
      <c r="RYL127" s="26"/>
      <c r="RYM127" s="26"/>
      <c r="RYN127" s="26"/>
      <c r="RYO127" s="26"/>
      <c r="RYP127" s="26"/>
      <c r="RYQ127" s="26"/>
      <c r="RYR127" s="26"/>
      <c r="RYS127" s="26"/>
      <c r="RYT127" s="26"/>
      <c r="RYU127" s="26"/>
      <c r="RYV127" s="26"/>
      <c r="RYW127" s="26"/>
      <c r="RYX127" s="26"/>
      <c r="RYY127" s="26"/>
      <c r="RYZ127" s="26"/>
      <c r="RZA127" s="26"/>
      <c r="RZB127" s="26"/>
      <c r="RZC127" s="26"/>
      <c r="RZD127" s="26"/>
      <c r="RZE127" s="26"/>
      <c r="RZF127" s="26"/>
      <c r="RZG127" s="26"/>
      <c r="RZH127" s="26"/>
      <c r="RZI127" s="26"/>
      <c r="RZJ127" s="26"/>
      <c r="RZK127" s="26"/>
      <c r="RZL127" s="26"/>
      <c r="RZM127" s="26"/>
      <c r="RZN127" s="26"/>
      <c r="RZO127" s="26"/>
      <c r="RZP127" s="26"/>
      <c r="RZQ127" s="26"/>
      <c r="RZR127" s="26"/>
      <c r="RZS127" s="26"/>
      <c r="RZT127" s="26"/>
      <c r="RZU127" s="26"/>
      <c r="RZV127" s="26"/>
      <c r="RZW127" s="26"/>
      <c r="RZX127" s="26"/>
      <c r="RZY127" s="26"/>
      <c r="RZZ127" s="26"/>
      <c r="SAA127" s="26"/>
      <c r="SAB127" s="26"/>
      <c r="SAC127" s="26"/>
      <c r="SAD127" s="26"/>
      <c r="SAE127" s="26"/>
      <c r="SAF127" s="26"/>
      <c r="SAG127" s="26"/>
      <c r="SAH127" s="26"/>
      <c r="SAI127" s="26"/>
      <c r="SAJ127" s="26"/>
      <c r="SAK127" s="26"/>
      <c r="SAL127" s="26"/>
      <c r="SAM127" s="26"/>
      <c r="SAN127" s="26"/>
      <c r="SAO127" s="26"/>
      <c r="SAP127" s="26"/>
      <c r="SAQ127" s="26"/>
      <c r="SAR127" s="26"/>
      <c r="SAS127" s="26"/>
      <c r="SAT127" s="26"/>
      <c r="SAU127" s="26"/>
      <c r="SAV127" s="26"/>
      <c r="SAW127" s="26"/>
      <c r="SAX127" s="26"/>
      <c r="SAY127" s="26"/>
      <c r="SAZ127" s="26"/>
      <c r="SBA127" s="26"/>
      <c r="SBB127" s="26"/>
      <c r="SBC127" s="26"/>
      <c r="SBD127" s="26"/>
      <c r="SBE127" s="26"/>
      <c r="SBF127" s="26"/>
      <c r="SBG127" s="26"/>
      <c r="SBH127" s="26"/>
      <c r="SBI127" s="26"/>
      <c r="SBJ127" s="26"/>
      <c r="SBK127" s="26"/>
      <c r="SBL127" s="26"/>
      <c r="SBM127" s="26"/>
      <c r="SBN127" s="26"/>
      <c r="SBO127" s="26"/>
      <c r="SBP127" s="26"/>
      <c r="SBQ127" s="26"/>
      <c r="SBR127" s="26"/>
      <c r="SBS127" s="26"/>
      <c r="SBT127" s="26"/>
      <c r="SBU127" s="26"/>
      <c r="SBV127" s="26"/>
      <c r="SBW127" s="26"/>
      <c r="SBX127" s="26"/>
      <c r="SBY127" s="26"/>
      <c r="SBZ127" s="26"/>
      <c r="SCA127" s="26"/>
      <c r="SCB127" s="26"/>
      <c r="SCC127" s="26"/>
      <c r="SCD127" s="26"/>
      <c r="SCE127" s="26"/>
      <c r="SCF127" s="26"/>
      <c r="SCG127" s="26"/>
      <c r="SCH127" s="26"/>
      <c r="SCI127" s="26"/>
      <c r="SCJ127" s="26"/>
      <c r="SCK127" s="26"/>
      <c r="SCL127" s="26"/>
      <c r="SCM127" s="26"/>
      <c r="SCN127" s="26"/>
      <c r="SCO127" s="26"/>
      <c r="SCP127" s="26"/>
      <c r="SCQ127" s="26"/>
      <c r="SCR127" s="26"/>
      <c r="SCS127" s="26"/>
      <c r="SCT127" s="26"/>
      <c r="SCU127" s="26"/>
      <c r="SCV127" s="26"/>
      <c r="SCW127" s="26"/>
      <c r="SCX127" s="26"/>
      <c r="SCY127" s="26"/>
      <c r="SCZ127" s="26"/>
      <c r="SDA127" s="26"/>
      <c r="SDB127" s="26"/>
      <c r="SDC127" s="26"/>
      <c r="SDD127" s="26"/>
      <c r="SDE127" s="26"/>
      <c r="SDF127" s="26"/>
      <c r="SDG127" s="26"/>
      <c r="SDH127" s="26"/>
      <c r="SDI127" s="26"/>
      <c r="SDJ127" s="26"/>
      <c r="SDK127" s="26"/>
      <c r="SDL127" s="26"/>
      <c r="SDM127" s="26"/>
      <c r="SDN127" s="26"/>
      <c r="SDO127" s="26"/>
      <c r="SDP127" s="26"/>
      <c r="SDQ127" s="26"/>
      <c r="SDR127" s="26"/>
      <c r="SDS127" s="26"/>
      <c r="SDT127" s="26"/>
      <c r="SDU127" s="26"/>
      <c r="SDV127" s="26"/>
      <c r="SDW127" s="26"/>
      <c r="SDX127" s="26"/>
      <c r="SDY127" s="26"/>
      <c r="SDZ127" s="26"/>
      <c r="SEA127" s="26"/>
      <c r="SEB127" s="26"/>
      <c r="SEC127" s="26"/>
      <c r="SED127" s="26"/>
      <c r="SEE127" s="26"/>
      <c r="SEF127" s="26"/>
      <c r="SEG127" s="26"/>
      <c r="SEH127" s="26"/>
      <c r="SEI127" s="26"/>
      <c r="SEJ127" s="26"/>
      <c r="SEK127" s="26"/>
      <c r="SEL127" s="26"/>
      <c r="SEM127" s="26"/>
      <c r="SEN127" s="26"/>
      <c r="SEO127" s="26"/>
      <c r="SEP127" s="26"/>
      <c r="SEQ127" s="26"/>
      <c r="SER127" s="26"/>
      <c r="SES127" s="26"/>
      <c r="SET127" s="26"/>
      <c r="SEU127" s="26"/>
      <c r="SEV127" s="26"/>
      <c r="SEW127" s="26"/>
      <c r="SEX127" s="26"/>
      <c r="SEY127" s="26"/>
      <c r="SEZ127" s="26"/>
      <c r="SFA127" s="26"/>
      <c r="SFB127" s="26"/>
      <c r="SFC127" s="26"/>
      <c r="SFD127" s="26"/>
      <c r="SFE127" s="26"/>
      <c r="SFF127" s="26"/>
      <c r="SFG127" s="26"/>
      <c r="SFH127" s="26"/>
      <c r="SFI127" s="26"/>
      <c r="SFJ127" s="26"/>
      <c r="SFK127" s="26"/>
      <c r="SFL127" s="26"/>
      <c r="SFM127" s="26"/>
      <c r="SFN127" s="26"/>
      <c r="SFO127" s="26"/>
      <c r="SFP127" s="26"/>
      <c r="SFQ127" s="26"/>
      <c r="SFR127" s="26"/>
      <c r="SFS127" s="26"/>
      <c r="SFT127" s="26"/>
      <c r="SFU127" s="26"/>
      <c r="SFV127" s="26"/>
      <c r="SFW127" s="26"/>
      <c r="SFX127" s="26"/>
      <c r="SFY127" s="26"/>
      <c r="SFZ127" s="26"/>
      <c r="SGA127" s="26"/>
      <c r="SGB127" s="26"/>
      <c r="SGC127" s="26"/>
      <c r="SGD127" s="26"/>
      <c r="SGE127" s="26"/>
      <c r="SGF127" s="26"/>
      <c r="SGG127" s="26"/>
      <c r="SGH127" s="26"/>
      <c r="SGI127" s="26"/>
      <c r="SGJ127" s="26"/>
      <c r="SGK127" s="26"/>
      <c r="SGL127" s="26"/>
      <c r="SGM127" s="26"/>
      <c r="SGN127" s="26"/>
      <c r="SGO127" s="26"/>
      <c r="SGP127" s="26"/>
      <c r="SGQ127" s="26"/>
      <c r="SGR127" s="26"/>
      <c r="SGS127" s="26"/>
      <c r="SGT127" s="26"/>
      <c r="SGU127" s="26"/>
      <c r="SGV127" s="26"/>
      <c r="SGW127" s="26"/>
      <c r="SGX127" s="26"/>
      <c r="SGY127" s="26"/>
      <c r="SGZ127" s="26"/>
      <c r="SHA127" s="26"/>
      <c r="SHB127" s="26"/>
      <c r="SHC127" s="26"/>
      <c r="SHD127" s="26"/>
      <c r="SHE127" s="26"/>
      <c r="SHF127" s="26"/>
      <c r="SHG127" s="26"/>
      <c r="SHH127" s="26"/>
      <c r="SHI127" s="26"/>
      <c r="SHJ127" s="26"/>
      <c r="SHK127" s="26"/>
      <c r="SHL127" s="26"/>
      <c r="SHM127" s="26"/>
      <c r="SHN127" s="26"/>
      <c r="SHO127" s="26"/>
      <c r="SHP127" s="26"/>
      <c r="SHQ127" s="26"/>
      <c r="SHR127" s="26"/>
      <c r="SHS127" s="26"/>
      <c r="SHT127" s="26"/>
      <c r="SHU127" s="26"/>
      <c r="SHV127" s="26"/>
      <c r="SHW127" s="26"/>
      <c r="SHX127" s="26"/>
      <c r="SHY127" s="26"/>
      <c r="SHZ127" s="26"/>
      <c r="SIA127" s="26"/>
      <c r="SIB127" s="26"/>
      <c r="SIC127" s="26"/>
      <c r="SID127" s="26"/>
      <c r="SIE127" s="26"/>
      <c r="SIF127" s="26"/>
      <c r="SIG127" s="26"/>
      <c r="SIH127" s="26"/>
      <c r="SII127" s="26"/>
      <c r="SIJ127" s="26"/>
      <c r="SIK127" s="26"/>
      <c r="SIL127" s="26"/>
      <c r="SIM127" s="26"/>
      <c r="SIN127" s="26"/>
      <c r="SIO127" s="26"/>
      <c r="SIP127" s="26"/>
      <c r="SIQ127" s="26"/>
      <c r="SIR127" s="26"/>
      <c r="SIS127" s="26"/>
      <c r="SIT127" s="26"/>
      <c r="SIU127" s="26"/>
      <c r="SIV127" s="26"/>
      <c r="SIW127" s="26"/>
      <c r="SIX127" s="26"/>
      <c r="SIY127" s="26"/>
      <c r="SIZ127" s="26"/>
      <c r="SJA127" s="26"/>
      <c r="SJB127" s="26"/>
      <c r="SJC127" s="26"/>
      <c r="SJD127" s="26"/>
      <c r="SJE127" s="26"/>
      <c r="SJF127" s="26"/>
      <c r="SJG127" s="26"/>
      <c r="SJH127" s="26"/>
      <c r="SJI127" s="26"/>
      <c r="SJJ127" s="26"/>
      <c r="SJK127" s="26"/>
      <c r="SJL127" s="26"/>
      <c r="SJM127" s="26"/>
      <c r="SJN127" s="26"/>
      <c r="SJO127" s="26"/>
      <c r="SJP127" s="26"/>
      <c r="SJQ127" s="26"/>
      <c r="SJR127" s="26"/>
      <c r="SJS127" s="26"/>
      <c r="SJT127" s="26"/>
      <c r="SJU127" s="26"/>
      <c r="SJV127" s="26"/>
      <c r="SJW127" s="26"/>
      <c r="SJX127" s="26"/>
      <c r="SJY127" s="26"/>
      <c r="SJZ127" s="26"/>
      <c r="SKA127" s="26"/>
      <c r="SKB127" s="26"/>
      <c r="SKC127" s="26"/>
      <c r="SKD127" s="26"/>
      <c r="SKE127" s="26"/>
      <c r="SKF127" s="26"/>
      <c r="SKG127" s="26"/>
      <c r="SKH127" s="26"/>
      <c r="SKI127" s="26"/>
      <c r="SKJ127" s="26"/>
      <c r="SKK127" s="26"/>
      <c r="SKL127" s="26"/>
      <c r="SKM127" s="26"/>
      <c r="SKN127" s="26"/>
      <c r="SKO127" s="26"/>
      <c r="SKP127" s="26"/>
      <c r="SKQ127" s="26"/>
      <c r="SKR127" s="26"/>
      <c r="SKS127" s="26"/>
      <c r="SKT127" s="26"/>
      <c r="SKU127" s="26"/>
      <c r="SKV127" s="26"/>
      <c r="SKW127" s="26"/>
      <c r="SKX127" s="26"/>
      <c r="SKY127" s="26"/>
      <c r="SKZ127" s="26"/>
      <c r="SLA127" s="26"/>
      <c r="SLB127" s="26"/>
      <c r="SLC127" s="26"/>
      <c r="SLD127" s="26"/>
      <c r="SLE127" s="26"/>
      <c r="SLF127" s="26"/>
      <c r="SLG127" s="26"/>
      <c r="SLH127" s="26"/>
      <c r="SLI127" s="26"/>
      <c r="SLJ127" s="26"/>
      <c r="SLK127" s="26"/>
      <c r="SLL127" s="26"/>
      <c r="SLM127" s="26"/>
      <c r="SLN127" s="26"/>
      <c r="SLO127" s="26"/>
      <c r="SLP127" s="26"/>
      <c r="SLQ127" s="26"/>
      <c r="SLR127" s="26"/>
      <c r="SLS127" s="26"/>
      <c r="SLT127" s="26"/>
      <c r="SLU127" s="26"/>
      <c r="SLV127" s="26"/>
      <c r="SLW127" s="26"/>
      <c r="SLX127" s="26"/>
      <c r="SLY127" s="26"/>
      <c r="SLZ127" s="26"/>
      <c r="SMA127" s="26"/>
      <c r="SMB127" s="26"/>
      <c r="SMC127" s="26"/>
      <c r="SMD127" s="26"/>
      <c r="SME127" s="26"/>
      <c r="SMF127" s="26"/>
      <c r="SMG127" s="26"/>
      <c r="SMH127" s="26"/>
      <c r="SMI127" s="26"/>
      <c r="SMJ127" s="26"/>
      <c r="SMK127" s="26"/>
      <c r="SML127" s="26"/>
      <c r="SMM127" s="26"/>
      <c r="SMN127" s="26"/>
      <c r="SMO127" s="26"/>
      <c r="SMP127" s="26"/>
      <c r="SMQ127" s="26"/>
      <c r="SMR127" s="26"/>
      <c r="SMS127" s="26"/>
      <c r="SMT127" s="26"/>
      <c r="SMU127" s="26"/>
      <c r="SMV127" s="26"/>
      <c r="SMW127" s="26"/>
      <c r="SMX127" s="26"/>
      <c r="SMY127" s="26"/>
      <c r="SMZ127" s="26"/>
      <c r="SNA127" s="26"/>
      <c r="SNB127" s="26"/>
      <c r="SNC127" s="26"/>
      <c r="SND127" s="26"/>
      <c r="SNE127" s="26"/>
      <c r="SNF127" s="26"/>
      <c r="SNG127" s="26"/>
      <c r="SNH127" s="26"/>
      <c r="SNI127" s="26"/>
      <c r="SNJ127" s="26"/>
      <c r="SNK127" s="26"/>
      <c r="SNL127" s="26"/>
      <c r="SNM127" s="26"/>
      <c r="SNN127" s="26"/>
      <c r="SNO127" s="26"/>
      <c r="SNP127" s="26"/>
      <c r="SNQ127" s="26"/>
      <c r="SNR127" s="26"/>
      <c r="SNS127" s="26"/>
      <c r="SNT127" s="26"/>
      <c r="SNU127" s="26"/>
      <c r="SNV127" s="26"/>
      <c r="SNW127" s="26"/>
      <c r="SNX127" s="26"/>
      <c r="SNY127" s="26"/>
      <c r="SNZ127" s="26"/>
      <c r="SOA127" s="26"/>
      <c r="SOB127" s="26"/>
      <c r="SOC127" s="26"/>
      <c r="SOD127" s="26"/>
      <c r="SOE127" s="26"/>
      <c r="SOF127" s="26"/>
      <c r="SOG127" s="26"/>
      <c r="SOH127" s="26"/>
      <c r="SOI127" s="26"/>
      <c r="SOJ127" s="26"/>
      <c r="SOK127" s="26"/>
      <c r="SOL127" s="26"/>
      <c r="SOM127" s="26"/>
      <c r="SON127" s="26"/>
      <c r="SOO127" s="26"/>
      <c r="SOP127" s="26"/>
      <c r="SOQ127" s="26"/>
      <c r="SOR127" s="26"/>
      <c r="SOS127" s="26"/>
      <c r="SOT127" s="26"/>
      <c r="SOU127" s="26"/>
      <c r="SOV127" s="26"/>
      <c r="SOW127" s="26"/>
      <c r="SOX127" s="26"/>
      <c r="SOY127" s="26"/>
      <c r="SOZ127" s="26"/>
      <c r="SPA127" s="26"/>
      <c r="SPB127" s="26"/>
      <c r="SPC127" s="26"/>
      <c r="SPD127" s="26"/>
      <c r="SPE127" s="26"/>
      <c r="SPF127" s="26"/>
      <c r="SPG127" s="26"/>
      <c r="SPH127" s="26"/>
      <c r="SPI127" s="26"/>
      <c r="SPJ127" s="26"/>
      <c r="SPK127" s="26"/>
      <c r="SPL127" s="26"/>
      <c r="SPM127" s="26"/>
      <c r="SPN127" s="26"/>
      <c r="SPO127" s="26"/>
      <c r="SPP127" s="26"/>
      <c r="SPQ127" s="26"/>
      <c r="SPR127" s="26"/>
      <c r="SPS127" s="26"/>
      <c r="SPT127" s="26"/>
      <c r="SPU127" s="26"/>
      <c r="SPV127" s="26"/>
      <c r="SPW127" s="26"/>
      <c r="SPX127" s="26"/>
      <c r="SPY127" s="26"/>
      <c r="SPZ127" s="26"/>
      <c r="SQA127" s="26"/>
      <c r="SQB127" s="26"/>
      <c r="SQC127" s="26"/>
      <c r="SQD127" s="26"/>
      <c r="SQE127" s="26"/>
      <c r="SQF127" s="26"/>
      <c r="SQG127" s="26"/>
      <c r="SQH127" s="26"/>
      <c r="SQI127" s="26"/>
      <c r="SQJ127" s="26"/>
      <c r="SQK127" s="26"/>
      <c r="SQL127" s="26"/>
      <c r="SQM127" s="26"/>
      <c r="SQN127" s="26"/>
      <c r="SQO127" s="26"/>
      <c r="SQP127" s="26"/>
      <c r="SQQ127" s="26"/>
      <c r="SQR127" s="26"/>
      <c r="SQS127" s="26"/>
      <c r="SQT127" s="26"/>
      <c r="SQU127" s="26"/>
      <c r="SQV127" s="26"/>
      <c r="SQW127" s="26"/>
      <c r="SQX127" s="26"/>
      <c r="SQY127" s="26"/>
      <c r="SQZ127" s="26"/>
      <c r="SRA127" s="26"/>
      <c r="SRB127" s="26"/>
      <c r="SRC127" s="26"/>
      <c r="SRD127" s="26"/>
      <c r="SRE127" s="26"/>
      <c r="SRF127" s="26"/>
      <c r="SRG127" s="26"/>
      <c r="SRH127" s="26"/>
      <c r="SRI127" s="26"/>
      <c r="SRJ127" s="26"/>
      <c r="SRK127" s="26"/>
      <c r="SRL127" s="26"/>
      <c r="SRM127" s="26"/>
      <c r="SRN127" s="26"/>
      <c r="SRO127" s="26"/>
      <c r="SRP127" s="26"/>
      <c r="SRQ127" s="26"/>
      <c r="SRR127" s="26"/>
      <c r="SRS127" s="26"/>
      <c r="SRT127" s="26"/>
      <c r="SRU127" s="26"/>
      <c r="SRV127" s="26"/>
      <c r="SRW127" s="26"/>
      <c r="SRX127" s="26"/>
      <c r="SRY127" s="26"/>
      <c r="SRZ127" s="26"/>
      <c r="SSA127" s="26"/>
      <c r="SSB127" s="26"/>
      <c r="SSC127" s="26"/>
      <c r="SSD127" s="26"/>
      <c r="SSE127" s="26"/>
      <c r="SSF127" s="26"/>
      <c r="SSG127" s="26"/>
      <c r="SSH127" s="26"/>
      <c r="SSI127" s="26"/>
      <c r="SSJ127" s="26"/>
      <c r="SSK127" s="26"/>
      <c r="SSL127" s="26"/>
      <c r="SSM127" s="26"/>
      <c r="SSN127" s="26"/>
      <c r="SSO127" s="26"/>
      <c r="SSP127" s="26"/>
      <c r="SSQ127" s="26"/>
      <c r="SSR127" s="26"/>
      <c r="SSS127" s="26"/>
      <c r="SST127" s="26"/>
      <c r="SSU127" s="26"/>
      <c r="SSV127" s="26"/>
      <c r="SSW127" s="26"/>
      <c r="SSX127" s="26"/>
      <c r="SSY127" s="26"/>
      <c r="SSZ127" s="26"/>
      <c r="STA127" s="26"/>
      <c r="STB127" s="26"/>
      <c r="STC127" s="26"/>
      <c r="STD127" s="26"/>
      <c r="STE127" s="26"/>
      <c r="STF127" s="26"/>
      <c r="STG127" s="26"/>
      <c r="STH127" s="26"/>
      <c r="STI127" s="26"/>
      <c r="STJ127" s="26"/>
      <c r="STK127" s="26"/>
      <c r="STL127" s="26"/>
      <c r="STM127" s="26"/>
      <c r="STN127" s="26"/>
      <c r="STO127" s="26"/>
      <c r="STP127" s="26"/>
      <c r="STQ127" s="26"/>
      <c r="STR127" s="26"/>
      <c r="STS127" s="26"/>
      <c r="STT127" s="26"/>
      <c r="STU127" s="26"/>
      <c r="STV127" s="26"/>
      <c r="STW127" s="26"/>
      <c r="STX127" s="26"/>
      <c r="STY127" s="26"/>
      <c r="STZ127" s="26"/>
      <c r="SUA127" s="26"/>
      <c r="SUB127" s="26"/>
      <c r="SUC127" s="26"/>
      <c r="SUD127" s="26"/>
      <c r="SUE127" s="26"/>
      <c r="SUF127" s="26"/>
      <c r="SUG127" s="26"/>
      <c r="SUH127" s="26"/>
      <c r="SUI127" s="26"/>
      <c r="SUJ127" s="26"/>
      <c r="SUK127" s="26"/>
      <c r="SUL127" s="26"/>
      <c r="SUM127" s="26"/>
      <c r="SUN127" s="26"/>
      <c r="SUO127" s="26"/>
      <c r="SUP127" s="26"/>
      <c r="SUQ127" s="26"/>
      <c r="SUR127" s="26"/>
      <c r="SUS127" s="26"/>
      <c r="SUT127" s="26"/>
      <c r="SUU127" s="26"/>
      <c r="SUV127" s="26"/>
      <c r="SUW127" s="26"/>
      <c r="SUX127" s="26"/>
      <c r="SUY127" s="26"/>
      <c r="SUZ127" s="26"/>
      <c r="SVA127" s="26"/>
      <c r="SVB127" s="26"/>
      <c r="SVC127" s="26"/>
      <c r="SVD127" s="26"/>
      <c r="SVE127" s="26"/>
      <c r="SVF127" s="26"/>
      <c r="SVG127" s="26"/>
      <c r="SVH127" s="26"/>
      <c r="SVI127" s="26"/>
      <c r="SVJ127" s="26"/>
      <c r="SVK127" s="26"/>
      <c r="SVL127" s="26"/>
      <c r="SVM127" s="26"/>
      <c r="SVN127" s="26"/>
      <c r="SVO127" s="26"/>
      <c r="SVP127" s="26"/>
      <c r="SVQ127" s="26"/>
      <c r="SVR127" s="26"/>
      <c r="SVS127" s="26"/>
      <c r="SVT127" s="26"/>
      <c r="SVU127" s="26"/>
      <c r="SVV127" s="26"/>
      <c r="SVW127" s="26"/>
      <c r="SVX127" s="26"/>
      <c r="SVY127" s="26"/>
      <c r="SVZ127" s="26"/>
      <c r="SWA127" s="26"/>
      <c r="SWB127" s="26"/>
      <c r="SWC127" s="26"/>
      <c r="SWD127" s="26"/>
      <c r="SWE127" s="26"/>
      <c r="SWF127" s="26"/>
      <c r="SWG127" s="26"/>
      <c r="SWH127" s="26"/>
      <c r="SWI127" s="26"/>
      <c r="SWJ127" s="26"/>
      <c r="SWK127" s="26"/>
      <c r="SWL127" s="26"/>
      <c r="SWM127" s="26"/>
      <c r="SWN127" s="26"/>
      <c r="SWO127" s="26"/>
      <c r="SWP127" s="26"/>
      <c r="SWQ127" s="26"/>
      <c r="SWR127" s="26"/>
      <c r="SWS127" s="26"/>
      <c r="SWT127" s="26"/>
      <c r="SWU127" s="26"/>
      <c r="SWV127" s="26"/>
      <c r="SWW127" s="26"/>
      <c r="SWX127" s="26"/>
      <c r="SWY127" s="26"/>
      <c r="SWZ127" s="26"/>
      <c r="SXA127" s="26"/>
      <c r="SXB127" s="26"/>
      <c r="SXC127" s="26"/>
      <c r="SXD127" s="26"/>
      <c r="SXE127" s="26"/>
      <c r="SXF127" s="26"/>
      <c r="SXG127" s="26"/>
      <c r="SXH127" s="26"/>
      <c r="SXI127" s="26"/>
      <c r="SXJ127" s="26"/>
      <c r="SXK127" s="26"/>
      <c r="SXL127" s="26"/>
      <c r="SXM127" s="26"/>
      <c r="SXN127" s="26"/>
      <c r="SXO127" s="26"/>
      <c r="SXP127" s="26"/>
      <c r="SXQ127" s="26"/>
      <c r="SXR127" s="26"/>
      <c r="SXS127" s="26"/>
      <c r="SXT127" s="26"/>
      <c r="SXU127" s="26"/>
      <c r="SXV127" s="26"/>
      <c r="SXW127" s="26"/>
      <c r="SXX127" s="26"/>
      <c r="SXY127" s="26"/>
      <c r="SXZ127" s="26"/>
      <c r="SYA127" s="26"/>
      <c r="SYB127" s="26"/>
      <c r="SYC127" s="26"/>
      <c r="SYD127" s="26"/>
      <c r="SYE127" s="26"/>
      <c r="SYF127" s="26"/>
      <c r="SYG127" s="26"/>
      <c r="SYH127" s="26"/>
      <c r="SYI127" s="26"/>
      <c r="SYJ127" s="26"/>
      <c r="SYK127" s="26"/>
      <c r="SYL127" s="26"/>
      <c r="SYM127" s="26"/>
      <c r="SYN127" s="26"/>
      <c r="SYO127" s="26"/>
      <c r="SYP127" s="26"/>
      <c r="SYQ127" s="26"/>
      <c r="SYR127" s="26"/>
      <c r="SYS127" s="26"/>
      <c r="SYT127" s="26"/>
      <c r="SYU127" s="26"/>
      <c r="SYV127" s="26"/>
      <c r="SYW127" s="26"/>
      <c r="SYX127" s="26"/>
      <c r="SYY127" s="26"/>
      <c r="SYZ127" s="26"/>
      <c r="SZA127" s="26"/>
      <c r="SZB127" s="26"/>
      <c r="SZC127" s="26"/>
      <c r="SZD127" s="26"/>
      <c r="SZE127" s="26"/>
      <c r="SZF127" s="26"/>
      <c r="SZG127" s="26"/>
      <c r="SZH127" s="26"/>
      <c r="SZI127" s="26"/>
      <c r="SZJ127" s="26"/>
      <c r="SZK127" s="26"/>
      <c r="SZL127" s="26"/>
      <c r="SZM127" s="26"/>
      <c r="SZN127" s="26"/>
      <c r="SZO127" s="26"/>
      <c r="SZP127" s="26"/>
      <c r="SZQ127" s="26"/>
      <c r="SZR127" s="26"/>
      <c r="SZS127" s="26"/>
      <c r="SZT127" s="26"/>
      <c r="SZU127" s="26"/>
      <c r="SZV127" s="26"/>
      <c r="SZW127" s="26"/>
      <c r="SZX127" s="26"/>
      <c r="SZY127" s="26"/>
      <c r="SZZ127" s="26"/>
      <c r="TAA127" s="26"/>
      <c r="TAB127" s="26"/>
      <c r="TAC127" s="26"/>
      <c r="TAD127" s="26"/>
      <c r="TAE127" s="26"/>
      <c r="TAF127" s="26"/>
      <c r="TAG127" s="26"/>
      <c r="TAH127" s="26"/>
      <c r="TAI127" s="26"/>
      <c r="TAJ127" s="26"/>
      <c r="TAK127" s="26"/>
      <c r="TAL127" s="26"/>
      <c r="TAM127" s="26"/>
      <c r="TAN127" s="26"/>
      <c r="TAO127" s="26"/>
      <c r="TAP127" s="26"/>
      <c r="TAQ127" s="26"/>
      <c r="TAR127" s="26"/>
      <c r="TAS127" s="26"/>
      <c r="TAT127" s="26"/>
      <c r="TAU127" s="26"/>
      <c r="TAV127" s="26"/>
      <c r="TAW127" s="26"/>
      <c r="TAX127" s="26"/>
      <c r="TAY127" s="26"/>
      <c r="TAZ127" s="26"/>
      <c r="TBA127" s="26"/>
      <c r="TBB127" s="26"/>
      <c r="TBC127" s="26"/>
      <c r="TBD127" s="26"/>
      <c r="TBE127" s="26"/>
      <c r="TBF127" s="26"/>
      <c r="TBG127" s="26"/>
      <c r="TBH127" s="26"/>
      <c r="TBI127" s="26"/>
      <c r="TBJ127" s="26"/>
      <c r="TBK127" s="26"/>
      <c r="TBL127" s="26"/>
      <c r="TBM127" s="26"/>
      <c r="TBN127" s="26"/>
      <c r="TBO127" s="26"/>
      <c r="TBP127" s="26"/>
      <c r="TBQ127" s="26"/>
      <c r="TBR127" s="26"/>
      <c r="TBS127" s="26"/>
      <c r="TBT127" s="26"/>
      <c r="TBU127" s="26"/>
      <c r="TBV127" s="26"/>
      <c r="TBW127" s="26"/>
      <c r="TBX127" s="26"/>
      <c r="TBY127" s="26"/>
      <c r="TBZ127" s="26"/>
      <c r="TCA127" s="26"/>
      <c r="TCB127" s="26"/>
      <c r="TCC127" s="26"/>
      <c r="TCD127" s="26"/>
      <c r="TCE127" s="26"/>
      <c r="TCF127" s="26"/>
      <c r="TCG127" s="26"/>
      <c r="TCH127" s="26"/>
      <c r="TCI127" s="26"/>
      <c r="TCJ127" s="26"/>
      <c r="TCK127" s="26"/>
      <c r="TCL127" s="26"/>
      <c r="TCM127" s="26"/>
      <c r="TCN127" s="26"/>
      <c r="TCO127" s="26"/>
      <c r="TCP127" s="26"/>
      <c r="TCQ127" s="26"/>
      <c r="TCR127" s="26"/>
      <c r="TCS127" s="26"/>
      <c r="TCT127" s="26"/>
      <c r="TCU127" s="26"/>
      <c r="TCV127" s="26"/>
      <c r="TCW127" s="26"/>
      <c r="TCX127" s="26"/>
      <c r="TCY127" s="26"/>
      <c r="TCZ127" s="26"/>
      <c r="TDA127" s="26"/>
      <c r="TDB127" s="26"/>
      <c r="TDC127" s="26"/>
      <c r="TDD127" s="26"/>
      <c r="TDE127" s="26"/>
      <c r="TDF127" s="26"/>
      <c r="TDG127" s="26"/>
      <c r="TDH127" s="26"/>
      <c r="TDI127" s="26"/>
      <c r="TDJ127" s="26"/>
      <c r="TDK127" s="26"/>
      <c r="TDL127" s="26"/>
      <c r="TDM127" s="26"/>
      <c r="TDN127" s="26"/>
      <c r="TDO127" s="26"/>
      <c r="TDP127" s="26"/>
      <c r="TDQ127" s="26"/>
      <c r="TDR127" s="26"/>
      <c r="TDS127" s="26"/>
      <c r="TDT127" s="26"/>
      <c r="TDU127" s="26"/>
      <c r="TDV127" s="26"/>
      <c r="TDW127" s="26"/>
      <c r="TDX127" s="26"/>
      <c r="TDY127" s="26"/>
      <c r="TDZ127" s="26"/>
      <c r="TEA127" s="26"/>
      <c r="TEB127" s="26"/>
      <c r="TEC127" s="26"/>
      <c r="TED127" s="26"/>
      <c r="TEE127" s="26"/>
      <c r="TEF127" s="26"/>
      <c r="TEG127" s="26"/>
      <c r="TEH127" s="26"/>
      <c r="TEI127" s="26"/>
      <c r="TEJ127" s="26"/>
      <c r="TEK127" s="26"/>
      <c r="TEL127" s="26"/>
      <c r="TEM127" s="26"/>
      <c r="TEN127" s="26"/>
      <c r="TEO127" s="26"/>
      <c r="TEP127" s="26"/>
      <c r="TEQ127" s="26"/>
      <c r="TER127" s="26"/>
      <c r="TES127" s="26"/>
      <c r="TET127" s="26"/>
      <c r="TEU127" s="26"/>
      <c r="TEV127" s="26"/>
      <c r="TEW127" s="26"/>
      <c r="TEX127" s="26"/>
      <c r="TEY127" s="26"/>
      <c r="TEZ127" s="26"/>
      <c r="TFA127" s="26"/>
      <c r="TFB127" s="26"/>
      <c r="TFC127" s="26"/>
      <c r="TFD127" s="26"/>
      <c r="TFE127" s="26"/>
      <c r="TFF127" s="26"/>
      <c r="TFG127" s="26"/>
      <c r="TFH127" s="26"/>
      <c r="TFI127" s="26"/>
      <c r="TFJ127" s="26"/>
      <c r="TFK127" s="26"/>
      <c r="TFL127" s="26"/>
      <c r="TFM127" s="26"/>
      <c r="TFN127" s="26"/>
      <c r="TFO127" s="26"/>
      <c r="TFP127" s="26"/>
      <c r="TFQ127" s="26"/>
      <c r="TFR127" s="26"/>
      <c r="TFS127" s="26"/>
      <c r="TFT127" s="26"/>
      <c r="TFU127" s="26"/>
      <c r="TFV127" s="26"/>
      <c r="TFW127" s="26"/>
      <c r="TFX127" s="26"/>
      <c r="TFY127" s="26"/>
      <c r="TFZ127" s="26"/>
      <c r="TGA127" s="26"/>
      <c r="TGB127" s="26"/>
      <c r="TGC127" s="26"/>
      <c r="TGD127" s="26"/>
      <c r="TGE127" s="26"/>
      <c r="TGF127" s="26"/>
      <c r="TGG127" s="26"/>
      <c r="TGH127" s="26"/>
      <c r="TGI127" s="26"/>
      <c r="TGJ127" s="26"/>
      <c r="TGK127" s="26"/>
      <c r="TGL127" s="26"/>
      <c r="TGM127" s="26"/>
      <c r="TGN127" s="26"/>
      <c r="TGO127" s="26"/>
      <c r="TGP127" s="26"/>
      <c r="TGQ127" s="26"/>
      <c r="TGR127" s="26"/>
      <c r="TGS127" s="26"/>
      <c r="TGT127" s="26"/>
      <c r="TGU127" s="26"/>
      <c r="TGV127" s="26"/>
      <c r="TGW127" s="26"/>
      <c r="TGX127" s="26"/>
      <c r="TGY127" s="26"/>
      <c r="TGZ127" s="26"/>
      <c r="THA127" s="26"/>
      <c r="THB127" s="26"/>
      <c r="THC127" s="26"/>
      <c r="THD127" s="26"/>
      <c r="THE127" s="26"/>
      <c r="THF127" s="26"/>
      <c r="THG127" s="26"/>
      <c r="THH127" s="26"/>
      <c r="THI127" s="26"/>
      <c r="THJ127" s="26"/>
      <c r="THK127" s="26"/>
      <c r="THL127" s="26"/>
      <c r="THM127" s="26"/>
      <c r="THN127" s="26"/>
      <c r="THO127" s="26"/>
      <c r="THP127" s="26"/>
      <c r="THQ127" s="26"/>
      <c r="THR127" s="26"/>
      <c r="THS127" s="26"/>
      <c r="THT127" s="26"/>
      <c r="THU127" s="26"/>
      <c r="THV127" s="26"/>
      <c r="THW127" s="26"/>
      <c r="THX127" s="26"/>
      <c r="THY127" s="26"/>
      <c r="THZ127" s="26"/>
      <c r="TIA127" s="26"/>
      <c r="TIB127" s="26"/>
      <c r="TIC127" s="26"/>
      <c r="TID127" s="26"/>
      <c r="TIE127" s="26"/>
      <c r="TIF127" s="26"/>
      <c r="TIG127" s="26"/>
      <c r="TIH127" s="26"/>
      <c r="TII127" s="26"/>
      <c r="TIJ127" s="26"/>
      <c r="TIK127" s="26"/>
      <c r="TIL127" s="26"/>
      <c r="TIM127" s="26"/>
      <c r="TIN127" s="26"/>
      <c r="TIO127" s="26"/>
      <c r="TIP127" s="26"/>
      <c r="TIQ127" s="26"/>
      <c r="TIR127" s="26"/>
      <c r="TIS127" s="26"/>
      <c r="TIT127" s="26"/>
      <c r="TIU127" s="26"/>
      <c r="TIV127" s="26"/>
      <c r="TIW127" s="26"/>
      <c r="TIX127" s="26"/>
      <c r="TIY127" s="26"/>
      <c r="TIZ127" s="26"/>
      <c r="TJA127" s="26"/>
      <c r="TJB127" s="26"/>
      <c r="TJC127" s="26"/>
      <c r="TJD127" s="26"/>
      <c r="TJE127" s="26"/>
      <c r="TJF127" s="26"/>
      <c r="TJG127" s="26"/>
      <c r="TJH127" s="26"/>
      <c r="TJI127" s="26"/>
      <c r="TJJ127" s="26"/>
      <c r="TJK127" s="26"/>
      <c r="TJL127" s="26"/>
      <c r="TJM127" s="26"/>
      <c r="TJN127" s="26"/>
      <c r="TJO127" s="26"/>
      <c r="TJP127" s="26"/>
      <c r="TJQ127" s="26"/>
      <c r="TJR127" s="26"/>
      <c r="TJS127" s="26"/>
      <c r="TJT127" s="26"/>
      <c r="TJU127" s="26"/>
      <c r="TJV127" s="26"/>
      <c r="TJW127" s="26"/>
      <c r="TJX127" s="26"/>
      <c r="TJY127" s="26"/>
      <c r="TJZ127" s="26"/>
      <c r="TKA127" s="26"/>
      <c r="TKB127" s="26"/>
      <c r="TKC127" s="26"/>
      <c r="TKD127" s="26"/>
      <c r="TKE127" s="26"/>
      <c r="TKF127" s="26"/>
      <c r="TKG127" s="26"/>
      <c r="TKH127" s="26"/>
      <c r="TKI127" s="26"/>
      <c r="TKJ127" s="26"/>
      <c r="TKK127" s="26"/>
      <c r="TKL127" s="26"/>
      <c r="TKM127" s="26"/>
      <c r="TKN127" s="26"/>
      <c r="TKO127" s="26"/>
      <c r="TKP127" s="26"/>
      <c r="TKQ127" s="26"/>
      <c r="TKR127" s="26"/>
      <c r="TKS127" s="26"/>
      <c r="TKT127" s="26"/>
      <c r="TKU127" s="26"/>
      <c r="TKV127" s="26"/>
      <c r="TKW127" s="26"/>
      <c r="TKX127" s="26"/>
      <c r="TKY127" s="26"/>
      <c r="TKZ127" s="26"/>
      <c r="TLA127" s="26"/>
      <c r="TLB127" s="26"/>
      <c r="TLC127" s="26"/>
      <c r="TLD127" s="26"/>
      <c r="TLE127" s="26"/>
      <c r="TLF127" s="26"/>
      <c r="TLG127" s="26"/>
      <c r="TLH127" s="26"/>
      <c r="TLI127" s="26"/>
      <c r="TLJ127" s="26"/>
      <c r="TLK127" s="26"/>
      <c r="TLL127" s="26"/>
      <c r="TLM127" s="26"/>
      <c r="TLN127" s="26"/>
      <c r="TLO127" s="26"/>
      <c r="TLP127" s="26"/>
      <c r="TLQ127" s="26"/>
      <c r="TLR127" s="26"/>
      <c r="TLS127" s="26"/>
      <c r="TLT127" s="26"/>
      <c r="TLU127" s="26"/>
      <c r="TLV127" s="26"/>
      <c r="TLW127" s="26"/>
      <c r="TLX127" s="26"/>
      <c r="TLY127" s="26"/>
      <c r="TLZ127" s="26"/>
      <c r="TMA127" s="26"/>
      <c r="TMB127" s="26"/>
      <c r="TMC127" s="26"/>
      <c r="TMD127" s="26"/>
      <c r="TME127" s="26"/>
      <c r="TMF127" s="26"/>
      <c r="TMG127" s="26"/>
      <c r="TMH127" s="26"/>
      <c r="TMI127" s="26"/>
      <c r="TMJ127" s="26"/>
      <c r="TMK127" s="26"/>
      <c r="TML127" s="26"/>
      <c r="TMM127" s="26"/>
      <c r="TMN127" s="26"/>
      <c r="TMO127" s="26"/>
      <c r="TMP127" s="26"/>
      <c r="TMQ127" s="26"/>
      <c r="TMR127" s="26"/>
      <c r="TMS127" s="26"/>
      <c r="TMT127" s="26"/>
      <c r="TMU127" s="26"/>
      <c r="TMV127" s="26"/>
      <c r="TMW127" s="26"/>
      <c r="TMX127" s="26"/>
      <c r="TMY127" s="26"/>
      <c r="TMZ127" s="26"/>
      <c r="TNA127" s="26"/>
      <c r="TNB127" s="26"/>
      <c r="TNC127" s="26"/>
      <c r="TND127" s="26"/>
      <c r="TNE127" s="26"/>
      <c r="TNF127" s="26"/>
      <c r="TNG127" s="26"/>
      <c r="TNH127" s="26"/>
      <c r="TNI127" s="26"/>
      <c r="TNJ127" s="26"/>
      <c r="TNK127" s="26"/>
      <c r="TNL127" s="26"/>
      <c r="TNM127" s="26"/>
      <c r="TNN127" s="26"/>
      <c r="TNO127" s="26"/>
      <c r="TNP127" s="26"/>
      <c r="TNQ127" s="26"/>
      <c r="TNR127" s="26"/>
      <c r="TNS127" s="26"/>
      <c r="TNT127" s="26"/>
      <c r="TNU127" s="26"/>
      <c r="TNV127" s="26"/>
      <c r="TNW127" s="26"/>
      <c r="TNX127" s="26"/>
      <c r="TNY127" s="26"/>
      <c r="TNZ127" s="26"/>
      <c r="TOA127" s="26"/>
      <c r="TOB127" s="26"/>
      <c r="TOC127" s="26"/>
      <c r="TOD127" s="26"/>
      <c r="TOE127" s="26"/>
      <c r="TOF127" s="26"/>
      <c r="TOG127" s="26"/>
      <c r="TOH127" s="26"/>
      <c r="TOI127" s="26"/>
      <c r="TOJ127" s="26"/>
      <c r="TOK127" s="26"/>
      <c r="TOL127" s="26"/>
      <c r="TOM127" s="26"/>
      <c r="TON127" s="26"/>
      <c r="TOO127" s="26"/>
      <c r="TOP127" s="26"/>
      <c r="TOQ127" s="26"/>
      <c r="TOR127" s="26"/>
      <c r="TOS127" s="26"/>
      <c r="TOT127" s="26"/>
      <c r="TOU127" s="26"/>
      <c r="TOV127" s="26"/>
      <c r="TOW127" s="26"/>
      <c r="TOX127" s="26"/>
      <c r="TOY127" s="26"/>
      <c r="TOZ127" s="26"/>
      <c r="TPA127" s="26"/>
      <c r="TPB127" s="26"/>
      <c r="TPC127" s="26"/>
      <c r="TPD127" s="26"/>
      <c r="TPE127" s="26"/>
      <c r="TPF127" s="26"/>
      <c r="TPG127" s="26"/>
      <c r="TPH127" s="26"/>
      <c r="TPI127" s="26"/>
      <c r="TPJ127" s="26"/>
      <c r="TPK127" s="26"/>
      <c r="TPL127" s="26"/>
      <c r="TPM127" s="26"/>
      <c r="TPN127" s="26"/>
      <c r="TPO127" s="26"/>
      <c r="TPP127" s="26"/>
      <c r="TPQ127" s="26"/>
      <c r="TPR127" s="26"/>
      <c r="TPS127" s="26"/>
      <c r="TPT127" s="26"/>
      <c r="TPU127" s="26"/>
      <c r="TPV127" s="26"/>
      <c r="TPW127" s="26"/>
      <c r="TPX127" s="26"/>
      <c r="TPY127" s="26"/>
      <c r="TPZ127" s="26"/>
      <c r="TQA127" s="26"/>
      <c r="TQB127" s="26"/>
      <c r="TQC127" s="26"/>
      <c r="TQD127" s="26"/>
      <c r="TQE127" s="26"/>
      <c r="TQF127" s="26"/>
      <c r="TQG127" s="26"/>
      <c r="TQH127" s="26"/>
      <c r="TQI127" s="26"/>
      <c r="TQJ127" s="26"/>
      <c r="TQK127" s="26"/>
      <c r="TQL127" s="26"/>
      <c r="TQM127" s="26"/>
      <c r="TQN127" s="26"/>
      <c r="TQO127" s="26"/>
      <c r="TQP127" s="26"/>
      <c r="TQQ127" s="26"/>
      <c r="TQR127" s="26"/>
      <c r="TQS127" s="26"/>
      <c r="TQT127" s="26"/>
      <c r="TQU127" s="26"/>
      <c r="TQV127" s="26"/>
      <c r="TQW127" s="26"/>
      <c r="TQX127" s="26"/>
      <c r="TQY127" s="26"/>
      <c r="TQZ127" s="26"/>
      <c r="TRA127" s="26"/>
      <c r="TRB127" s="26"/>
      <c r="TRC127" s="26"/>
      <c r="TRD127" s="26"/>
      <c r="TRE127" s="26"/>
      <c r="TRF127" s="26"/>
      <c r="TRG127" s="26"/>
      <c r="TRH127" s="26"/>
      <c r="TRI127" s="26"/>
      <c r="TRJ127" s="26"/>
      <c r="TRK127" s="26"/>
      <c r="TRL127" s="26"/>
      <c r="TRM127" s="26"/>
      <c r="TRN127" s="26"/>
      <c r="TRO127" s="26"/>
      <c r="TRP127" s="26"/>
      <c r="TRQ127" s="26"/>
      <c r="TRR127" s="26"/>
      <c r="TRS127" s="26"/>
      <c r="TRT127" s="26"/>
      <c r="TRU127" s="26"/>
      <c r="TRV127" s="26"/>
      <c r="TRW127" s="26"/>
      <c r="TRX127" s="26"/>
      <c r="TRY127" s="26"/>
      <c r="TRZ127" s="26"/>
      <c r="TSA127" s="26"/>
      <c r="TSB127" s="26"/>
      <c r="TSC127" s="26"/>
      <c r="TSD127" s="26"/>
      <c r="TSE127" s="26"/>
      <c r="TSF127" s="26"/>
      <c r="TSG127" s="26"/>
      <c r="TSH127" s="26"/>
      <c r="TSI127" s="26"/>
      <c r="TSJ127" s="26"/>
      <c r="TSK127" s="26"/>
      <c r="TSL127" s="26"/>
      <c r="TSM127" s="26"/>
      <c r="TSN127" s="26"/>
      <c r="TSO127" s="26"/>
      <c r="TSP127" s="26"/>
      <c r="TSQ127" s="26"/>
      <c r="TSR127" s="26"/>
      <c r="TSS127" s="26"/>
      <c r="TST127" s="26"/>
      <c r="TSU127" s="26"/>
      <c r="TSV127" s="26"/>
      <c r="TSW127" s="26"/>
      <c r="TSX127" s="26"/>
      <c r="TSY127" s="26"/>
      <c r="TSZ127" s="26"/>
      <c r="TTA127" s="26"/>
      <c r="TTB127" s="26"/>
      <c r="TTC127" s="26"/>
      <c r="TTD127" s="26"/>
      <c r="TTE127" s="26"/>
      <c r="TTF127" s="26"/>
      <c r="TTG127" s="26"/>
      <c r="TTH127" s="26"/>
      <c r="TTI127" s="26"/>
      <c r="TTJ127" s="26"/>
      <c r="TTK127" s="26"/>
      <c r="TTL127" s="26"/>
      <c r="TTM127" s="26"/>
      <c r="TTN127" s="26"/>
      <c r="TTO127" s="26"/>
      <c r="TTP127" s="26"/>
      <c r="TTQ127" s="26"/>
      <c r="TTR127" s="26"/>
      <c r="TTS127" s="26"/>
      <c r="TTT127" s="26"/>
      <c r="TTU127" s="26"/>
      <c r="TTV127" s="26"/>
      <c r="TTW127" s="26"/>
      <c r="TTX127" s="26"/>
      <c r="TTY127" s="26"/>
      <c r="TTZ127" s="26"/>
      <c r="TUA127" s="26"/>
      <c r="TUB127" s="26"/>
      <c r="TUC127" s="26"/>
      <c r="TUD127" s="26"/>
      <c r="TUE127" s="26"/>
      <c r="TUF127" s="26"/>
      <c r="TUG127" s="26"/>
      <c r="TUH127" s="26"/>
      <c r="TUI127" s="26"/>
      <c r="TUJ127" s="26"/>
      <c r="TUK127" s="26"/>
      <c r="TUL127" s="26"/>
      <c r="TUM127" s="26"/>
      <c r="TUN127" s="26"/>
      <c r="TUO127" s="26"/>
      <c r="TUP127" s="26"/>
      <c r="TUQ127" s="26"/>
      <c r="TUR127" s="26"/>
      <c r="TUS127" s="26"/>
      <c r="TUT127" s="26"/>
      <c r="TUU127" s="26"/>
      <c r="TUV127" s="26"/>
      <c r="TUW127" s="26"/>
      <c r="TUX127" s="26"/>
      <c r="TUY127" s="26"/>
      <c r="TUZ127" s="26"/>
      <c r="TVA127" s="26"/>
      <c r="TVB127" s="26"/>
      <c r="TVC127" s="26"/>
      <c r="TVD127" s="26"/>
      <c r="TVE127" s="26"/>
      <c r="TVF127" s="26"/>
      <c r="TVG127" s="26"/>
      <c r="TVH127" s="26"/>
      <c r="TVI127" s="26"/>
      <c r="TVJ127" s="26"/>
      <c r="TVK127" s="26"/>
      <c r="TVL127" s="26"/>
      <c r="TVM127" s="26"/>
      <c r="TVN127" s="26"/>
      <c r="TVO127" s="26"/>
      <c r="TVP127" s="26"/>
      <c r="TVQ127" s="26"/>
      <c r="TVR127" s="26"/>
      <c r="TVS127" s="26"/>
      <c r="TVT127" s="26"/>
      <c r="TVU127" s="26"/>
      <c r="TVV127" s="26"/>
      <c r="TVW127" s="26"/>
      <c r="TVX127" s="26"/>
      <c r="TVY127" s="26"/>
      <c r="TVZ127" s="26"/>
      <c r="TWA127" s="26"/>
      <c r="TWB127" s="26"/>
      <c r="TWC127" s="26"/>
      <c r="TWD127" s="26"/>
      <c r="TWE127" s="26"/>
      <c r="TWF127" s="26"/>
      <c r="TWG127" s="26"/>
      <c r="TWH127" s="26"/>
      <c r="TWI127" s="26"/>
      <c r="TWJ127" s="26"/>
      <c r="TWK127" s="26"/>
      <c r="TWL127" s="26"/>
      <c r="TWM127" s="26"/>
      <c r="TWN127" s="26"/>
      <c r="TWO127" s="26"/>
      <c r="TWP127" s="26"/>
      <c r="TWQ127" s="26"/>
      <c r="TWR127" s="26"/>
      <c r="TWS127" s="26"/>
      <c r="TWT127" s="26"/>
      <c r="TWU127" s="26"/>
      <c r="TWV127" s="26"/>
      <c r="TWW127" s="26"/>
      <c r="TWX127" s="26"/>
      <c r="TWY127" s="26"/>
      <c r="TWZ127" s="26"/>
      <c r="TXA127" s="26"/>
      <c r="TXB127" s="26"/>
      <c r="TXC127" s="26"/>
      <c r="TXD127" s="26"/>
      <c r="TXE127" s="26"/>
      <c r="TXF127" s="26"/>
      <c r="TXG127" s="26"/>
      <c r="TXH127" s="26"/>
      <c r="TXI127" s="26"/>
      <c r="TXJ127" s="26"/>
      <c r="TXK127" s="26"/>
      <c r="TXL127" s="26"/>
      <c r="TXM127" s="26"/>
      <c r="TXN127" s="26"/>
      <c r="TXO127" s="26"/>
      <c r="TXP127" s="26"/>
      <c r="TXQ127" s="26"/>
      <c r="TXR127" s="26"/>
      <c r="TXS127" s="26"/>
      <c r="TXT127" s="26"/>
      <c r="TXU127" s="26"/>
      <c r="TXV127" s="26"/>
      <c r="TXW127" s="26"/>
      <c r="TXX127" s="26"/>
      <c r="TXY127" s="26"/>
      <c r="TXZ127" s="26"/>
      <c r="TYA127" s="26"/>
      <c r="TYB127" s="26"/>
      <c r="TYC127" s="26"/>
      <c r="TYD127" s="26"/>
      <c r="TYE127" s="26"/>
      <c r="TYF127" s="26"/>
      <c r="TYG127" s="26"/>
      <c r="TYH127" s="26"/>
      <c r="TYI127" s="26"/>
      <c r="TYJ127" s="26"/>
      <c r="TYK127" s="26"/>
      <c r="TYL127" s="26"/>
      <c r="TYM127" s="26"/>
      <c r="TYN127" s="26"/>
      <c r="TYO127" s="26"/>
      <c r="TYP127" s="26"/>
      <c r="TYQ127" s="26"/>
      <c r="TYR127" s="26"/>
      <c r="TYS127" s="26"/>
      <c r="TYT127" s="26"/>
      <c r="TYU127" s="26"/>
      <c r="TYV127" s="26"/>
      <c r="TYW127" s="26"/>
      <c r="TYX127" s="26"/>
      <c r="TYY127" s="26"/>
      <c r="TYZ127" s="26"/>
      <c r="TZA127" s="26"/>
      <c r="TZB127" s="26"/>
      <c r="TZC127" s="26"/>
      <c r="TZD127" s="26"/>
      <c r="TZE127" s="26"/>
      <c r="TZF127" s="26"/>
      <c r="TZG127" s="26"/>
      <c r="TZH127" s="26"/>
      <c r="TZI127" s="26"/>
      <c r="TZJ127" s="26"/>
      <c r="TZK127" s="26"/>
      <c r="TZL127" s="26"/>
      <c r="TZM127" s="26"/>
      <c r="TZN127" s="26"/>
      <c r="TZO127" s="26"/>
      <c r="TZP127" s="26"/>
      <c r="TZQ127" s="26"/>
      <c r="TZR127" s="26"/>
      <c r="TZS127" s="26"/>
      <c r="TZT127" s="26"/>
      <c r="TZU127" s="26"/>
      <c r="TZV127" s="26"/>
      <c r="TZW127" s="26"/>
      <c r="TZX127" s="26"/>
      <c r="TZY127" s="26"/>
      <c r="TZZ127" s="26"/>
      <c r="UAA127" s="26"/>
      <c r="UAB127" s="26"/>
      <c r="UAC127" s="26"/>
      <c r="UAD127" s="26"/>
      <c r="UAE127" s="26"/>
      <c r="UAF127" s="26"/>
      <c r="UAG127" s="26"/>
      <c r="UAH127" s="26"/>
      <c r="UAI127" s="26"/>
      <c r="UAJ127" s="26"/>
      <c r="UAK127" s="26"/>
      <c r="UAL127" s="26"/>
      <c r="UAM127" s="26"/>
      <c r="UAN127" s="26"/>
      <c r="UAO127" s="26"/>
      <c r="UAP127" s="26"/>
      <c r="UAQ127" s="26"/>
      <c r="UAR127" s="26"/>
      <c r="UAS127" s="26"/>
      <c r="UAT127" s="26"/>
      <c r="UAU127" s="26"/>
      <c r="UAV127" s="26"/>
      <c r="UAW127" s="26"/>
      <c r="UAX127" s="26"/>
      <c r="UAY127" s="26"/>
      <c r="UAZ127" s="26"/>
      <c r="UBA127" s="26"/>
      <c r="UBB127" s="26"/>
      <c r="UBC127" s="26"/>
      <c r="UBD127" s="26"/>
      <c r="UBE127" s="26"/>
      <c r="UBF127" s="26"/>
      <c r="UBG127" s="26"/>
      <c r="UBH127" s="26"/>
      <c r="UBI127" s="26"/>
      <c r="UBJ127" s="26"/>
      <c r="UBK127" s="26"/>
      <c r="UBL127" s="26"/>
      <c r="UBM127" s="26"/>
      <c r="UBN127" s="26"/>
      <c r="UBO127" s="26"/>
      <c r="UBP127" s="26"/>
      <c r="UBQ127" s="26"/>
      <c r="UBR127" s="26"/>
      <c r="UBS127" s="26"/>
      <c r="UBT127" s="26"/>
      <c r="UBU127" s="26"/>
      <c r="UBV127" s="26"/>
      <c r="UBW127" s="26"/>
      <c r="UBX127" s="26"/>
      <c r="UBY127" s="26"/>
      <c r="UBZ127" s="26"/>
      <c r="UCA127" s="26"/>
      <c r="UCB127" s="26"/>
      <c r="UCC127" s="26"/>
      <c r="UCD127" s="26"/>
      <c r="UCE127" s="26"/>
      <c r="UCF127" s="26"/>
      <c r="UCG127" s="26"/>
      <c r="UCH127" s="26"/>
      <c r="UCI127" s="26"/>
      <c r="UCJ127" s="26"/>
      <c r="UCK127" s="26"/>
      <c r="UCL127" s="26"/>
      <c r="UCM127" s="26"/>
      <c r="UCN127" s="26"/>
      <c r="UCO127" s="26"/>
      <c r="UCP127" s="26"/>
      <c r="UCQ127" s="26"/>
      <c r="UCR127" s="26"/>
      <c r="UCS127" s="26"/>
      <c r="UCT127" s="26"/>
      <c r="UCU127" s="26"/>
      <c r="UCV127" s="26"/>
      <c r="UCW127" s="26"/>
      <c r="UCX127" s="26"/>
      <c r="UCY127" s="26"/>
      <c r="UCZ127" s="26"/>
      <c r="UDA127" s="26"/>
      <c r="UDB127" s="26"/>
      <c r="UDC127" s="26"/>
      <c r="UDD127" s="26"/>
      <c r="UDE127" s="26"/>
      <c r="UDF127" s="26"/>
      <c r="UDG127" s="26"/>
      <c r="UDH127" s="26"/>
      <c r="UDI127" s="26"/>
      <c r="UDJ127" s="26"/>
      <c r="UDK127" s="26"/>
      <c r="UDL127" s="26"/>
      <c r="UDM127" s="26"/>
      <c r="UDN127" s="26"/>
      <c r="UDO127" s="26"/>
      <c r="UDP127" s="26"/>
      <c r="UDQ127" s="26"/>
      <c r="UDR127" s="26"/>
      <c r="UDS127" s="26"/>
      <c r="UDT127" s="26"/>
      <c r="UDU127" s="26"/>
      <c r="UDV127" s="26"/>
      <c r="UDW127" s="26"/>
      <c r="UDX127" s="26"/>
      <c r="UDY127" s="26"/>
      <c r="UDZ127" s="26"/>
      <c r="UEA127" s="26"/>
      <c r="UEB127" s="26"/>
      <c r="UEC127" s="26"/>
      <c r="UED127" s="26"/>
      <c r="UEE127" s="26"/>
      <c r="UEF127" s="26"/>
      <c r="UEG127" s="26"/>
      <c r="UEH127" s="26"/>
      <c r="UEI127" s="26"/>
      <c r="UEJ127" s="26"/>
      <c r="UEK127" s="26"/>
      <c r="UEL127" s="26"/>
      <c r="UEM127" s="26"/>
      <c r="UEN127" s="26"/>
      <c r="UEO127" s="26"/>
      <c r="UEP127" s="26"/>
      <c r="UEQ127" s="26"/>
      <c r="UER127" s="26"/>
      <c r="UES127" s="26"/>
      <c r="UET127" s="26"/>
      <c r="UEU127" s="26"/>
      <c r="UEV127" s="26"/>
      <c r="UEW127" s="26"/>
      <c r="UEX127" s="26"/>
      <c r="UEY127" s="26"/>
      <c r="UEZ127" s="26"/>
      <c r="UFA127" s="26"/>
      <c r="UFB127" s="26"/>
      <c r="UFC127" s="26"/>
      <c r="UFD127" s="26"/>
      <c r="UFE127" s="26"/>
      <c r="UFF127" s="26"/>
      <c r="UFG127" s="26"/>
      <c r="UFH127" s="26"/>
      <c r="UFI127" s="26"/>
      <c r="UFJ127" s="26"/>
      <c r="UFK127" s="26"/>
      <c r="UFL127" s="26"/>
      <c r="UFM127" s="26"/>
      <c r="UFN127" s="26"/>
      <c r="UFO127" s="26"/>
      <c r="UFP127" s="26"/>
      <c r="UFQ127" s="26"/>
      <c r="UFR127" s="26"/>
      <c r="UFS127" s="26"/>
      <c r="UFT127" s="26"/>
      <c r="UFU127" s="26"/>
      <c r="UFV127" s="26"/>
      <c r="UFW127" s="26"/>
      <c r="UFX127" s="26"/>
      <c r="UFY127" s="26"/>
      <c r="UFZ127" s="26"/>
      <c r="UGA127" s="26"/>
      <c r="UGB127" s="26"/>
      <c r="UGC127" s="26"/>
      <c r="UGD127" s="26"/>
      <c r="UGE127" s="26"/>
      <c r="UGF127" s="26"/>
      <c r="UGG127" s="26"/>
      <c r="UGH127" s="26"/>
      <c r="UGI127" s="26"/>
      <c r="UGJ127" s="26"/>
      <c r="UGK127" s="26"/>
      <c r="UGL127" s="26"/>
      <c r="UGM127" s="26"/>
      <c r="UGN127" s="26"/>
      <c r="UGO127" s="26"/>
      <c r="UGP127" s="26"/>
      <c r="UGQ127" s="26"/>
      <c r="UGR127" s="26"/>
      <c r="UGS127" s="26"/>
      <c r="UGT127" s="26"/>
      <c r="UGU127" s="26"/>
      <c r="UGV127" s="26"/>
      <c r="UGW127" s="26"/>
      <c r="UGX127" s="26"/>
      <c r="UGY127" s="26"/>
      <c r="UGZ127" s="26"/>
      <c r="UHA127" s="26"/>
      <c r="UHB127" s="26"/>
      <c r="UHC127" s="26"/>
      <c r="UHD127" s="26"/>
      <c r="UHE127" s="26"/>
      <c r="UHF127" s="26"/>
      <c r="UHG127" s="26"/>
      <c r="UHH127" s="26"/>
      <c r="UHI127" s="26"/>
      <c r="UHJ127" s="26"/>
      <c r="UHK127" s="26"/>
      <c r="UHL127" s="26"/>
      <c r="UHM127" s="26"/>
      <c r="UHN127" s="26"/>
      <c r="UHO127" s="26"/>
      <c r="UHP127" s="26"/>
      <c r="UHQ127" s="26"/>
      <c r="UHR127" s="26"/>
      <c r="UHS127" s="26"/>
      <c r="UHT127" s="26"/>
      <c r="UHU127" s="26"/>
      <c r="UHV127" s="26"/>
      <c r="UHW127" s="26"/>
      <c r="UHX127" s="26"/>
      <c r="UHY127" s="26"/>
      <c r="UHZ127" s="26"/>
      <c r="UIA127" s="26"/>
      <c r="UIB127" s="26"/>
      <c r="UIC127" s="26"/>
      <c r="UID127" s="26"/>
      <c r="UIE127" s="26"/>
      <c r="UIF127" s="26"/>
      <c r="UIG127" s="26"/>
      <c r="UIH127" s="26"/>
      <c r="UII127" s="26"/>
      <c r="UIJ127" s="26"/>
      <c r="UIK127" s="26"/>
      <c r="UIL127" s="26"/>
      <c r="UIM127" s="26"/>
      <c r="UIN127" s="26"/>
      <c r="UIO127" s="26"/>
      <c r="UIP127" s="26"/>
      <c r="UIQ127" s="26"/>
      <c r="UIR127" s="26"/>
      <c r="UIS127" s="26"/>
      <c r="UIT127" s="26"/>
      <c r="UIU127" s="26"/>
      <c r="UIV127" s="26"/>
      <c r="UIW127" s="26"/>
      <c r="UIX127" s="26"/>
      <c r="UIY127" s="26"/>
      <c r="UIZ127" s="26"/>
      <c r="UJA127" s="26"/>
      <c r="UJB127" s="26"/>
      <c r="UJC127" s="26"/>
      <c r="UJD127" s="26"/>
      <c r="UJE127" s="26"/>
      <c r="UJF127" s="26"/>
      <c r="UJG127" s="26"/>
      <c r="UJH127" s="26"/>
      <c r="UJI127" s="26"/>
      <c r="UJJ127" s="26"/>
      <c r="UJK127" s="26"/>
      <c r="UJL127" s="26"/>
      <c r="UJM127" s="26"/>
      <c r="UJN127" s="26"/>
      <c r="UJO127" s="26"/>
      <c r="UJP127" s="26"/>
      <c r="UJQ127" s="26"/>
      <c r="UJR127" s="26"/>
      <c r="UJS127" s="26"/>
      <c r="UJT127" s="26"/>
      <c r="UJU127" s="26"/>
      <c r="UJV127" s="26"/>
      <c r="UJW127" s="26"/>
      <c r="UJX127" s="26"/>
      <c r="UJY127" s="26"/>
      <c r="UJZ127" s="26"/>
      <c r="UKA127" s="26"/>
      <c r="UKB127" s="26"/>
      <c r="UKC127" s="26"/>
      <c r="UKD127" s="26"/>
      <c r="UKE127" s="26"/>
      <c r="UKF127" s="26"/>
      <c r="UKG127" s="26"/>
      <c r="UKH127" s="26"/>
      <c r="UKI127" s="26"/>
      <c r="UKJ127" s="26"/>
      <c r="UKK127" s="26"/>
      <c r="UKL127" s="26"/>
      <c r="UKM127" s="26"/>
      <c r="UKN127" s="26"/>
      <c r="UKO127" s="26"/>
      <c r="UKP127" s="26"/>
      <c r="UKQ127" s="26"/>
      <c r="UKR127" s="26"/>
      <c r="UKS127" s="26"/>
      <c r="UKT127" s="26"/>
      <c r="UKU127" s="26"/>
      <c r="UKV127" s="26"/>
      <c r="UKW127" s="26"/>
      <c r="UKX127" s="26"/>
      <c r="UKY127" s="26"/>
      <c r="UKZ127" s="26"/>
      <c r="ULA127" s="26"/>
      <c r="ULB127" s="26"/>
      <c r="ULC127" s="26"/>
      <c r="ULD127" s="26"/>
      <c r="ULE127" s="26"/>
      <c r="ULF127" s="26"/>
      <c r="ULG127" s="26"/>
      <c r="ULH127" s="26"/>
      <c r="ULI127" s="26"/>
      <c r="ULJ127" s="26"/>
      <c r="ULK127" s="26"/>
      <c r="ULL127" s="26"/>
      <c r="ULM127" s="26"/>
      <c r="ULN127" s="26"/>
      <c r="ULO127" s="26"/>
      <c r="ULP127" s="26"/>
      <c r="ULQ127" s="26"/>
      <c r="ULR127" s="26"/>
      <c r="ULS127" s="26"/>
      <c r="ULT127" s="26"/>
      <c r="ULU127" s="26"/>
      <c r="ULV127" s="26"/>
      <c r="ULW127" s="26"/>
      <c r="ULX127" s="26"/>
      <c r="ULY127" s="26"/>
      <c r="ULZ127" s="26"/>
      <c r="UMA127" s="26"/>
      <c r="UMB127" s="26"/>
      <c r="UMC127" s="26"/>
      <c r="UMD127" s="26"/>
      <c r="UME127" s="26"/>
      <c r="UMF127" s="26"/>
      <c r="UMG127" s="26"/>
      <c r="UMH127" s="26"/>
      <c r="UMI127" s="26"/>
      <c r="UMJ127" s="26"/>
      <c r="UMK127" s="26"/>
      <c r="UML127" s="26"/>
      <c r="UMM127" s="26"/>
      <c r="UMN127" s="26"/>
      <c r="UMO127" s="26"/>
      <c r="UMP127" s="26"/>
      <c r="UMQ127" s="26"/>
      <c r="UMR127" s="26"/>
      <c r="UMS127" s="26"/>
      <c r="UMT127" s="26"/>
      <c r="UMU127" s="26"/>
      <c r="UMV127" s="26"/>
      <c r="UMW127" s="26"/>
      <c r="UMX127" s="26"/>
      <c r="UMY127" s="26"/>
      <c r="UMZ127" s="26"/>
      <c r="UNA127" s="26"/>
      <c r="UNB127" s="26"/>
      <c r="UNC127" s="26"/>
      <c r="UND127" s="26"/>
      <c r="UNE127" s="26"/>
      <c r="UNF127" s="26"/>
      <c r="UNG127" s="26"/>
      <c r="UNH127" s="26"/>
      <c r="UNI127" s="26"/>
      <c r="UNJ127" s="26"/>
      <c r="UNK127" s="26"/>
      <c r="UNL127" s="26"/>
      <c r="UNM127" s="26"/>
      <c r="UNN127" s="26"/>
      <c r="UNO127" s="26"/>
      <c r="UNP127" s="26"/>
      <c r="UNQ127" s="26"/>
      <c r="UNR127" s="26"/>
      <c r="UNS127" s="26"/>
      <c r="UNT127" s="26"/>
      <c r="UNU127" s="26"/>
      <c r="UNV127" s="26"/>
      <c r="UNW127" s="26"/>
      <c r="UNX127" s="26"/>
      <c r="UNY127" s="26"/>
      <c r="UNZ127" s="26"/>
      <c r="UOA127" s="26"/>
      <c r="UOB127" s="26"/>
      <c r="UOC127" s="26"/>
      <c r="UOD127" s="26"/>
      <c r="UOE127" s="26"/>
      <c r="UOF127" s="26"/>
      <c r="UOG127" s="26"/>
      <c r="UOH127" s="26"/>
      <c r="UOI127" s="26"/>
      <c r="UOJ127" s="26"/>
      <c r="UOK127" s="26"/>
      <c r="UOL127" s="26"/>
      <c r="UOM127" s="26"/>
      <c r="UON127" s="26"/>
      <c r="UOO127" s="26"/>
      <c r="UOP127" s="26"/>
      <c r="UOQ127" s="26"/>
      <c r="UOR127" s="26"/>
      <c r="UOS127" s="26"/>
      <c r="UOT127" s="26"/>
      <c r="UOU127" s="26"/>
      <c r="UOV127" s="26"/>
      <c r="UOW127" s="26"/>
      <c r="UOX127" s="26"/>
      <c r="UOY127" s="26"/>
      <c r="UOZ127" s="26"/>
      <c r="UPA127" s="26"/>
      <c r="UPB127" s="26"/>
      <c r="UPC127" s="26"/>
      <c r="UPD127" s="26"/>
      <c r="UPE127" s="26"/>
      <c r="UPF127" s="26"/>
      <c r="UPG127" s="26"/>
      <c r="UPH127" s="26"/>
      <c r="UPI127" s="26"/>
      <c r="UPJ127" s="26"/>
      <c r="UPK127" s="26"/>
      <c r="UPL127" s="26"/>
      <c r="UPM127" s="26"/>
      <c r="UPN127" s="26"/>
      <c r="UPO127" s="26"/>
      <c r="UPP127" s="26"/>
      <c r="UPQ127" s="26"/>
      <c r="UPR127" s="26"/>
      <c r="UPS127" s="26"/>
      <c r="UPT127" s="26"/>
      <c r="UPU127" s="26"/>
      <c r="UPV127" s="26"/>
      <c r="UPW127" s="26"/>
      <c r="UPX127" s="26"/>
      <c r="UPY127" s="26"/>
      <c r="UPZ127" s="26"/>
      <c r="UQA127" s="26"/>
      <c r="UQB127" s="26"/>
      <c r="UQC127" s="26"/>
      <c r="UQD127" s="26"/>
      <c r="UQE127" s="26"/>
      <c r="UQF127" s="26"/>
      <c r="UQG127" s="26"/>
      <c r="UQH127" s="26"/>
      <c r="UQI127" s="26"/>
      <c r="UQJ127" s="26"/>
      <c r="UQK127" s="26"/>
      <c r="UQL127" s="26"/>
      <c r="UQM127" s="26"/>
      <c r="UQN127" s="26"/>
      <c r="UQO127" s="26"/>
      <c r="UQP127" s="26"/>
      <c r="UQQ127" s="26"/>
      <c r="UQR127" s="26"/>
      <c r="UQS127" s="26"/>
      <c r="UQT127" s="26"/>
      <c r="UQU127" s="26"/>
      <c r="UQV127" s="26"/>
      <c r="UQW127" s="26"/>
      <c r="UQX127" s="26"/>
      <c r="UQY127" s="26"/>
      <c r="UQZ127" s="26"/>
      <c r="URA127" s="26"/>
      <c r="URB127" s="26"/>
      <c r="URC127" s="26"/>
      <c r="URD127" s="26"/>
      <c r="URE127" s="26"/>
      <c r="URF127" s="26"/>
      <c r="URG127" s="26"/>
      <c r="URH127" s="26"/>
      <c r="URI127" s="26"/>
      <c r="URJ127" s="26"/>
      <c r="URK127" s="26"/>
      <c r="URL127" s="26"/>
      <c r="URM127" s="26"/>
      <c r="URN127" s="26"/>
      <c r="URO127" s="26"/>
      <c r="URP127" s="26"/>
      <c r="URQ127" s="26"/>
      <c r="URR127" s="26"/>
      <c r="URS127" s="26"/>
      <c r="URT127" s="26"/>
      <c r="URU127" s="26"/>
      <c r="URV127" s="26"/>
      <c r="URW127" s="26"/>
      <c r="URX127" s="26"/>
      <c r="URY127" s="26"/>
      <c r="URZ127" s="26"/>
      <c r="USA127" s="26"/>
      <c r="USB127" s="26"/>
      <c r="USC127" s="26"/>
      <c r="USD127" s="26"/>
      <c r="USE127" s="26"/>
      <c r="USF127" s="26"/>
      <c r="USG127" s="26"/>
      <c r="USH127" s="26"/>
      <c r="USI127" s="26"/>
      <c r="USJ127" s="26"/>
      <c r="USK127" s="26"/>
      <c r="USL127" s="26"/>
      <c r="USM127" s="26"/>
      <c r="USN127" s="26"/>
      <c r="USO127" s="26"/>
      <c r="USP127" s="26"/>
      <c r="USQ127" s="26"/>
      <c r="USR127" s="26"/>
      <c r="USS127" s="26"/>
      <c r="UST127" s="26"/>
      <c r="USU127" s="26"/>
      <c r="USV127" s="26"/>
      <c r="USW127" s="26"/>
      <c r="USX127" s="26"/>
      <c r="USY127" s="26"/>
      <c r="USZ127" s="26"/>
      <c r="UTA127" s="26"/>
      <c r="UTB127" s="26"/>
      <c r="UTC127" s="26"/>
      <c r="UTD127" s="26"/>
      <c r="UTE127" s="26"/>
      <c r="UTF127" s="26"/>
      <c r="UTG127" s="26"/>
      <c r="UTH127" s="26"/>
      <c r="UTI127" s="26"/>
      <c r="UTJ127" s="26"/>
      <c r="UTK127" s="26"/>
      <c r="UTL127" s="26"/>
      <c r="UTM127" s="26"/>
      <c r="UTN127" s="26"/>
      <c r="UTO127" s="26"/>
      <c r="UTP127" s="26"/>
      <c r="UTQ127" s="26"/>
      <c r="UTR127" s="26"/>
      <c r="UTS127" s="26"/>
      <c r="UTT127" s="26"/>
      <c r="UTU127" s="26"/>
      <c r="UTV127" s="26"/>
      <c r="UTW127" s="26"/>
      <c r="UTX127" s="26"/>
      <c r="UTY127" s="26"/>
      <c r="UTZ127" s="26"/>
      <c r="UUA127" s="26"/>
      <c r="UUB127" s="26"/>
      <c r="UUC127" s="26"/>
      <c r="UUD127" s="26"/>
      <c r="UUE127" s="26"/>
      <c r="UUF127" s="26"/>
      <c r="UUG127" s="26"/>
      <c r="UUH127" s="26"/>
      <c r="UUI127" s="26"/>
      <c r="UUJ127" s="26"/>
      <c r="UUK127" s="26"/>
      <c r="UUL127" s="26"/>
      <c r="UUM127" s="26"/>
      <c r="UUN127" s="26"/>
      <c r="UUO127" s="26"/>
      <c r="UUP127" s="26"/>
      <c r="UUQ127" s="26"/>
      <c r="UUR127" s="26"/>
      <c r="UUS127" s="26"/>
      <c r="UUT127" s="26"/>
      <c r="UUU127" s="26"/>
      <c r="UUV127" s="26"/>
      <c r="UUW127" s="26"/>
      <c r="UUX127" s="26"/>
      <c r="UUY127" s="26"/>
      <c r="UUZ127" s="26"/>
      <c r="UVA127" s="26"/>
      <c r="UVB127" s="26"/>
      <c r="UVC127" s="26"/>
      <c r="UVD127" s="26"/>
      <c r="UVE127" s="26"/>
      <c r="UVF127" s="26"/>
      <c r="UVG127" s="26"/>
      <c r="UVH127" s="26"/>
      <c r="UVI127" s="26"/>
      <c r="UVJ127" s="26"/>
      <c r="UVK127" s="26"/>
      <c r="UVL127" s="26"/>
      <c r="UVM127" s="26"/>
      <c r="UVN127" s="26"/>
      <c r="UVO127" s="26"/>
      <c r="UVP127" s="26"/>
      <c r="UVQ127" s="26"/>
      <c r="UVR127" s="26"/>
      <c r="UVS127" s="26"/>
      <c r="UVT127" s="26"/>
      <c r="UVU127" s="26"/>
      <c r="UVV127" s="26"/>
      <c r="UVW127" s="26"/>
      <c r="UVX127" s="26"/>
      <c r="UVY127" s="26"/>
      <c r="UVZ127" s="26"/>
      <c r="UWA127" s="26"/>
      <c r="UWB127" s="26"/>
      <c r="UWC127" s="26"/>
      <c r="UWD127" s="26"/>
      <c r="UWE127" s="26"/>
      <c r="UWF127" s="26"/>
      <c r="UWG127" s="26"/>
      <c r="UWH127" s="26"/>
      <c r="UWI127" s="26"/>
      <c r="UWJ127" s="26"/>
      <c r="UWK127" s="26"/>
      <c r="UWL127" s="26"/>
      <c r="UWM127" s="26"/>
      <c r="UWN127" s="26"/>
      <c r="UWO127" s="26"/>
      <c r="UWP127" s="26"/>
      <c r="UWQ127" s="26"/>
      <c r="UWR127" s="26"/>
      <c r="UWS127" s="26"/>
      <c r="UWT127" s="26"/>
      <c r="UWU127" s="26"/>
      <c r="UWV127" s="26"/>
      <c r="UWW127" s="26"/>
      <c r="UWX127" s="26"/>
      <c r="UWY127" s="26"/>
      <c r="UWZ127" s="26"/>
      <c r="UXA127" s="26"/>
      <c r="UXB127" s="26"/>
      <c r="UXC127" s="26"/>
      <c r="UXD127" s="26"/>
      <c r="UXE127" s="26"/>
      <c r="UXF127" s="26"/>
      <c r="UXG127" s="26"/>
      <c r="UXH127" s="26"/>
      <c r="UXI127" s="26"/>
      <c r="UXJ127" s="26"/>
      <c r="UXK127" s="26"/>
      <c r="UXL127" s="26"/>
      <c r="UXM127" s="26"/>
      <c r="UXN127" s="26"/>
      <c r="UXO127" s="26"/>
      <c r="UXP127" s="26"/>
      <c r="UXQ127" s="26"/>
      <c r="UXR127" s="26"/>
      <c r="UXS127" s="26"/>
      <c r="UXT127" s="26"/>
      <c r="UXU127" s="26"/>
      <c r="UXV127" s="26"/>
      <c r="UXW127" s="26"/>
      <c r="UXX127" s="26"/>
      <c r="UXY127" s="26"/>
      <c r="UXZ127" s="26"/>
      <c r="UYA127" s="26"/>
      <c r="UYB127" s="26"/>
      <c r="UYC127" s="26"/>
      <c r="UYD127" s="26"/>
      <c r="UYE127" s="26"/>
      <c r="UYF127" s="26"/>
      <c r="UYG127" s="26"/>
      <c r="UYH127" s="26"/>
      <c r="UYI127" s="26"/>
      <c r="UYJ127" s="26"/>
      <c r="UYK127" s="26"/>
      <c r="UYL127" s="26"/>
      <c r="UYM127" s="26"/>
      <c r="UYN127" s="26"/>
      <c r="UYO127" s="26"/>
      <c r="UYP127" s="26"/>
      <c r="UYQ127" s="26"/>
      <c r="UYR127" s="26"/>
      <c r="UYS127" s="26"/>
      <c r="UYT127" s="26"/>
      <c r="UYU127" s="26"/>
      <c r="UYV127" s="26"/>
      <c r="UYW127" s="26"/>
      <c r="UYX127" s="26"/>
      <c r="UYY127" s="26"/>
      <c r="UYZ127" s="26"/>
      <c r="UZA127" s="26"/>
      <c r="UZB127" s="26"/>
      <c r="UZC127" s="26"/>
      <c r="UZD127" s="26"/>
      <c r="UZE127" s="26"/>
      <c r="UZF127" s="26"/>
      <c r="UZG127" s="26"/>
      <c r="UZH127" s="26"/>
      <c r="UZI127" s="26"/>
      <c r="UZJ127" s="26"/>
      <c r="UZK127" s="26"/>
      <c r="UZL127" s="26"/>
      <c r="UZM127" s="26"/>
      <c r="UZN127" s="26"/>
      <c r="UZO127" s="26"/>
      <c r="UZP127" s="26"/>
      <c r="UZQ127" s="26"/>
      <c r="UZR127" s="26"/>
      <c r="UZS127" s="26"/>
      <c r="UZT127" s="26"/>
      <c r="UZU127" s="26"/>
      <c r="UZV127" s="26"/>
      <c r="UZW127" s="26"/>
      <c r="UZX127" s="26"/>
      <c r="UZY127" s="26"/>
      <c r="UZZ127" s="26"/>
      <c r="VAA127" s="26"/>
      <c r="VAB127" s="26"/>
      <c r="VAC127" s="26"/>
      <c r="VAD127" s="26"/>
      <c r="VAE127" s="26"/>
      <c r="VAF127" s="26"/>
      <c r="VAG127" s="26"/>
      <c r="VAH127" s="26"/>
      <c r="VAI127" s="26"/>
      <c r="VAJ127" s="26"/>
      <c r="VAK127" s="26"/>
      <c r="VAL127" s="26"/>
      <c r="VAM127" s="26"/>
      <c r="VAN127" s="26"/>
      <c r="VAO127" s="26"/>
      <c r="VAP127" s="26"/>
      <c r="VAQ127" s="26"/>
      <c r="VAR127" s="26"/>
      <c r="VAS127" s="26"/>
      <c r="VAT127" s="26"/>
      <c r="VAU127" s="26"/>
      <c r="VAV127" s="26"/>
      <c r="VAW127" s="26"/>
      <c r="VAX127" s="26"/>
      <c r="VAY127" s="26"/>
      <c r="VAZ127" s="26"/>
      <c r="VBA127" s="26"/>
      <c r="VBB127" s="26"/>
      <c r="VBC127" s="26"/>
      <c r="VBD127" s="26"/>
      <c r="VBE127" s="26"/>
      <c r="VBF127" s="26"/>
      <c r="VBG127" s="26"/>
      <c r="VBH127" s="26"/>
      <c r="VBI127" s="26"/>
      <c r="VBJ127" s="26"/>
      <c r="VBK127" s="26"/>
      <c r="VBL127" s="26"/>
      <c r="VBM127" s="26"/>
      <c r="VBN127" s="26"/>
      <c r="VBO127" s="26"/>
      <c r="VBP127" s="26"/>
      <c r="VBQ127" s="26"/>
      <c r="VBR127" s="26"/>
      <c r="VBS127" s="26"/>
      <c r="VBT127" s="26"/>
      <c r="VBU127" s="26"/>
      <c r="VBV127" s="26"/>
      <c r="VBW127" s="26"/>
      <c r="VBX127" s="26"/>
      <c r="VBY127" s="26"/>
      <c r="VBZ127" s="26"/>
      <c r="VCA127" s="26"/>
      <c r="VCB127" s="26"/>
      <c r="VCC127" s="26"/>
      <c r="VCD127" s="26"/>
      <c r="VCE127" s="26"/>
      <c r="VCF127" s="26"/>
      <c r="VCG127" s="26"/>
      <c r="VCH127" s="26"/>
      <c r="VCI127" s="26"/>
      <c r="VCJ127" s="26"/>
      <c r="VCK127" s="26"/>
      <c r="VCL127" s="26"/>
      <c r="VCM127" s="26"/>
      <c r="VCN127" s="26"/>
      <c r="VCO127" s="26"/>
      <c r="VCP127" s="26"/>
      <c r="VCQ127" s="26"/>
      <c r="VCR127" s="26"/>
      <c r="VCS127" s="26"/>
      <c r="VCT127" s="26"/>
      <c r="VCU127" s="26"/>
      <c r="VCV127" s="26"/>
      <c r="VCW127" s="26"/>
      <c r="VCX127" s="26"/>
      <c r="VCY127" s="26"/>
      <c r="VCZ127" s="26"/>
      <c r="VDA127" s="26"/>
      <c r="VDB127" s="26"/>
      <c r="VDC127" s="26"/>
      <c r="VDD127" s="26"/>
      <c r="VDE127" s="26"/>
      <c r="VDF127" s="26"/>
      <c r="VDG127" s="26"/>
      <c r="VDH127" s="26"/>
      <c r="VDI127" s="26"/>
      <c r="VDJ127" s="26"/>
      <c r="VDK127" s="26"/>
      <c r="VDL127" s="26"/>
      <c r="VDM127" s="26"/>
      <c r="VDN127" s="26"/>
      <c r="VDO127" s="26"/>
      <c r="VDP127" s="26"/>
      <c r="VDQ127" s="26"/>
      <c r="VDR127" s="26"/>
      <c r="VDS127" s="26"/>
      <c r="VDT127" s="26"/>
      <c r="VDU127" s="26"/>
      <c r="VDV127" s="26"/>
      <c r="VDW127" s="26"/>
      <c r="VDX127" s="26"/>
      <c r="VDY127" s="26"/>
      <c r="VDZ127" s="26"/>
      <c r="VEA127" s="26"/>
      <c r="VEB127" s="26"/>
      <c r="VEC127" s="26"/>
      <c r="VED127" s="26"/>
      <c r="VEE127" s="26"/>
      <c r="VEF127" s="26"/>
      <c r="VEG127" s="26"/>
      <c r="VEH127" s="26"/>
      <c r="VEI127" s="26"/>
      <c r="VEJ127" s="26"/>
      <c r="VEK127" s="26"/>
      <c r="VEL127" s="26"/>
      <c r="VEM127" s="26"/>
      <c r="VEN127" s="26"/>
      <c r="VEO127" s="26"/>
      <c r="VEP127" s="26"/>
      <c r="VEQ127" s="26"/>
      <c r="VER127" s="26"/>
      <c r="VES127" s="26"/>
      <c r="VET127" s="26"/>
      <c r="VEU127" s="26"/>
      <c r="VEV127" s="26"/>
      <c r="VEW127" s="26"/>
      <c r="VEX127" s="26"/>
      <c r="VEY127" s="26"/>
      <c r="VEZ127" s="26"/>
      <c r="VFA127" s="26"/>
      <c r="VFB127" s="26"/>
      <c r="VFC127" s="26"/>
      <c r="VFD127" s="26"/>
      <c r="VFE127" s="26"/>
      <c r="VFF127" s="26"/>
      <c r="VFG127" s="26"/>
      <c r="VFH127" s="26"/>
      <c r="VFI127" s="26"/>
      <c r="VFJ127" s="26"/>
      <c r="VFK127" s="26"/>
      <c r="VFL127" s="26"/>
      <c r="VFM127" s="26"/>
      <c r="VFN127" s="26"/>
      <c r="VFO127" s="26"/>
      <c r="VFP127" s="26"/>
      <c r="VFQ127" s="26"/>
      <c r="VFR127" s="26"/>
      <c r="VFS127" s="26"/>
      <c r="VFT127" s="26"/>
      <c r="VFU127" s="26"/>
      <c r="VFV127" s="26"/>
      <c r="VFW127" s="26"/>
      <c r="VFX127" s="26"/>
      <c r="VFY127" s="26"/>
      <c r="VFZ127" s="26"/>
      <c r="VGA127" s="26"/>
      <c r="VGB127" s="26"/>
      <c r="VGC127" s="26"/>
      <c r="VGD127" s="26"/>
      <c r="VGE127" s="26"/>
      <c r="VGF127" s="26"/>
      <c r="VGG127" s="26"/>
      <c r="VGH127" s="26"/>
      <c r="VGI127" s="26"/>
      <c r="VGJ127" s="26"/>
      <c r="VGK127" s="26"/>
      <c r="VGL127" s="26"/>
      <c r="VGM127" s="26"/>
      <c r="VGN127" s="26"/>
      <c r="VGO127" s="26"/>
      <c r="VGP127" s="26"/>
      <c r="VGQ127" s="26"/>
      <c r="VGR127" s="26"/>
      <c r="VGS127" s="26"/>
      <c r="VGT127" s="26"/>
      <c r="VGU127" s="26"/>
      <c r="VGV127" s="26"/>
      <c r="VGW127" s="26"/>
      <c r="VGX127" s="26"/>
      <c r="VGY127" s="26"/>
      <c r="VGZ127" s="26"/>
      <c r="VHA127" s="26"/>
      <c r="VHB127" s="26"/>
      <c r="VHC127" s="26"/>
      <c r="VHD127" s="26"/>
      <c r="VHE127" s="26"/>
      <c r="VHF127" s="26"/>
      <c r="VHG127" s="26"/>
      <c r="VHH127" s="26"/>
      <c r="VHI127" s="26"/>
      <c r="VHJ127" s="26"/>
      <c r="VHK127" s="26"/>
      <c r="VHL127" s="26"/>
      <c r="VHM127" s="26"/>
      <c r="VHN127" s="26"/>
      <c r="VHO127" s="26"/>
      <c r="VHP127" s="26"/>
      <c r="VHQ127" s="26"/>
      <c r="VHR127" s="26"/>
      <c r="VHS127" s="26"/>
      <c r="VHT127" s="26"/>
      <c r="VHU127" s="26"/>
      <c r="VHV127" s="26"/>
      <c r="VHW127" s="26"/>
      <c r="VHX127" s="26"/>
      <c r="VHY127" s="26"/>
      <c r="VHZ127" s="26"/>
      <c r="VIA127" s="26"/>
      <c r="VIB127" s="26"/>
      <c r="VIC127" s="26"/>
      <c r="VID127" s="26"/>
      <c r="VIE127" s="26"/>
      <c r="VIF127" s="26"/>
      <c r="VIG127" s="26"/>
      <c r="VIH127" s="26"/>
      <c r="VII127" s="26"/>
      <c r="VIJ127" s="26"/>
      <c r="VIK127" s="26"/>
      <c r="VIL127" s="26"/>
      <c r="VIM127" s="26"/>
      <c r="VIN127" s="26"/>
      <c r="VIO127" s="26"/>
      <c r="VIP127" s="26"/>
      <c r="VIQ127" s="26"/>
      <c r="VIR127" s="26"/>
      <c r="VIS127" s="26"/>
      <c r="VIT127" s="26"/>
      <c r="VIU127" s="26"/>
      <c r="VIV127" s="26"/>
      <c r="VIW127" s="26"/>
      <c r="VIX127" s="26"/>
      <c r="VIY127" s="26"/>
      <c r="VIZ127" s="26"/>
      <c r="VJA127" s="26"/>
      <c r="VJB127" s="26"/>
      <c r="VJC127" s="26"/>
      <c r="VJD127" s="26"/>
      <c r="VJE127" s="26"/>
      <c r="VJF127" s="26"/>
      <c r="VJG127" s="26"/>
      <c r="VJH127" s="26"/>
      <c r="VJI127" s="26"/>
      <c r="VJJ127" s="26"/>
      <c r="VJK127" s="26"/>
      <c r="VJL127" s="26"/>
      <c r="VJM127" s="26"/>
      <c r="VJN127" s="26"/>
      <c r="VJO127" s="26"/>
      <c r="VJP127" s="26"/>
      <c r="VJQ127" s="26"/>
      <c r="VJR127" s="26"/>
      <c r="VJS127" s="26"/>
      <c r="VJT127" s="26"/>
      <c r="VJU127" s="26"/>
      <c r="VJV127" s="26"/>
      <c r="VJW127" s="26"/>
      <c r="VJX127" s="26"/>
      <c r="VJY127" s="26"/>
      <c r="VJZ127" s="26"/>
      <c r="VKA127" s="26"/>
      <c r="VKB127" s="26"/>
      <c r="VKC127" s="26"/>
      <c r="VKD127" s="26"/>
      <c r="VKE127" s="26"/>
      <c r="VKF127" s="26"/>
      <c r="VKG127" s="26"/>
      <c r="VKH127" s="26"/>
      <c r="VKI127" s="26"/>
      <c r="VKJ127" s="26"/>
      <c r="VKK127" s="26"/>
      <c r="VKL127" s="26"/>
      <c r="VKM127" s="26"/>
      <c r="VKN127" s="26"/>
      <c r="VKO127" s="26"/>
      <c r="VKP127" s="26"/>
      <c r="VKQ127" s="26"/>
      <c r="VKR127" s="26"/>
      <c r="VKS127" s="26"/>
      <c r="VKT127" s="26"/>
      <c r="VKU127" s="26"/>
      <c r="VKV127" s="26"/>
      <c r="VKW127" s="26"/>
      <c r="VKX127" s="26"/>
      <c r="VKY127" s="26"/>
      <c r="VKZ127" s="26"/>
      <c r="VLA127" s="26"/>
      <c r="VLB127" s="26"/>
      <c r="VLC127" s="26"/>
      <c r="VLD127" s="26"/>
      <c r="VLE127" s="26"/>
      <c r="VLF127" s="26"/>
      <c r="VLG127" s="26"/>
      <c r="VLH127" s="26"/>
      <c r="VLI127" s="26"/>
      <c r="VLJ127" s="26"/>
      <c r="VLK127" s="26"/>
      <c r="VLL127" s="26"/>
      <c r="VLM127" s="26"/>
      <c r="VLN127" s="26"/>
      <c r="VLO127" s="26"/>
      <c r="VLP127" s="26"/>
      <c r="VLQ127" s="26"/>
      <c r="VLR127" s="26"/>
      <c r="VLS127" s="26"/>
      <c r="VLT127" s="26"/>
      <c r="VLU127" s="26"/>
      <c r="VLV127" s="26"/>
      <c r="VLW127" s="26"/>
      <c r="VLX127" s="26"/>
      <c r="VLY127" s="26"/>
      <c r="VLZ127" s="26"/>
      <c r="VMA127" s="26"/>
      <c r="VMB127" s="26"/>
      <c r="VMC127" s="26"/>
      <c r="VMD127" s="26"/>
      <c r="VME127" s="26"/>
      <c r="VMF127" s="26"/>
      <c r="VMG127" s="26"/>
      <c r="VMH127" s="26"/>
      <c r="VMI127" s="26"/>
      <c r="VMJ127" s="26"/>
      <c r="VMK127" s="26"/>
      <c r="VML127" s="26"/>
      <c r="VMM127" s="26"/>
      <c r="VMN127" s="26"/>
      <c r="VMO127" s="26"/>
      <c r="VMP127" s="26"/>
      <c r="VMQ127" s="26"/>
      <c r="VMR127" s="26"/>
      <c r="VMS127" s="26"/>
      <c r="VMT127" s="26"/>
      <c r="VMU127" s="26"/>
      <c r="VMV127" s="26"/>
      <c r="VMW127" s="26"/>
      <c r="VMX127" s="26"/>
      <c r="VMY127" s="26"/>
      <c r="VMZ127" s="26"/>
      <c r="VNA127" s="26"/>
      <c r="VNB127" s="26"/>
      <c r="VNC127" s="26"/>
      <c r="VND127" s="26"/>
      <c r="VNE127" s="26"/>
      <c r="VNF127" s="26"/>
      <c r="VNG127" s="26"/>
      <c r="VNH127" s="26"/>
      <c r="VNI127" s="26"/>
      <c r="VNJ127" s="26"/>
      <c r="VNK127" s="26"/>
      <c r="VNL127" s="26"/>
      <c r="VNM127" s="26"/>
      <c r="VNN127" s="26"/>
      <c r="VNO127" s="26"/>
      <c r="VNP127" s="26"/>
      <c r="VNQ127" s="26"/>
      <c r="VNR127" s="26"/>
      <c r="VNS127" s="26"/>
      <c r="VNT127" s="26"/>
      <c r="VNU127" s="26"/>
      <c r="VNV127" s="26"/>
      <c r="VNW127" s="26"/>
      <c r="VNX127" s="26"/>
      <c r="VNY127" s="26"/>
      <c r="VNZ127" s="26"/>
      <c r="VOA127" s="26"/>
      <c r="VOB127" s="26"/>
      <c r="VOC127" s="26"/>
      <c r="VOD127" s="26"/>
      <c r="VOE127" s="26"/>
      <c r="VOF127" s="26"/>
      <c r="VOG127" s="26"/>
      <c r="VOH127" s="26"/>
      <c r="VOI127" s="26"/>
      <c r="VOJ127" s="26"/>
      <c r="VOK127" s="26"/>
      <c r="VOL127" s="26"/>
      <c r="VOM127" s="26"/>
      <c r="VON127" s="26"/>
      <c r="VOO127" s="26"/>
      <c r="VOP127" s="26"/>
      <c r="VOQ127" s="26"/>
      <c r="VOR127" s="26"/>
      <c r="VOS127" s="26"/>
      <c r="VOT127" s="26"/>
      <c r="VOU127" s="26"/>
      <c r="VOV127" s="26"/>
      <c r="VOW127" s="26"/>
      <c r="VOX127" s="26"/>
      <c r="VOY127" s="26"/>
      <c r="VOZ127" s="26"/>
      <c r="VPA127" s="26"/>
      <c r="VPB127" s="26"/>
      <c r="VPC127" s="26"/>
      <c r="VPD127" s="26"/>
      <c r="VPE127" s="26"/>
      <c r="VPF127" s="26"/>
      <c r="VPG127" s="26"/>
      <c r="VPH127" s="26"/>
      <c r="VPI127" s="26"/>
      <c r="VPJ127" s="26"/>
      <c r="VPK127" s="26"/>
      <c r="VPL127" s="26"/>
      <c r="VPM127" s="26"/>
      <c r="VPN127" s="26"/>
      <c r="VPO127" s="26"/>
      <c r="VPP127" s="26"/>
      <c r="VPQ127" s="26"/>
      <c r="VPR127" s="26"/>
      <c r="VPS127" s="26"/>
      <c r="VPT127" s="26"/>
      <c r="VPU127" s="26"/>
      <c r="VPV127" s="26"/>
      <c r="VPW127" s="26"/>
      <c r="VPX127" s="26"/>
      <c r="VPY127" s="26"/>
      <c r="VPZ127" s="26"/>
      <c r="VQA127" s="26"/>
      <c r="VQB127" s="26"/>
      <c r="VQC127" s="26"/>
      <c r="VQD127" s="26"/>
      <c r="VQE127" s="26"/>
      <c r="VQF127" s="26"/>
      <c r="VQG127" s="26"/>
      <c r="VQH127" s="26"/>
      <c r="VQI127" s="26"/>
      <c r="VQJ127" s="26"/>
      <c r="VQK127" s="26"/>
      <c r="VQL127" s="26"/>
      <c r="VQM127" s="26"/>
      <c r="VQN127" s="26"/>
      <c r="VQO127" s="26"/>
      <c r="VQP127" s="26"/>
      <c r="VQQ127" s="26"/>
      <c r="VQR127" s="26"/>
      <c r="VQS127" s="26"/>
      <c r="VQT127" s="26"/>
      <c r="VQU127" s="26"/>
      <c r="VQV127" s="26"/>
      <c r="VQW127" s="26"/>
      <c r="VQX127" s="26"/>
      <c r="VQY127" s="26"/>
      <c r="VQZ127" s="26"/>
      <c r="VRA127" s="26"/>
      <c r="VRB127" s="26"/>
      <c r="VRC127" s="26"/>
      <c r="VRD127" s="26"/>
      <c r="VRE127" s="26"/>
      <c r="VRF127" s="26"/>
      <c r="VRG127" s="26"/>
      <c r="VRH127" s="26"/>
      <c r="VRI127" s="26"/>
      <c r="VRJ127" s="26"/>
      <c r="VRK127" s="26"/>
      <c r="VRL127" s="26"/>
      <c r="VRM127" s="26"/>
      <c r="VRN127" s="26"/>
      <c r="VRO127" s="26"/>
      <c r="VRP127" s="26"/>
      <c r="VRQ127" s="26"/>
      <c r="VRR127" s="26"/>
      <c r="VRS127" s="26"/>
      <c r="VRT127" s="26"/>
      <c r="VRU127" s="26"/>
      <c r="VRV127" s="26"/>
      <c r="VRW127" s="26"/>
      <c r="VRX127" s="26"/>
      <c r="VRY127" s="26"/>
      <c r="VRZ127" s="26"/>
      <c r="VSA127" s="26"/>
      <c r="VSB127" s="26"/>
      <c r="VSC127" s="26"/>
      <c r="VSD127" s="26"/>
      <c r="VSE127" s="26"/>
      <c r="VSF127" s="26"/>
      <c r="VSG127" s="26"/>
      <c r="VSH127" s="26"/>
      <c r="VSI127" s="26"/>
      <c r="VSJ127" s="26"/>
      <c r="VSK127" s="26"/>
      <c r="VSL127" s="26"/>
      <c r="VSM127" s="26"/>
      <c r="VSN127" s="26"/>
      <c r="VSO127" s="26"/>
      <c r="VSP127" s="26"/>
      <c r="VSQ127" s="26"/>
      <c r="VSR127" s="26"/>
      <c r="VSS127" s="26"/>
      <c r="VST127" s="26"/>
      <c r="VSU127" s="26"/>
      <c r="VSV127" s="26"/>
      <c r="VSW127" s="26"/>
      <c r="VSX127" s="26"/>
      <c r="VSY127" s="26"/>
      <c r="VSZ127" s="26"/>
      <c r="VTA127" s="26"/>
      <c r="VTB127" s="26"/>
      <c r="VTC127" s="26"/>
      <c r="VTD127" s="26"/>
      <c r="VTE127" s="26"/>
      <c r="VTF127" s="26"/>
      <c r="VTG127" s="26"/>
      <c r="VTH127" s="26"/>
      <c r="VTI127" s="26"/>
      <c r="VTJ127" s="26"/>
      <c r="VTK127" s="26"/>
      <c r="VTL127" s="26"/>
      <c r="VTM127" s="26"/>
      <c r="VTN127" s="26"/>
      <c r="VTO127" s="26"/>
      <c r="VTP127" s="26"/>
      <c r="VTQ127" s="26"/>
      <c r="VTR127" s="26"/>
      <c r="VTS127" s="26"/>
      <c r="VTT127" s="26"/>
      <c r="VTU127" s="26"/>
      <c r="VTV127" s="26"/>
      <c r="VTW127" s="26"/>
      <c r="VTX127" s="26"/>
      <c r="VTY127" s="26"/>
      <c r="VTZ127" s="26"/>
      <c r="VUA127" s="26"/>
      <c r="VUB127" s="26"/>
      <c r="VUC127" s="26"/>
      <c r="VUD127" s="26"/>
      <c r="VUE127" s="26"/>
      <c r="VUF127" s="26"/>
      <c r="VUG127" s="26"/>
      <c r="VUH127" s="26"/>
      <c r="VUI127" s="26"/>
      <c r="VUJ127" s="26"/>
      <c r="VUK127" s="26"/>
      <c r="VUL127" s="26"/>
      <c r="VUM127" s="26"/>
      <c r="VUN127" s="26"/>
      <c r="VUO127" s="26"/>
      <c r="VUP127" s="26"/>
      <c r="VUQ127" s="26"/>
      <c r="VUR127" s="26"/>
      <c r="VUS127" s="26"/>
      <c r="VUT127" s="26"/>
      <c r="VUU127" s="26"/>
      <c r="VUV127" s="26"/>
      <c r="VUW127" s="26"/>
      <c r="VUX127" s="26"/>
      <c r="VUY127" s="26"/>
      <c r="VUZ127" s="26"/>
      <c r="VVA127" s="26"/>
      <c r="VVB127" s="26"/>
      <c r="VVC127" s="26"/>
      <c r="VVD127" s="26"/>
      <c r="VVE127" s="26"/>
      <c r="VVF127" s="26"/>
      <c r="VVG127" s="26"/>
      <c r="VVH127" s="26"/>
      <c r="VVI127" s="26"/>
      <c r="VVJ127" s="26"/>
      <c r="VVK127" s="26"/>
      <c r="VVL127" s="26"/>
      <c r="VVM127" s="26"/>
      <c r="VVN127" s="26"/>
      <c r="VVO127" s="26"/>
      <c r="VVP127" s="26"/>
      <c r="VVQ127" s="26"/>
      <c r="VVR127" s="26"/>
      <c r="VVS127" s="26"/>
      <c r="VVT127" s="26"/>
      <c r="VVU127" s="26"/>
      <c r="VVV127" s="26"/>
      <c r="VVW127" s="26"/>
      <c r="VVX127" s="26"/>
      <c r="VVY127" s="26"/>
      <c r="VVZ127" s="26"/>
      <c r="VWA127" s="26"/>
      <c r="VWB127" s="26"/>
      <c r="VWC127" s="26"/>
      <c r="VWD127" s="26"/>
      <c r="VWE127" s="26"/>
      <c r="VWF127" s="26"/>
      <c r="VWG127" s="26"/>
      <c r="VWH127" s="26"/>
      <c r="VWI127" s="26"/>
      <c r="VWJ127" s="26"/>
      <c r="VWK127" s="26"/>
      <c r="VWL127" s="26"/>
      <c r="VWM127" s="26"/>
      <c r="VWN127" s="26"/>
      <c r="VWO127" s="26"/>
      <c r="VWP127" s="26"/>
      <c r="VWQ127" s="26"/>
      <c r="VWR127" s="26"/>
      <c r="VWS127" s="26"/>
      <c r="VWT127" s="26"/>
      <c r="VWU127" s="26"/>
      <c r="VWV127" s="26"/>
      <c r="VWW127" s="26"/>
      <c r="VWX127" s="26"/>
      <c r="VWY127" s="26"/>
      <c r="VWZ127" s="26"/>
      <c r="VXA127" s="26"/>
      <c r="VXB127" s="26"/>
      <c r="VXC127" s="26"/>
      <c r="VXD127" s="26"/>
      <c r="VXE127" s="26"/>
      <c r="VXF127" s="26"/>
      <c r="VXG127" s="26"/>
      <c r="VXH127" s="26"/>
      <c r="VXI127" s="26"/>
      <c r="VXJ127" s="26"/>
      <c r="VXK127" s="26"/>
      <c r="VXL127" s="26"/>
      <c r="VXM127" s="26"/>
      <c r="VXN127" s="26"/>
      <c r="VXO127" s="26"/>
      <c r="VXP127" s="26"/>
      <c r="VXQ127" s="26"/>
      <c r="VXR127" s="26"/>
      <c r="VXS127" s="26"/>
      <c r="VXT127" s="26"/>
      <c r="VXU127" s="26"/>
      <c r="VXV127" s="26"/>
      <c r="VXW127" s="26"/>
      <c r="VXX127" s="26"/>
      <c r="VXY127" s="26"/>
      <c r="VXZ127" s="26"/>
      <c r="VYA127" s="26"/>
      <c r="VYB127" s="26"/>
      <c r="VYC127" s="26"/>
      <c r="VYD127" s="26"/>
      <c r="VYE127" s="26"/>
      <c r="VYF127" s="26"/>
      <c r="VYG127" s="26"/>
      <c r="VYH127" s="26"/>
      <c r="VYI127" s="26"/>
      <c r="VYJ127" s="26"/>
      <c r="VYK127" s="26"/>
      <c r="VYL127" s="26"/>
      <c r="VYM127" s="26"/>
      <c r="VYN127" s="26"/>
      <c r="VYO127" s="26"/>
      <c r="VYP127" s="26"/>
      <c r="VYQ127" s="26"/>
      <c r="VYR127" s="26"/>
      <c r="VYS127" s="26"/>
      <c r="VYT127" s="26"/>
      <c r="VYU127" s="26"/>
      <c r="VYV127" s="26"/>
      <c r="VYW127" s="26"/>
      <c r="VYX127" s="26"/>
      <c r="VYY127" s="26"/>
      <c r="VYZ127" s="26"/>
      <c r="VZA127" s="26"/>
      <c r="VZB127" s="26"/>
      <c r="VZC127" s="26"/>
      <c r="VZD127" s="26"/>
      <c r="VZE127" s="26"/>
      <c r="VZF127" s="26"/>
      <c r="VZG127" s="26"/>
      <c r="VZH127" s="26"/>
      <c r="VZI127" s="26"/>
      <c r="VZJ127" s="26"/>
      <c r="VZK127" s="26"/>
      <c r="VZL127" s="26"/>
      <c r="VZM127" s="26"/>
      <c r="VZN127" s="26"/>
      <c r="VZO127" s="26"/>
      <c r="VZP127" s="26"/>
      <c r="VZQ127" s="26"/>
      <c r="VZR127" s="26"/>
      <c r="VZS127" s="26"/>
      <c r="VZT127" s="26"/>
      <c r="VZU127" s="26"/>
      <c r="VZV127" s="26"/>
      <c r="VZW127" s="26"/>
      <c r="VZX127" s="26"/>
      <c r="VZY127" s="26"/>
      <c r="VZZ127" s="26"/>
      <c r="WAA127" s="26"/>
      <c r="WAB127" s="26"/>
      <c r="WAC127" s="26"/>
      <c r="WAD127" s="26"/>
      <c r="WAE127" s="26"/>
      <c r="WAF127" s="26"/>
      <c r="WAG127" s="26"/>
      <c r="WAH127" s="26"/>
      <c r="WAI127" s="26"/>
      <c r="WAJ127" s="26"/>
      <c r="WAK127" s="26"/>
      <c r="WAL127" s="26"/>
      <c r="WAM127" s="26"/>
      <c r="WAN127" s="26"/>
      <c r="WAO127" s="26"/>
      <c r="WAP127" s="26"/>
      <c r="WAQ127" s="26"/>
      <c r="WAR127" s="26"/>
      <c r="WAS127" s="26"/>
      <c r="WAT127" s="26"/>
      <c r="WAU127" s="26"/>
      <c r="WAV127" s="26"/>
      <c r="WAW127" s="26"/>
      <c r="WAX127" s="26"/>
      <c r="WAY127" s="26"/>
      <c r="WAZ127" s="26"/>
      <c r="WBA127" s="26"/>
      <c r="WBB127" s="26"/>
      <c r="WBC127" s="26"/>
      <c r="WBD127" s="26"/>
      <c r="WBE127" s="26"/>
      <c r="WBF127" s="26"/>
      <c r="WBG127" s="26"/>
      <c r="WBH127" s="26"/>
      <c r="WBI127" s="26"/>
      <c r="WBJ127" s="26"/>
      <c r="WBK127" s="26"/>
      <c r="WBL127" s="26"/>
      <c r="WBM127" s="26"/>
      <c r="WBN127" s="26"/>
      <c r="WBO127" s="26"/>
      <c r="WBP127" s="26"/>
      <c r="WBQ127" s="26"/>
      <c r="WBR127" s="26"/>
      <c r="WBS127" s="26"/>
      <c r="WBT127" s="26"/>
      <c r="WBU127" s="26"/>
      <c r="WBV127" s="26"/>
      <c r="WBW127" s="26"/>
      <c r="WBX127" s="26"/>
      <c r="WBY127" s="26"/>
      <c r="WBZ127" s="26"/>
      <c r="WCA127" s="26"/>
      <c r="WCB127" s="26"/>
      <c r="WCC127" s="26"/>
      <c r="WCD127" s="26"/>
      <c r="WCE127" s="26"/>
      <c r="WCF127" s="26"/>
      <c r="WCG127" s="26"/>
      <c r="WCH127" s="26"/>
      <c r="WCI127" s="26"/>
      <c r="WCJ127" s="26"/>
      <c r="WCK127" s="26"/>
      <c r="WCL127" s="26"/>
      <c r="WCM127" s="26"/>
      <c r="WCN127" s="26"/>
      <c r="WCO127" s="26"/>
      <c r="WCP127" s="26"/>
      <c r="WCQ127" s="26"/>
      <c r="WCR127" s="26"/>
      <c r="WCS127" s="26"/>
      <c r="WCT127" s="26"/>
      <c r="WCU127" s="26"/>
      <c r="WCV127" s="26"/>
      <c r="WCW127" s="26"/>
      <c r="WCX127" s="26"/>
      <c r="WCY127" s="26"/>
      <c r="WCZ127" s="26"/>
      <c r="WDA127" s="26"/>
      <c r="WDB127" s="26"/>
      <c r="WDC127" s="26"/>
      <c r="WDD127" s="26"/>
      <c r="WDE127" s="26"/>
      <c r="WDF127" s="26"/>
      <c r="WDG127" s="26"/>
      <c r="WDH127" s="26"/>
      <c r="WDI127" s="26"/>
      <c r="WDJ127" s="26"/>
      <c r="WDK127" s="26"/>
      <c r="WDL127" s="26"/>
      <c r="WDM127" s="26"/>
      <c r="WDN127" s="26"/>
      <c r="WDO127" s="26"/>
      <c r="WDP127" s="26"/>
      <c r="WDQ127" s="26"/>
      <c r="WDR127" s="26"/>
      <c r="WDS127" s="26"/>
      <c r="WDT127" s="26"/>
      <c r="WDU127" s="26"/>
      <c r="WDV127" s="26"/>
      <c r="WDW127" s="26"/>
      <c r="WDX127" s="26"/>
      <c r="WDY127" s="26"/>
      <c r="WDZ127" s="26"/>
      <c r="WEA127" s="26"/>
      <c r="WEB127" s="26"/>
      <c r="WEC127" s="26"/>
      <c r="WED127" s="26"/>
      <c r="WEE127" s="26"/>
      <c r="WEF127" s="26"/>
      <c r="WEG127" s="26"/>
      <c r="WEH127" s="26"/>
      <c r="WEI127" s="26"/>
      <c r="WEJ127" s="26"/>
      <c r="WEK127" s="26"/>
      <c r="WEL127" s="26"/>
      <c r="WEM127" s="26"/>
      <c r="WEN127" s="26"/>
      <c r="WEO127" s="26"/>
      <c r="WEP127" s="26"/>
      <c r="WEQ127" s="26"/>
      <c r="WER127" s="26"/>
      <c r="WES127" s="26"/>
      <c r="WET127" s="26"/>
      <c r="WEU127" s="26"/>
      <c r="WEV127" s="26"/>
      <c r="WEW127" s="26"/>
      <c r="WEX127" s="26"/>
      <c r="WEY127" s="26"/>
      <c r="WEZ127" s="26"/>
      <c r="WFA127" s="26"/>
      <c r="WFB127" s="26"/>
      <c r="WFC127" s="26"/>
      <c r="WFD127" s="26"/>
      <c r="WFE127" s="26"/>
      <c r="WFF127" s="26"/>
      <c r="WFG127" s="26"/>
      <c r="WFH127" s="26"/>
      <c r="WFI127" s="26"/>
      <c r="WFJ127" s="26"/>
      <c r="WFK127" s="26"/>
      <c r="WFL127" s="26"/>
      <c r="WFM127" s="26"/>
      <c r="WFN127" s="26"/>
      <c r="WFO127" s="26"/>
      <c r="WFP127" s="26"/>
      <c r="WFQ127" s="26"/>
      <c r="WFR127" s="26"/>
      <c r="WFS127" s="26"/>
      <c r="WFT127" s="26"/>
      <c r="WFU127" s="26"/>
      <c r="WFV127" s="26"/>
      <c r="WFW127" s="26"/>
      <c r="WFX127" s="26"/>
      <c r="WFY127" s="26"/>
      <c r="WFZ127" s="26"/>
      <c r="WGA127" s="26"/>
      <c r="WGB127" s="26"/>
      <c r="WGC127" s="26"/>
      <c r="WGD127" s="26"/>
      <c r="WGE127" s="26"/>
      <c r="WGF127" s="26"/>
      <c r="WGG127" s="26"/>
      <c r="WGH127" s="26"/>
      <c r="WGI127" s="26"/>
      <c r="WGJ127" s="26"/>
      <c r="WGK127" s="26"/>
      <c r="WGL127" s="26"/>
      <c r="WGM127" s="26"/>
      <c r="WGN127" s="26"/>
      <c r="WGO127" s="26"/>
      <c r="WGP127" s="26"/>
      <c r="WGQ127" s="26"/>
      <c r="WGR127" s="26"/>
      <c r="WGS127" s="26"/>
      <c r="WGT127" s="26"/>
      <c r="WGU127" s="26"/>
      <c r="WGV127" s="26"/>
      <c r="WGW127" s="26"/>
      <c r="WGX127" s="26"/>
      <c r="WGY127" s="26"/>
      <c r="WGZ127" s="26"/>
      <c r="WHA127" s="26"/>
      <c r="WHB127" s="26"/>
      <c r="WHC127" s="26"/>
      <c r="WHD127" s="26"/>
      <c r="WHE127" s="26"/>
      <c r="WHF127" s="26"/>
      <c r="WHG127" s="26"/>
      <c r="WHH127" s="26"/>
      <c r="WHI127" s="26"/>
      <c r="WHJ127" s="26"/>
      <c r="WHK127" s="26"/>
      <c r="WHL127" s="26"/>
      <c r="WHM127" s="26"/>
      <c r="WHN127" s="26"/>
      <c r="WHO127" s="26"/>
      <c r="WHP127" s="26"/>
      <c r="WHQ127" s="26"/>
      <c r="WHR127" s="26"/>
      <c r="WHS127" s="26"/>
      <c r="WHT127" s="26"/>
      <c r="WHU127" s="26"/>
      <c r="WHV127" s="26"/>
      <c r="WHW127" s="26"/>
      <c r="WHX127" s="26"/>
      <c r="WHY127" s="26"/>
      <c r="WHZ127" s="26"/>
      <c r="WIA127" s="26"/>
      <c r="WIB127" s="26"/>
      <c r="WIC127" s="26"/>
      <c r="WID127" s="26"/>
      <c r="WIE127" s="26"/>
      <c r="WIF127" s="26"/>
      <c r="WIG127" s="26"/>
      <c r="WIH127" s="26"/>
      <c r="WII127" s="26"/>
      <c r="WIJ127" s="26"/>
      <c r="WIK127" s="26"/>
      <c r="WIL127" s="26"/>
      <c r="WIM127" s="26"/>
      <c r="WIN127" s="26"/>
      <c r="WIO127" s="26"/>
      <c r="WIP127" s="26"/>
      <c r="WIQ127" s="26"/>
      <c r="WIR127" s="26"/>
      <c r="WIS127" s="26"/>
      <c r="WIT127" s="26"/>
      <c r="WIU127" s="26"/>
      <c r="WIV127" s="26"/>
      <c r="WIW127" s="26"/>
      <c r="WIX127" s="26"/>
      <c r="WIY127" s="26"/>
      <c r="WIZ127" s="26"/>
      <c r="WJA127" s="26"/>
      <c r="WJB127" s="26"/>
      <c r="WJC127" s="26"/>
      <c r="WJD127" s="26"/>
      <c r="WJE127" s="26"/>
      <c r="WJF127" s="26"/>
      <c r="WJG127" s="26"/>
      <c r="WJH127" s="26"/>
      <c r="WJI127" s="26"/>
      <c r="WJJ127" s="26"/>
      <c r="WJK127" s="26"/>
      <c r="WJL127" s="26"/>
      <c r="WJM127" s="26"/>
      <c r="WJN127" s="26"/>
      <c r="WJO127" s="26"/>
      <c r="WJP127" s="26"/>
      <c r="WJQ127" s="26"/>
      <c r="WJR127" s="26"/>
      <c r="WJS127" s="26"/>
      <c r="WJT127" s="26"/>
      <c r="WJU127" s="26"/>
      <c r="WJV127" s="26"/>
      <c r="WJW127" s="26"/>
      <c r="WJX127" s="26"/>
      <c r="WJY127" s="26"/>
      <c r="WJZ127" s="26"/>
      <c r="WKA127" s="26"/>
      <c r="WKB127" s="26"/>
      <c r="WKC127" s="26"/>
      <c r="WKD127" s="26"/>
      <c r="WKE127" s="26"/>
      <c r="WKF127" s="26"/>
      <c r="WKG127" s="26"/>
      <c r="WKH127" s="26"/>
      <c r="WKI127" s="26"/>
      <c r="WKJ127" s="26"/>
      <c r="WKK127" s="26"/>
      <c r="WKL127" s="26"/>
      <c r="WKM127" s="26"/>
      <c r="WKN127" s="26"/>
      <c r="WKO127" s="26"/>
      <c r="WKP127" s="26"/>
      <c r="WKQ127" s="26"/>
      <c r="WKR127" s="26"/>
      <c r="WKS127" s="26"/>
      <c r="WKT127" s="26"/>
      <c r="WKU127" s="26"/>
      <c r="WKV127" s="26"/>
      <c r="WKW127" s="26"/>
      <c r="WKX127" s="26"/>
      <c r="WKY127" s="26"/>
      <c r="WKZ127" s="26"/>
      <c r="WLA127" s="26"/>
      <c r="WLB127" s="26"/>
      <c r="WLC127" s="26"/>
      <c r="WLD127" s="26"/>
      <c r="WLE127" s="26"/>
      <c r="WLF127" s="26"/>
      <c r="WLG127" s="26"/>
      <c r="WLH127" s="26"/>
      <c r="WLI127" s="26"/>
      <c r="WLJ127" s="26"/>
      <c r="WLK127" s="26"/>
      <c r="WLL127" s="26"/>
      <c r="WLM127" s="26"/>
      <c r="WLN127" s="26"/>
      <c r="WLO127" s="26"/>
      <c r="WLP127" s="26"/>
      <c r="WLQ127" s="26"/>
      <c r="WLR127" s="26"/>
      <c r="WLS127" s="26"/>
      <c r="WLT127" s="26"/>
      <c r="WLU127" s="26"/>
      <c r="WLV127" s="26"/>
      <c r="WLW127" s="26"/>
      <c r="WLX127" s="26"/>
      <c r="WLY127" s="26"/>
      <c r="WLZ127" s="26"/>
      <c r="WMA127" s="26"/>
      <c r="WMB127" s="26"/>
      <c r="WMC127" s="26"/>
      <c r="WMD127" s="26"/>
      <c r="WME127" s="26"/>
      <c r="WMF127" s="26"/>
      <c r="WMG127" s="26"/>
      <c r="WMH127" s="26"/>
      <c r="WMI127" s="26"/>
      <c r="WMJ127" s="26"/>
      <c r="WMK127" s="26"/>
      <c r="WML127" s="26"/>
      <c r="WMM127" s="26"/>
      <c r="WMN127" s="26"/>
      <c r="WMO127" s="26"/>
      <c r="WMP127" s="26"/>
      <c r="WMQ127" s="26"/>
      <c r="WMR127" s="26"/>
      <c r="WMS127" s="26"/>
      <c r="WMT127" s="26"/>
      <c r="WMU127" s="26"/>
      <c r="WMV127" s="26"/>
      <c r="WMW127" s="26"/>
      <c r="WMX127" s="26"/>
      <c r="WMY127" s="26"/>
      <c r="WMZ127" s="26"/>
      <c r="WNA127" s="26"/>
      <c r="WNB127" s="26"/>
      <c r="WNC127" s="26"/>
      <c r="WND127" s="26"/>
      <c r="WNE127" s="26"/>
      <c r="WNF127" s="26"/>
      <c r="WNG127" s="26"/>
      <c r="WNH127" s="26"/>
      <c r="WNI127" s="26"/>
      <c r="WNJ127" s="26"/>
      <c r="WNK127" s="26"/>
      <c r="WNL127" s="26"/>
      <c r="WNM127" s="26"/>
      <c r="WNN127" s="26"/>
      <c r="WNO127" s="26"/>
      <c r="WNP127" s="26"/>
      <c r="WNQ127" s="26"/>
      <c r="WNR127" s="26"/>
      <c r="WNS127" s="26"/>
      <c r="WNT127" s="26"/>
      <c r="WNU127" s="26"/>
      <c r="WNV127" s="26"/>
      <c r="WNW127" s="26"/>
      <c r="WNX127" s="26"/>
      <c r="WNY127" s="26"/>
      <c r="WNZ127" s="26"/>
      <c r="WOA127" s="26"/>
      <c r="WOB127" s="26"/>
      <c r="WOC127" s="26"/>
      <c r="WOD127" s="26"/>
      <c r="WOE127" s="26"/>
      <c r="WOF127" s="26"/>
      <c r="WOG127" s="26"/>
      <c r="WOH127" s="26"/>
      <c r="WOI127" s="26"/>
      <c r="WOJ127" s="26"/>
      <c r="WOK127" s="26"/>
      <c r="WOL127" s="26"/>
      <c r="WOM127" s="26"/>
      <c r="WON127" s="26"/>
      <c r="WOO127" s="26"/>
      <c r="WOP127" s="26"/>
      <c r="WOQ127" s="26"/>
      <c r="WOR127" s="26"/>
      <c r="WOS127" s="26"/>
      <c r="WOT127" s="26"/>
      <c r="WOU127" s="26"/>
      <c r="WOV127" s="26"/>
      <c r="WOW127" s="26"/>
      <c r="WOX127" s="26"/>
      <c r="WOY127" s="26"/>
      <c r="WOZ127" s="26"/>
      <c r="WPA127" s="26"/>
      <c r="WPB127" s="26"/>
      <c r="WPC127" s="26"/>
      <c r="WPD127" s="26"/>
      <c r="WPE127" s="26"/>
      <c r="WPF127" s="26"/>
      <c r="WPG127" s="26"/>
      <c r="WPH127" s="26"/>
      <c r="WPI127" s="26"/>
      <c r="WPJ127" s="26"/>
      <c r="WPK127" s="26"/>
      <c r="WPL127" s="26"/>
      <c r="WPM127" s="26"/>
      <c r="WPN127" s="26"/>
      <c r="WPO127" s="26"/>
      <c r="WPP127" s="26"/>
      <c r="WPQ127" s="26"/>
      <c r="WPR127" s="26"/>
      <c r="WPS127" s="26"/>
      <c r="WPT127" s="26"/>
      <c r="WPU127" s="26"/>
      <c r="WPV127" s="26"/>
      <c r="WPW127" s="26"/>
      <c r="WPX127" s="26"/>
      <c r="WPY127" s="26"/>
      <c r="WPZ127" s="26"/>
      <c r="WQA127" s="26"/>
      <c r="WQB127" s="26"/>
      <c r="WQC127" s="26"/>
      <c r="WQD127" s="26"/>
      <c r="WQE127" s="26"/>
      <c r="WQF127" s="26"/>
      <c r="WQG127" s="26"/>
      <c r="WQH127" s="26"/>
      <c r="WQI127" s="26"/>
      <c r="WQJ127" s="26"/>
      <c r="WQK127" s="26"/>
      <c r="WQL127" s="26"/>
      <c r="WQM127" s="26"/>
      <c r="WQN127" s="26"/>
      <c r="WQO127" s="26"/>
      <c r="WQP127" s="26"/>
      <c r="WQQ127" s="26"/>
      <c r="WQR127" s="26"/>
      <c r="WQS127" s="26"/>
      <c r="WQT127" s="26"/>
      <c r="WQU127" s="26"/>
      <c r="WQV127" s="26"/>
      <c r="WQW127" s="26"/>
      <c r="WQX127" s="26"/>
      <c r="WQY127" s="26"/>
      <c r="WQZ127" s="26"/>
      <c r="WRA127" s="26"/>
      <c r="WRB127" s="26"/>
      <c r="WRC127" s="26"/>
      <c r="WRD127" s="26"/>
      <c r="WRE127" s="26"/>
      <c r="WRF127" s="26"/>
      <c r="WRG127" s="26"/>
      <c r="WRH127" s="26"/>
      <c r="WRI127" s="26"/>
      <c r="WRJ127" s="26"/>
      <c r="WRK127" s="26"/>
      <c r="WRL127" s="26"/>
      <c r="WRM127" s="26"/>
      <c r="WRN127" s="26"/>
      <c r="WRO127" s="26"/>
      <c r="WRP127" s="26"/>
      <c r="WRQ127" s="26"/>
      <c r="WRR127" s="26"/>
      <c r="WRS127" s="26"/>
      <c r="WRT127" s="26"/>
      <c r="WRU127" s="26"/>
      <c r="WRV127" s="26"/>
      <c r="WRW127" s="26"/>
      <c r="WRX127" s="26"/>
      <c r="WRY127" s="26"/>
      <c r="WRZ127" s="26"/>
      <c r="WSA127" s="26"/>
      <c r="WSB127" s="26"/>
      <c r="WSC127" s="26"/>
      <c r="WSD127" s="26"/>
      <c r="WSE127" s="26"/>
      <c r="WSF127" s="26"/>
      <c r="WSG127" s="26"/>
      <c r="WSH127" s="26"/>
      <c r="WSI127" s="26"/>
      <c r="WSJ127" s="26"/>
      <c r="WSK127" s="26"/>
      <c r="WSL127" s="26"/>
      <c r="WSM127" s="26"/>
      <c r="WSN127" s="26"/>
      <c r="WSO127" s="26"/>
      <c r="WSP127" s="26"/>
      <c r="WSQ127" s="26"/>
      <c r="WSR127" s="26"/>
      <c r="WSS127" s="26"/>
      <c r="WST127" s="26"/>
      <c r="WSU127" s="26"/>
      <c r="WSV127" s="26"/>
      <c r="WSW127" s="26"/>
      <c r="WSX127" s="26"/>
      <c r="WSY127" s="26"/>
      <c r="WSZ127" s="26"/>
      <c r="WTA127" s="26"/>
      <c r="WTB127" s="26"/>
      <c r="WTC127" s="26"/>
      <c r="WTD127" s="26"/>
      <c r="WTE127" s="26"/>
      <c r="WTF127" s="26"/>
      <c r="WTG127" s="26"/>
      <c r="WTH127" s="26"/>
      <c r="WTI127" s="26"/>
      <c r="WTJ127" s="26"/>
      <c r="WTK127" s="26"/>
      <c r="WTL127" s="26"/>
      <c r="WTM127" s="26"/>
      <c r="WTN127" s="26"/>
      <c r="WTO127" s="26"/>
      <c r="WTP127" s="26"/>
      <c r="WTQ127" s="26"/>
      <c r="WTR127" s="26"/>
      <c r="WTS127" s="26"/>
      <c r="WTT127" s="26"/>
      <c r="WTU127" s="26"/>
      <c r="WTV127" s="26"/>
      <c r="WTW127" s="26"/>
      <c r="WTX127" s="26"/>
      <c r="WTY127" s="26"/>
      <c r="WTZ127" s="26"/>
      <c r="WUA127" s="26"/>
      <c r="WUB127" s="26"/>
      <c r="WUC127" s="26"/>
      <c r="WUD127" s="26"/>
      <c r="WUE127" s="26"/>
      <c r="WUF127" s="26"/>
      <c r="WUG127" s="26"/>
      <c r="WUH127" s="26"/>
      <c r="WUI127" s="26"/>
      <c r="WUJ127" s="26"/>
      <c r="WUK127" s="26"/>
      <c r="WUL127" s="26"/>
      <c r="WUM127" s="26"/>
      <c r="WUN127" s="26"/>
      <c r="WUO127" s="26"/>
      <c r="WUP127" s="26"/>
      <c r="WUQ127" s="26"/>
      <c r="WUR127" s="26"/>
      <c r="WUS127" s="26"/>
      <c r="WUT127" s="26"/>
      <c r="WUU127" s="26"/>
      <c r="WUV127" s="26"/>
      <c r="WUW127" s="26"/>
      <c r="WUX127" s="26"/>
      <c r="WUY127" s="26"/>
      <c r="WUZ127" s="26"/>
      <c r="WVA127" s="26"/>
      <c r="WVB127" s="26"/>
      <c r="WVC127" s="26"/>
      <c r="WVD127" s="26"/>
      <c r="WVE127" s="26"/>
      <c r="WVF127" s="26"/>
      <c r="WVG127" s="26"/>
      <c r="WVH127" s="26"/>
      <c r="WVI127" s="26"/>
      <c r="WVJ127" s="26"/>
      <c r="WVK127" s="26"/>
      <c r="WVL127" s="26"/>
      <c r="WVM127" s="26"/>
      <c r="WVN127" s="26"/>
      <c r="WVO127" s="26"/>
      <c r="WVP127" s="26"/>
      <c r="WVQ127" s="26"/>
      <c r="WVR127" s="26"/>
      <c r="WVS127" s="26"/>
      <c r="WVT127" s="26"/>
      <c r="WVU127" s="26"/>
      <c r="WVV127" s="26"/>
      <c r="WVW127" s="26"/>
      <c r="WVX127" s="26"/>
      <c r="WVY127" s="26"/>
      <c r="WVZ127" s="26"/>
      <c r="WWA127" s="26"/>
      <c r="WWB127" s="26"/>
      <c r="WWC127" s="26"/>
      <c r="WWD127" s="26"/>
      <c r="WWE127" s="26"/>
      <c r="WWF127" s="26"/>
      <c r="WWG127" s="26"/>
      <c r="WWH127" s="26"/>
      <c r="WWI127" s="26"/>
      <c r="WWJ127" s="26"/>
      <c r="WWK127" s="26"/>
      <c r="WWL127" s="26"/>
      <c r="WWM127" s="26"/>
      <c r="WWN127" s="26"/>
      <c r="WWO127" s="26"/>
      <c r="WWP127" s="26"/>
      <c r="WWQ127" s="26"/>
      <c r="WWR127" s="26"/>
      <c r="WWS127" s="26"/>
      <c r="WWT127" s="26"/>
      <c r="WWU127" s="26"/>
      <c r="WWV127" s="26"/>
      <c r="WWW127" s="26"/>
      <c r="WWX127" s="26"/>
      <c r="WWY127" s="26"/>
      <c r="WWZ127" s="26"/>
      <c r="WXA127" s="26"/>
      <c r="WXB127" s="26"/>
      <c r="WXC127" s="26"/>
      <c r="WXD127" s="26"/>
      <c r="WXE127" s="26"/>
      <c r="WXF127" s="26"/>
      <c r="WXG127" s="26"/>
      <c r="WXH127" s="26"/>
      <c r="WXI127" s="26"/>
      <c r="WXJ127" s="26"/>
      <c r="WXK127" s="26"/>
      <c r="WXL127" s="26"/>
      <c r="WXM127" s="26"/>
      <c r="WXN127" s="26"/>
      <c r="WXO127" s="26"/>
      <c r="WXP127" s="26"/>
      <c r="WXQ127" s="26"/>
      <c r="WXR127" s="26"/>
      <c r="WXS127" s="26"/>
      <c r="WXT127" s="26"/>
      <c r="WXU127" s="26"/>
      <c r="WXV127" s="26"/>
      <c r="WXW127" s="26"/>
      <c r="WXX127" s="26"/>
      <c r="WXY127" s="26"/>
      <c r="WXZ127" s="26"/>
      <c r="WYA127" s="26"/>
      <c r="WYB127" s="26"/>
      <c r="WYC127" s="26"/>
      <c r="WYD127" s="26"/>
      <c r="WYE127" s="26"/>
      <c r="WYF127" s="26"/>
      <c r="WYG127" s="26"/>
      <c r="WYH127" s="26"/>
      <c r="WYI127" s="26"/>
      <c r="WYJ127" s="26"/>
      <c r="WYK127" s="26"/>
      <c r="WYL127" s="26"/>
      <c r="WYM127" s="26"/>
      <c r="WYN127" s="26"/>
      <c r="WYO127" s="26"/>
      <c r="WYP127" s="26"/>
      <c r="WYQ127" s="26"/>
      <c r="WYR127" s="26"/>
      <c r="WYS127" s="26"/>
      <c r="WYT127" s="26"/>
      <c r="WYU127" s="26"/>
      <c r="WYV127" s="26"/>
      <c r="WYW127" s="26"/>
      <c r="WYX127" s="26"/>
      <c r="WYY127" s="26"/>
      <c r="WYZ127" s="26"/>
      <c r="WZA127" s="26"/>
      <c r="WZB127" s="26"/>
      <c r="WZC127" s="26"/>
      <c r="WZD127" s="26"/>
      <c r="WZE127" s="26"/>
      <c r="WZF127" s="26"/>
      <c r="WZG127" s="26"/>
      <c r="WZH127" s="26"/>
      <c r="WZI127" s="26"/>
      <c r="WZJ127" s="26"/>
      <c r="WZK127" s="26"/>
      <c r="WZL127" s="26"/>
      <c r="WZM127" s="26"/>
      <c r="WZN127" s="26"/>
      <c r="WZO127" s="26"/>
      <c r="WZP127" s="26"/>
      <c r="WZQ127" s="26"/>
      <c r="WZR127" s="26"/>
      <c r="WZS127" s="26"/>
      <c r="WZT127" s="26"/>
      <c r="WZU127" s="26"/>
      <c r="WZV127" s="26"/>
      <c r="WZW127" s="26"/>
      <c r="WZX127" s="26"/>
      <c r="WZY127" s="26"/>
      <c r="WZZ127" s="26"/>
      <c r="XAA127" s="26"/>
      <c r="XAB127" s="26"/>
      <c r="XAC127" s="26"/>
      <c r="XAD127" s="26"/>
      <c r="XAE127" s="26"/>
      <c r="XAF127" s="26"/>
      <c r="XAG127" s="26"/>
      <c r="XAH127" s="26"/>
      <c r="XAI127" s="26"/>
      <c r="XAJ127" s="26"/>
      <c r="XAK127" s="26"/>
      <c r="XAL127" s="26"/>
      <c r="XAM127" s="26"/>
      <c r="XAN127" s="26"/>
      <c r="XAO127" s="26"/>
      <c r="XAP127" s="26"/>
      <c r="XAQ127" s="26"/>
      <c r="XAR127" s="26"/>
      <c r="XAS127" s="26"/>
      <c r="XAT127" s="26"/>
      <c r="XAU127" s="26"/>
      <c r="XAV127" s="26"/>
      <c r="XAW127" s="26"/>
      <c r="XAX127" s="26"/>
      <c r="XAY127" s="26"/>
      <c r="XAZ127" s="26"/>
      <c r="XBA127" s="26"/>
      <c r="XBB127" s="26"/>
      <c r="XBC127" s="26"/>
      <c r="XBD127" s="26"/>
      <c r="XBE127" s="26"/>
      <c r="XBF127" s="26"/>
      <c r="XBG127" s="26"/>
      <c r="XBH127" s="26"/>
      <c r="XBI127" s="26"/>
      <c r="XBJ127" s="26"/>
      <c r="XBK127" s="26"/>
      <c r="XBL127" s="26"/>
      <c r="XBM127" s="26"/>
      <c r="XBN127" s="26"/>
      <c r="XBO127" s="26"/>
      <c r="XBP127" s="26"/>
      <c r="XBQ127" s="26"/>
      <c r="XBR127" s="26"/>
      <c r="XBS127" s="26"/>
      <c r="XBT127" s="26"/>
      <c r="XBU127" s="26"/>
      <c r="XBV127" s="26"/>
      <c r="XBW127" s="26"/>
      <c r="XBX127" s="26"/>
      <c r="XBY127" s="26"/>
      <c r="XBZ127" s="26"/>
      <c r="XCA127" s="26"/>
      <c r="XCB127" s="26"/>
      <c r="XCC127" s="26"/>
      <c r="XCD127" s="26"/>
      <c r="XCE127" s="26"/>
      <c r="XCF127" s="26"/>
      <c r="XCG127" s="26"/>
      <c r="XCH127" s="26"/>
      <c r="XCI127" s="26"/>
      <c r="XCJ127" s="26"/>
      <c r="XCK127" s="26"/>
      <c r="XCL127" s="26"/>
      <c r="XCM127" s="26"/>
      <c r="XCN127" s="26"/>
      <c r="XCO127" s="26"/>
      <c r="XCP127" s="26"/>
      <c r="XCQ127" s="26"/>
      <c r="XCR127" s="26"/>
      <c r="XCS127" s="26"/>
      <c r="XCT127" s="26"/>
      <c r="XCU127" s="26"/>
      <c r="XCV127" s="26"/>
      <c r="XCW127" s="26"/>
      <c r="XCX127" s="26"/>
      <c r="XCY127" s="26"/>
      <c r="XCZ127" s="26"/>
      <c r="XDA127" s="26"/>
      <c r="XDB127" s="26"/>
      <c r="XDC127" s="26"/>
      <c r="XDD127" s="26"/>
      <c r="XDE127" s="26"/>
      <c r="XDF127" s="26"/>
      <c r="XDG127" s="26"/>
      <c r="XDH127" s="26"/>
      <c r="XDI127" s="26"/>
      <c r="XDJ127" s="26"/>
      <c r="XDK127" s="26"/>
      <c r="XDL127" s="26"/>
      <c r="XDM127" s="26"/>
      <c r="XDN127" s="26"/>
      <c r="XDO127" s="26"/>
      <c r="XDP127" s="26"/>
      <c r="XDQ127" s="26"/>
      <c r="XDR127" s="26"/>
      <c r="XDS127" s="26"/>
      <c r="XDT127" s="26"/>
      <c r="XDU127" s="26"/>
      <c r="XDV127" s="26"/>
      <c r="XDW127" s="26"/>
      <c r="XDX127" s="26"/>
      <c r="XDY127" s="26"/>
      <c r="XDZ127" s="26"/>
      <c r="XEA127" s="26"/>
      <c r="XEB127" s="26"/>
      <c r="XEC127" s="26"/>
      <c r="XED127" s="26"/>
      <c r="XEE127" s="26"/>
      <c r="XEF127" s="26"/>
      <c r="XEG127" s="26"/>
      <c r="XEH127" s="26"/>
      <c r="XEI127" s="26"/>
      <c r="XEJ127" s="26"/>
      <c r="XEK127" s="26"/>
      <c r="XEL127" s="26"/>
      <c r="XEM127" s="26"/>
      <c r="XEN127" s="26"/>
      <c r="XEO127" s="26"/>
      <c r="XEP127" s="26"/>
      <c r="XEQ127" s="26"/>
    </row>
    <row r="128" spans="1:16371" s="27" customFormat="1" ht="64.8" x14ac:dyDescent="0.2">
      <c r="A128" s="8" t="s">
        <v>284</v>
      </c>
      <c r="B128" s="8" t="s">
        <v>365</v>
      </c>
      <c r="C128" s="8" t="s">
        <v>366</v>
      </c>
      <c r="D128" s="8" t="s">
        <v>367</v>
      </c>
      <c r="E128" s="8"/>
    </row>
    <row r="129" spans="1:16371" s="27" customFormat="1" ht="97.2" x14ac:dyDescent="0.2">
      <c r="A129" s="8" t="s">
        <v>284</v>
      </c>
      <c r="B129" s="8" t="s">
        <v>1471</v>
      </c>
      <c r="C129" s="8" t="s">
        <v>368</v>
      </c>
      <c r="D129" s="8" t="s">
        <v>369</v>
      </c>
      <c r="E129" s="8"/>
    </row>
    <row r="130" spans="1:16371" s="27" customFormat="1" ht="21.6" x14ac:dyDescent="0.2">
      <c r="A130" s="8" t="s">
        <v>284</v>
      </c>
      <c r="B130" s="8" t="s">
        <v>370</v>
      </c>
      <c r="C130" s="8" t="s">
        <v>371</v>
      </c>
      <c r="D130" s="8" t="s">
        <v>372</v>
      </c>
      <c r="E130" s="8"/>
      <c r="F130" s="25"/>
      <c r="G130" s="25"/>
      <c r="H130" s="25"/>
      <c r="I130" s="25"/>
      <c r="J130" s="25"/>
      <c r="K130" s="25"/>
      <c r="L130" s="25"/>
      <c r="M130" s="25"/>
      <c r="N130" s="25"/>
      <c r="O130" s="25"/>
      <c r="P130" s="25"/>
      <c r="Q130" s="25"/>
      <c r="R130" s="25"/>
      <c r="S130" s="25"/>
      <c r="T130" s="25"/>
      <c r="U130" s="25"/>
      <c r="V130" s="25"/>
      <c r="W130" s="25"/>
      <c r="X130" s="25"/>
      <c r="Y130" s="25"/>
      <c r="Z130" s="25"/>
      <c r="AA130" s="25"/>
      <c r="AB130" s="25"/>
      <c r="AC130" s="25"/>
      <c r="AD130" s="25"/>
      <c r="AE130" s="25"/>
      <c r="AF130" s="25"/>
      <c r="AG130" s="25"/>
      <c r="AH130" s="25"/>
      <c r="AI130" s="25"/>
      <c r="AJ130" s="25"/>
      <c r="AK130" s="25"/>
      <c r="AL130" s="25"/>
      <c r="AM130" s="25"/>
      <c r="AN130" s="25"/>
      <c r="AO130" s="25"/>
      <c r="AP130" s="25"/>
      <c r="AQ130" s="25"/>
      <c r="AR130" s="25"/>
      <c r="AS130" s="25"/>
      <c r="AT130" s="25"/>
      <c r="AU130" s="25"/>
      <c r="AV130" s="25"/>
      <c r="AW130" s="25"/>
      <c r="AX130" s="25"/>
      <c r="AY130" s="25"/>
      <c r="AZ130" s="25"/>
      <c r="BA130" s="25"/>
      <c r="BB130" s="25"/>
      <c r="BC130" s="25"/>
      <c r="BD130" s="25"/>
      <c r="BE130" s="25"/>
      <c r="BF130" s="25"/>
      <c r="BG130" s="25"/>
      <c r="BH130" s="25"/>
      <c r="BI130" s="25"/>
      <c r="BJ130" s="25"/>
      <c r="BK130" s="25"/>
      <c r="BL130" s="25"/>
      <c r="BM130" s="25"/>
      <c r="BN130" s="25"/>
      <c r="BO130" s="25"/>
      <c r="BP130" s="25"/>
      <c r="BQ130" s="25"/>
      <c r="BR130" s="25"/>
      <c r="BS130" s="25"/>
      <c r="BT130" s="25"/>
      <c r="BU130" s="25"/>
      <c r="BV130" s="25"/>
      <c r="BW130" s="25"/>
      <c r="BX130" s="25"/>
      <c r="BY130" s="25"/>
      <c r="BZ130" s="25"/>
      <c r="CA130" s="25"/>
      <c r="CB130" s="25"/>
      <c r="CC130" s="25"/>
      <c r="CD130" s="25"/>
      <c r="CE130" s="25"/>
      <c r="CF130" s="25"/>
      <c r="CG130" s="25"/>
      <c r="CH130" s="25"/>
      <c r="CI130" s="25"/>
      <c r="CJ130" s="25"/>
      <c r="CK130" s="25"/>
      <c r="CL130" s="25"/>
      <c r="CM130" s="25"/>
      <c r="CN130" s="25"/>
      <c r="CO130" s="25"/>
      <c r="CP130" s="25"/>
      <c r="CQ130" s="25"/>
      <c r="CR130" s="25"/>
      <c r="CS130" s="25"/>
      <c r="CT130" s="25"/>
      <c r="CU130" s="25"/>
      <c r="CV130" s="25"/>
      <c r="CW130" s="25"/>
      <c r="CX130" s="25"/>
      <c r="CY130" s="25"/>
      <c r="CZ130" s="25"/>
      <c r="DA130" s="25"/>
      <c r="DB130" s="25"/>
      <c r="DC130" s="25"/>
      <c r="DD130" s="25"/>
      <c r="DE130" s="25"/>
      <c r="DF130" s="25"/>
      <c r="DG130" s="25"/>
      <c r="DH130" s="25"/>
      <c r="DI130" s="25"/>
      <c r="DJ130" s="25"/>
      <c r="DK130" s="25"/>
      <c r="DL130" s="25"/>
      <c r="DM130" s="25"/>
      <c r="DN130" s="25"/>
      <c r="DO130" s="25"/>
      <c r="DP130" s="25"/>
      <c r="DQ130" s="25"/>
      <c r="DR130" s="25"/>
      <c r="DS130" s="25"/>
      <c r="DT130" s="25"/>
      <c r="DU130" s="25"/>
      <c r="DV130" s="25"/>
      <c r="DW130" s="25"/>
      <c r="DX130" s="25"/>
      <c r="DY130" s="25"/>
      <c r="DZ130" s="25"/>
      <c r="EA130" s="25"/>
      <c r="EB130" s="25"/>
      <c r="EC130" s="25"/>
      <c r="ED130" s="25"/>
      <c r="EE130" s="25"/>
      <c r="EF130" s="25"/>
      <c r="EG130" s="25"/>
      <c r="EH130" s="25"/>
      <c r="EI130" s="25"/>
      <c r="EJ130" s="25"/>
      <c r="EK130" s="25"/>
      <c r="EL130" s="25"/>
      <c r="EM130" s="25"/>
      <c r="EN130" s="25"/>
      <c r="EO130" s="25"/>
      <c r="EP130" s="25"/>
      <c r="EQ130" s="25"/>
      <c r="ER130" s="25"/>
      <c r="ES130" s="25"/>
      <c r="ET130" s="25"/>
      <c r="EU130" s="25"/>
      <c r="EV130" s="25"/>
      <c r="EW130" s="25"/>
      <c r="EX130" s="25"/>
      <c r="EY130" s="25"/>
      <c r="EZ130" s="25"/>
      <c r="FA130" s="25"/>
      <c r="FB130" s="25"/>
      <c r="FC130" s="25"/>
      <c r="FD130" s="25"/>
      <c r="FE130" s="25"/>
      <c r="FF130" s="25"/>
      <c r="FG130" s="25"/>
      <c r="FH130" s="25"/>
      <c r="FI130" s="25"/>
      <c r="FJ130" s="25"/>
      <c r="FK130" s="25"/>
      <c r="FL130" s="25"/>
      <c r="FM130" s="25"/>
      <c r="FN130" s="25"/>
      <c r="FO130" s="25"/>
      <c r="FP130" s="25"/>
      <c r="FQ130" s="25"/>
      <c r="FR130" s="25"/>
      <c r="FS130" s="25"/>
      <c r="FT130" s="25"/>
      <c r="FU130" s="25"/>
      <c r="FV130" s="25"/>
      <c r="FW130" s="25"/>
      <c r="FX130" s="25"/>
      <c r="FY130" s="25"/>
      <c r="FZ130" s="25"/>
      <c r="GA130" s="25"/>
      <c r="GB130" s="25"/>
      <c r="GC130" s="25"/>
      <c r="GD130" s="25"/>
      <c r="GE130" s="25"/>
      <c r="GF130" s="25"/>
      <c r="GG130" s="25"/>
      <c r="GH130" s="25"/>
      <c r="GI130" s="25"/>
      <c r="GJ130" s="25"/>
      <c r="GK130" s="25"/>
      <c r="GL130" s="25"/>
      <c r="GM130" s="25"/>
      <c r="GN130" s="25"/>
      <c r="GO130" s="25"/>
      <c r="GP130" s="25"/>
      <c r="GQ130" s="25"/>
      <c r="GR130" s="25"/>
      <c r="GS130" s="25"/>
      <c r="GT130" s="25"/>
      <c r="GU130" s="25"/>
      <c r="GV130" s="25"/>
      <c r="GW130" s="25"/>
      <c r="GX130" s="25"/>
      <c r="GY130" s="25"/>
      <c r="GZ130" s="25"/>
      <c r="HA130" s="25"/>
      <c r="HB130" s="25"/>
      <c r="HC130" s="25"/>
      <c r="HD130" s="25"/>
      <c r="HE130" s="25"/>
      <c r="HF130" s="25"/>
      <c r="HG130" s="25"/>
      <c r="HH130" s="25"/>
      <c r="HI130" s="25"/>
      <c r="HJ130" s="25"/>
      <c r="HK130" s="25"/>
      <c r="HL130" s="25"/>
      <c r="HM130" s="25"/>
      <c r="HN130" s="25"/>
      <c r="HO130" s="25"/>
      <c r="HP130" s="25"/>
      <c r="HQ130" s="25"/>
      <c r="HR130" s="25"/>
      <c r="HS130" s="25"/>
      <c r="HT130" s="25"/>
      <c r="HU130" s="25"/>
      <c r="HV130" s="25"/>
      <c r="HW130" s="25"/>
      <c r="HX130" s="25"/>
      <c r="HY130" s="25"/>
      <c r="HZ130" s="25"/>
      <c r="IA130" s="25"/>
      <c r="IB130" s="25"/>
      <c r="IC130" s="25"/>
      <c r="ID130" s="25"/>
      <c r="IE130" s="25"/>
      <c r="IF130" s="25"/>
      <c r="IG130" s="25"/>
      <c r="IH130" s="25"/>
      <c r="II130" s="25"/>
      <c r="IJ130" s="25"/>
      <c r="IK130" s="25"/>
      <c r="IL130" s="25"/>
      <c r="IM130" s="25"/>
      <c r="IN130" s="25"/>
      <c r="IO130" s="25"/>
      <c r="IP130" s="25"/>
      <c r="IQ130" s="25"/>
      <c r="IR130" s="25"/>
      <c r="IS130" s="25"/>
      <c r="IT130" s="25"/>
      <c r="IU130" s="25"/>
      <c r="IV130" s="25"/>
      <c r="IW130" s="25"/>
      <c r="IX130" s="25"/>
      <c r="IY130" s="25"/>
      <c r="IZ130" s="25"/>
      <c r="JA130" s="25"/>
      <c r="JB130" s="25"/>
      <c r="JC130" s="25"/>
      <c r="JD130" s="25"/>
      <c r="JE130" s="25"/>
      <c r="JF130" s="25"/>
      <c r="JG130" s="25"/>
      <c r="JH130" s="25"/>
      <c r="JI130" s="25"/>
      <c r="JJ130" s="25"/>
      <c r="JK130" s="25"/>
      <c r="JL130" s="25"/>
      <c r="JM130" s="25"/>
      <c r="JN130" s="25"/>
      <c r="JO130" s="25"/>
      <c r="JP130" s="25"/>
      <c r="JQ130" s="25"/>
      <c r="JR130" s="25"/>
      <c r="JS130" s="25"/>
      <c r="JT130" s="25"/>
      <c r="JU130" s="25"/>
      <c r="JV130" s="25"/>
      <c r="JW130" s="25"/>
      <c r="JX130" s="25"/>
      <c r="JY130" s="25"/>
      <c r="JZ130" s="25"/>
      <c r="KA130" s="25"/>
      <c r="KB130" s="25"/>
      <c r="KC130" s="25"/>
      <c r="KD130" s="25"/>
      <c r="KE130" s="25"/>
      <c r="KF130" s="25"/>
      <c r="KG130" s="25"/>
      <c r="KH130" s="25"/>
      <c r="KI130" s="25"/>
      <c r="KJ130" s="25"/>
      <c r="KK130" s="25"/>
      <c r="KL130" s="25"/>
      <c r="KM130" s="25"/>
      <c r="KN130" s="25"/>
      <c r="KO130" s="25"/>
      <c r="KP130" s="25"/>
      <c r="KQ130" s="25"/>
      <c r="KR130" s="25"/>
      <c r="KS130" s="25"/>
      <c r="KT130" s="25"/>
      <c r="KU130" s="25"/>
      <c r="KV130" s="25"/>
      <c r="KW130" s="25"/>
      <c r="KX130" s="25"/>
      <c r="KY130" s="25"/>
      <c r="KZ130" s="25"/>
      <c r="LA130" s="25"/>
      <c r="LB130" s="25"/>
      <c r="LC130" s="25"/>
      <c r="LD130" s="25"/>
      <c r="LE130" s="25"/>
      <c r="LF130" s="25"/>
      <c r="LG130" s="25"/>
      <c r="LH130" s="25"/>
      <c r="LI130" s="25"/>
      <c r="LJ130" s="25"/>
      <c r="LK130" s="25"/>
      <c r="LL130" s="25"/>
      <c r="LM130" s="25"/>
      <c r="LN130" s="25"/>
      <c r="LO130" s="25"/>
      <c r="LP130" s="25"/>
      <c r="LQ130" s="25"/>
      <c r="LR130" s="25"/>
      <c r="LS130" s="25"/>
      <c r="LT130" s="25"/>
      <c r="LU130" s="25"/>
      <c r="LV130" s="25"/>
      <c r="LW130" s="25"/>
      <c r="LX130" s="25"/>
      <c r="LY130" s="25"/>
      <c r="LZ130" s="25"/>
      <c r="MA130" s="25"/>
      <c r="MB130" s="25"/>
      <c r="MC130" s="25"/>
      <c r="MD130" s="25"/>
      <c r="ME130" s="25"/>
      <c r="MF130" s="25"/>
      <c r="MG130" s="25"/>
      <c r="MH130" s="25"/>
      <c r="MI130" s="25"/>
      <c r="MJ130" s="25"/>
      <c r="MK130" s="25"/>
      <c r="ML130" s="25"/>
      <c r="MM130" s="25"/>
      <c r="MN130" s="25"/>
      <c r="MO130" s="25"/>
      <c r="MP130" s="25"/>
      <c r="MQ130" s="25"/>
      <c r="MR130" s="25"/>
      <c r="MS130" s="25"/>
      <c r="MT130" s="25"/>
      <c r="MU130" s="25"/>
      <c r="MV130" s="25"/>
      <c r="MW130" s="25"/>
      <c r="MX130" s="25"/>
      <c r="MY130" s="25"/>
      <c r="MZ130" s="25"/>
      <c r="NA130" s="25"/>
      <c r="NB130" s="25"/>
      <c r="NC130" s="25"/>
      <c r="ND130" s="25"/>
      <c r="NE130" s="25"/>
      <c r="NF130" s="25"/>
      <c r="NG130" s="25"/>
      <c r="NH130" s="25"/>
      <c r="NI130" s="25"/>
      <c r="NJ130" s="25"/>
      <c r="NK130" s="25"/>
      <c r="NL130" s="25"/>
      <c r="NM130" s="25"/>
      <c r="NN130" s="25"/>
      <c r="NO130" s="25"/>
      <c r="NP130" s="25"/>
      <c r="NQ130" s="25"/>
      <c r="NR130" s="25"/>
      <c r="NS130" s="25"/>
      <c r="NT130" s="25"/>
      <c r="NU130" s="25"/>
      <c r="NV130" s="25"/>
      <c r="NW130" s="25"/>
      <c r="NX130" s="25"/>
      <c r="NY130" s="25"/>
      <c r="NZ130" s="25"/>
      <c r="OA130" s="25"/>
      <c r="OB130" s="25"/>
      <c r="OC130" s="25"/>
      <c r="OD130" s="25"/>
      <c r="OE130" s="25"/>
      <c r="OF130" s="25"/>
      <c r="OG130" s="25"/>
      <c r="OH130" s="25"/>
      <c r="OI130" s="25"/>
      <c r="OJ130" s="25"/>
      <c r="OK130" s="25"/>
      <c r="OL130" s="25"/>
      <c r="OM130" s="25"/>
      <c r="ON130" s="25"/>
      <c r="OO130" s="25"/>
      <c r="OP130" s="25"/>
      <c r="OQ130" s="25"/>
      <c r="OR130" s="25"/>
      <c r="OS130" s="25"/>
      <c r="OT130" s="25"/>
      <c r="OU130" s="25"/>
      <c r="OV130" s="25"/>
      <c r="OW130" s="25"/>
      <c r="OX130" s="25"/>
      <c r="OY130" s="25"/>
      <c r="OZ130" s="25"/>
      <c r="PA130" s="25"/>
      <c r="PB130" s="25"/>
      <c r="PC130" s="25"/>
      <c r="PD130" s="25"/>
      <c r="PE130" s="25"/>
      <c r="PF130" s="25"/>
      <c r="PG130" s="25"/>
      <c r="PH130" s="25"/>
      <c r="PI130" s="25"/>
      <c r="PJ130" s="25"/>
      <c r="PK130" s="25"/>
      <c r="PL130" s="25"/>
      <c r="PM130" s="25"/>
      <c r="PN130" s="25"/>
      <c r="PO130" s="25"/>
      <c r="PP130" s="25"/>
      <c r="PQ130" s="25"/>
      <c r="PR130" s="25"/>
      <c r="PS130" s="25"/>
      <c r="PT130" s="25"/>
      <c r="PU130" s="25"/>
      <c r="PV130" s="25"/>
      <c r="PW130" s="25"/>
      <c r="PX130" s="25"/>
      <c r="PY130" s="25"/>
      <c r="PZ130" s="25"/>
      <c r="QA130" s="25"/>
      <c r="QB130" s="25"/>
      <c r="QC130" s="25"/>
      <c r="QD130" s="25"/>
      <c r="QE130" s="25"/>
      <c r="QF130" s="25"/>
      <c r="QG130" s="25"/>
      <c r="QH130" s="25"/>
      <c r="QI130" s="25"/>
      <c r="QJ130" s="25"/>
      <c r="QK130" s="25"/>
      <c r="QL130" s="25"/>
      <c r="QM130" s="25"/>
      <c r="QN130" s="25"/>
      <c r="QO130" s="25"/>
      <c r="QP130" s="25"/>
      <c r="QQ130" s="25"/>
      <c r="QR130" s="25"/>
      <c r="QS130" s="25"/>
      <c r="QT130" s="25"/>
      <c r="QU130" s="25"/>
      <c r="QV130" s="25"/>
      <c r="QW130" s="25"/>
      <c r="QX130" s="25"/>
      <c r="QY130" s="25"/>
      <c r="QZ130" s="25"/>
      <c r="RA130" s="25"/>
      <c r="RB130" s="25"/>
      <c r="RC130" s="25"/>
      <c r="RD130" s="25"/>
      <c r="RE130" s="25"/>
      <c r="RF130" s="25"/>
      <c r="RG130" s="25"/>
      <c r="RH130" s="25"/>
      <c r="RI130" s="25"/>
      <c r="RJ130" s="25"/>
      <c r="RK130" s="25"/>
      <c r="RL130" s="25"/>
      <c r="RM130" s="25"/>
      <c r="RN130" s="25"/>
      <c r="RO130" s="25"/>
      <c r="RP130" s="25"/>
      <c r="RQ130" s="25"/>
      <c r="RR130" s="25"/>
      <c r="RS130" s="25"/>
      <c r="RT130" s="25"/>
      <c r="RU130" s="25"/>
      <c r="RV130" s="25"/>
      <c r="RW130" s="25"/>
      <c r="RX130" s="25"/>
      <c r="RY130" s="25"/>
      <c r="RZ130" s="25"/>
      <c r="SA130" s="25"/>
      <c r="SB130" s="25"/>
      <c r="SC130" s="25"/>
      <c r="SD130" s="25"/>
      <c r="SE130" s="25"/>
      <c r="SF130" s="25"/>
      <c r="SG130" s="25"/>
      <c r="SH130" s="25"/>
      <c r="SI130" s="25"/>
      <c r="SJ130" s="25"/>
      <c r="SK130" s="25"/>
      <c r="SL130" s="25"/>
      <c r="SM130" s="25"/>
      <c r="SN130" s="25"/>
      <c r="SO130" s="25"/>
      <c r="SP130" s="25"/>
      <c r="SQ130" s="25"/>
      <c r="SR130" s="25"/>
      <c r="SS130" s="25"/>
      <c r="ST130" s="25"/>
      <c r="SU130" s="25"/>
      <c r="SV130" s="25"/>
      <c r="SW130" s="25"/>
      <c r="SX130" s="25"/>
      <c r="SY130" s="25"/>
      <c r="SZ130" s="25"/>
      <c r="TA130" s="25"/>
      <c r="TB130" s="25"/>
      <c r="TC130" s="25"/>
      <c r="TD130" s="25"/>
      <c r="TE130" s="25"/>
      <c r="TF130" s="25"/>
      <c r="TG130" s="25"/>
      <c r="TH130" s="25"/>
      <c r="TI130" s="25"/>
      <c r="TJ130" s="25"/>
      <c r="TK130" s="25"/>
      <c r="TL130" s="25"/>
      <c r="TM130" s="25"/>
      <c r="TN130" s="25"/>
      <c r="TO130" s="25"/>
      <c r="TP130" s="25"/>
      <c r="TQ130" s="25"/>
      <c r="TR130" s="25"/>
      <c r="TS130" s="25"/>
      <c r="TT130" s="25"/>
      <c r="TU130" s="25"/>
      <c r="TV130" s="25"/>
      <c r="TW130" s="25"/>
      <c r="TX130" s="25"/>
      <c r="TY130" s="25"/>
      <c r="TZ130" s="25"/>
      <c r="UA130" s="25"/>
      <c r="UB130" s="25"/>
      <c r="UC130" s="25"/>
      <c r="UD130" s="25"/>
      <c r="UE130" s="25"/>
      <c r="UF130" s="25"/>
      <c r="UG130" s="25"/>
      <c r="UH130" s="25"/>
      <c r="UI130" s="25"/>
      <c r="UJ130" s="25"/>
      <c r="UK130" s="25"/>
      <c r="UL130" s="25"/>
      <c r="UM130" s="25"/>
      <c r="UN130" s="25"/>
      <c r="UO130" s="25"/>
      <c r="UP130" s="25"/>
      <c r="UQ130" s="25"/>
      <c r="UR130" s="25"/>
      <c r="US130" s="25"/>
      <c r="UT130" s="25"/>
      <c r="UU130" s="25"/>
      <c r="UV130" s="25"/>
      <c r="UW130" s="25"/>
      <c r="UX130" s="25"/>
      <c r="UY130" s="25"/>
      <c r="UZ130" s="25"/>
      <c r="VA130" s="25"/>
      <c r="VB130" s="25"/>
      <c r="VC130" s="25"/>
      <c r="VD130" s="25"/>
      <c r="VE130" s="25"/>
      <c r="VF130" s="25"/>
      <c r="VG130" s="25"/>
      <c r="VH130" s="25"/>
      <c r="VI130" s="25"/>
      <c r="VJ130" s="25"/>
      <c r="VK130" s="25"/>
      <c r="VL130" s="25"/>
      <c r="VM130" s="25"/>
      <c r="VN130" s="25"/>
      <c r="VO130" s="25"/>
      <c r="VP130" s="25"/>
      <c r="VQ130" s="25"/>
      <c r="VR130" s="25"/>
      <c r="VS130" s="25"/>
      <c r="VT130" s="25"/>
      <c r="VU130" s="25"/>
      <c r="VV130" s="25"/>
      <c r="VW130" s="25"/>
      <c r="VX130" s="25"/>
      <c r="VY130" s="25"/>
      <c r="VZ130" s="25"/>
      <c r="WA130" s="25"/>
      <c r="WB130" s="25"/>
      <c r="WC130" s="25"/>
      <c r="WD130" s="25"/>
      <c r="WE130" s="25"/>
      <c r="WF130" s="25"/>
      <c r="WG130" s="25"/>
      <c r="WH130" s="25"/>
      <c r="WI130" s="25"/>
      <c r="WJ130" s="25"/>
      <c r="WK130" s="25"/>
      <c r="WL130" s="25"/>
      <c r="WM130" s="25"/>
      <c r="WN130" s="25"/>
      <c r="WO130" s="25"/>
      <c r="WP130" s="25"/>
      <c r="WQ130" s="25"/>
      <c r="WR130" s="25"/>
      <c r="WS130" s="25"/>
      <c r="WT130" s="25"/>
      <c r="WU130" s="25"/>
      <c r="WV130" s="25"/>
      <c r="WW130" s="25"/>
      <c r="WX130" s="25"/>
      <c r="WY130" s="25"/>
      <c r="WZ130" s="25"/>
      <c r="XA130" s="25"/>
      <c r="XB130" s="25"/>
      <c r="XC130" s="25"/>
      <c r="XD130" s="25"/>
      <c r="XE130" s="25"/>
      <c r="XF130" s="25"/>
      <c r="XG130" s="25"/>
      <c r="XH130" s="25"/>
      <c r="XI130" s="25"/>
      <c r="XJ130" s="25"/>
      <c r="XK130" s="25"/>
      <c r="XL130" s="25"/>
      <c r="XM130" s="25"/>
      <c r="XN130" s="25"/>
      <c r="XO130" s="25"/>
      <c r="XP130" s="25"/>
      <c r="XQ130" s="25"/>
      <c r="XR130" s="25"/>
      <c r="XS130" s="25"/>
      <c r="XT130" s="25"/>
      <c r="XU130" s="25"/>
      <c r="XV130" s="25"/>
      <c r="XW130" s="25"/>
      <c r="XX130" s="25"/>
      <c r="XY130" s="25"/>
      <c r="XZ130" s="25"/>
      <c r="YA130" s="25"/>
      <c r="YB130" s="25"/>
      <c r="YC130" s="25"/>
      <c r="YD130" s="25"/>
      <c r="YE130" s="25"/>
      <c r="YF130" s="25"/>
      <c r="YG130" s="25"/>
      <c r="YH130" s="25"/>
      <c r="YI130" s="25"/>
      <c r="YJ130" s="25"/>
      <c r="YK130" s="25"/>
      <c r="YL130" s="25"/>
      <c r="YM130" s="25"/>
      <c r="YN130" s="25"/>
      <c r="YO130" s="25"/>
      <c r="YP130" s="25"/>
      <c r="YQ130" s="25"/>
      <c r="YR130" s="25"/>
      <c r="YS130" s="25"/>
      <c r="YT130" s="25"/>
      <c r="YU130" s="25"/>
      <c r="YV130" s="25"/>
      <c r="YW130" s="25"/>
      <c r="YX130" s="25"/>
      <c r="YY130" s="25"/>
      <c r="YZ130" s="25"/>
      <c r="ZA130" s="25"/>
      <c r="ZB130" s="25"/>
      <c r="ZC130" s="25"/>
      <c r="ZD130" s="25"/>
      <c r="ZE130" s="25"/>
      <c r="ZF130" s="25"/>
      <c r="ZG130" s="25"/>
      <c r="ZH130" s="25"/>
      <c r="ZI130" s="25"/>
      <c r="ZJ130" s="25"/>
      <c r="ZK130" s="25"/>
      <c r="ZL130" s="25"/>
      <c r="ZM130" s="25"/>
      <c r="ZN130" s="25"/>
      <c r="ZO130" s="25"/>
      <c r="ZP130" s="25"/>
      <c r="ZQ130" s="25"/>
      <c r="ZR130" s="25"/>
      <c r="ZS130" s="25"/>
      <c r="ZT130" s="25"/>
      <c r="ZU130" s="25"/>
      <c r="ZV130" s="25"/>
      <c r="ZW130" s="25"/>
      <c r="ZX130" s="25"/>
      <c r="ZY130" s="25"/>
      <c r="ZZ130" s="25"/>
      <c r="AAA130" s="25"/>
      <c r="AAB130" s="25"/>
      <c r="AAC130" s="25"/>
      <c r="AAD130" s="25"/>
      <c r="AAE130" s="25"/>
      <c r="AAF130" s="25"/>
      <c r="AAG130" s="25"/>
      <c r="AAH130" s="25"/>
      <c r="AAI130" s="25"/>
      <c r="AAJ130" s="25"/>
      <c r="AAK130" s="25"/>
      <c r="AAL130" s="25"/>
      <c r="AAM130" s="25"/>
      <c r="AAN130" s="25"/>
      <c r="AAO130" s="25"/>
      <c r="AAP130" s="25"/>
      <c r="AAQ130" s="25"/>
      <c r="AAR130" s="25"/>
      <c r="AAS130" s="25"/>
      <c r="AAT130" s="25"/>
      <c r="AAU130" s="25"/>
      <c r="AAV130" s="25"/>
      <c r="AAW130" s="25"/>
      <c r="AAX130" s="25"/>
      <c r="AAY130" s="25"/>
      <c r="AAZ130" s="25"/>
      <c r="ABA130" s="25"/>
      <c r="ABB130" s="25"/>
      <c r="ABC130" s="25"/>
      <c r="ABD130" s="25"/>
      <c r="ABE130" s="25"/>
      <c r="ABF130" s="25"/>
      <c r="ABG130" s="25"/>
      <c r="ABH130" s="25"/>
      <c r="ABI130" s="25"/>
      <c r="ABJ130" s="25"/>
      <c r="ABK130" s="25"/>
      <c r="ABL130" s="25"/>
      <c r="ABM130" s="25"/>
      <c r="ABN130" s="25"/>
      <c r="ABO130" s="25"/>
      <c r="ABP130" s="25"/>
      <c r="ABQ130" s="25"/>
      <c r="ABR130" s="25"/>
      <c r="ABS130" s="25"/>
      <c r="ABT130" s="25"/>
      <c r="ABU130" s="25"/>
      <c r="ABV130" s="25"/>
      <c r="ABW130" s="25"/>
      <c r="ABX130" s="25"/>
      <c r="ABY130" s="25"/>
      <c r="ABZ130" s="25"/>
      <c r="ACA130" s="25"/>
      <c r="ACB130" s="25"/>
      <c r="ACC130" s="25"/>
      <c r="ACD130" s="25"/>
      <c r="ACE130" s="25"/>
      <c r="ACF130" s="25"/>
      <c r="ACG130" s="25"/>
      <c r="ACH130" s="25"/>
      <c r="ACI130" s="25"/>
      <c r="ACJ130" s="25"/>
      <c r="ACK130" s="25"/>
      <c r="ACL130" s="25"/>
      <c r="ACM130" s="25"/>
      <c r="ACN130" s="25"/>
      <c r="ACO130" s="25"/>
      <c r="ACP130" s="25"/>
      <c r="ACQ130" s="25"/>
      <c r="ACR130" s="25"/>
      <c r="ACS130" s="25"/>
      <c r="ACT130" s="25"/>
      <c r="ACU130" s="25"/>
      <c r="ACV130" s="25"/>
      <c r="ACW130" s="25"/>
      <c r="ACX130" s="25"/>
      <c r="ACY130" s="25"/>
      <c r="ACZ130" s="25"/>
      <c r="ADA130" s="25"/>
      <c r="ADB130" s="25"/>
      <c r="ADC130" s="25"/>
      <c r="ADD130" s="25"/>
      <c r="ADE130" s="25"/>
      <c r="ADF130" s="25"/>
      <c r="ADG130" s="25"/>
      <c r="ADH130" s="25"/>
      <c r="ADI130" s="25"/>
      <c r="ADJ130" s="25"/>
      <c r="ADK130" s="25"/>
      <c r="ADL130" s="25"/>
      <c r="ADM130" s="25"/>
      <c r="ADN130" s="25"/>
      <c r="ADO130" s="25"/>
      <c r="ADP130" s="25"/>
      <c r="ADQ130" s="25"/>
      <c r="ADR130" s="25"/>
      <c r="ADS130" s="25"/>
      <c r="ADT130" s="25"/>
      <c r="ADU130" s="25"/>
      <c r="ADV130" s="25"/>
      <c r="ADW130" s="25"/>
      <c r="ADX130" s="25"/>
      <c r="ADY130" s="25"/>
      <c r="ADZ130" s="25"/>
      <c r="AEA130" s="25"/>
      <c r="AEB130" s="25"/>
      <c r="AEC130" s="25"/>
      <c r="AED130" s="25"/>
      <c r="AEE130" s="25"/>
      <c r="AEF130" s="25"/>
      <c r="AEG130" s="25"/>
      <c r="AEH130" s="25"/>
      <c r="AEI130" s="25"/>
      <c r="AEJ130" s="25"/>
      <c r="AEK130" s="25"/>
      <c r="AEL130" s="25"/>
      <c r="AEM130" s="25"/>
      <c r="AEN130" s="25"/>
      <c r="AEO130" s="25"/>
      <c r="AEP130" s="25"/>
      <c r="AEQ130" s="25"/>
      <c r="AER130" s="25"/>
      <c r="AES130" s="25"/>
      <c r="AET130" s="25"/>
      <c r="AEU130" s="25"/>
      <c r="AEV130" s="25"/>
      <c r="AEW130" s="25"/>
      <c r="AEX130" s="25"/>
      <c r="AEY130" s="25"/>
      <c r="AEZ130" s="25"/>
      <c r="AFA130" s="25"/>
      <c r="AFB130" s="25"/>
      <c r="AFC130" s="25"/>
      <c r="AFD130" s="25"/>
      <c r="AFE130" s="25"/>
      <c r="AFF130" s="25"/>
      <c r="AFG130" s="25"/>
      <c r="AFH130" s="25"/>
      <c r="AFI130" s="25"/>
      <c r="AFJ130" s="25"/>
      <c r="AFK130" s="25"/>
      <c r="AFL130" s="25"/>
      <c r="AFM130" s="25"/>
      <c r="AFN130" s="25"/>
      <c r="AFO130" s="25"/>
      <c r="AFP130" s="25"/>
      <c r="AFQ130" s="25"/>
      <c r="AFR130" s="25"/>
      <c r="AFS130" s="25"/>
      <c r="AFT130" s="25"/>
      <c r="AFU130" s="25"/>
      <c r="AFV130" s="25"/>
      <c r="AFW130" s="25"/>
      <c r="AFX130" s="25"/>
      <c r="AFY130" s="25"/>
      <c r="AFZ130" s="25"/>
      <c r="AGA130" s="25"/>
      <c r="AGB130" s="25"/>
      <c r="AGC130" s="25"/>
      <c r="AGD130" s="25"/>
      <c r="AGE130" s="25"/>
      <c r="AGF130" s="25"/>
      <c r="AGG130" s="25"/>
      <c r="AGH130" s="25"/>
      <c r="AGI130" s="25"/>
      <c r="AGJ130" s="25"/>
      <c r="AGK130" s="25"/>
      <c r="AGL130" s="25"/>
      <c r="AGM130" s="25"/>
      <c r="AGN130" s="25"/>
      <c r="AGO130" s="25"/>
      <c r="AGP130" s="25"/>
      <c r="AGQ130" s="25"/>
      <c r="AGR130" s="25"/>
      <c r="AGS130" s="25"/>
      <c r="AGT130" s="25"/>
      <c r="AGU130" s="25"/>
      <c r="AGV130" s="25"/>
      <c r="AGW130" s="25"/>
      <c r="AGX130" s="25"/>
      <c r="AGY130" s="25"/>
      <c r="AGZ130" s="25"/>
      <c r="AHA130" s="25"/>
      <c r="AHB130" s="25"/>
      <c r="AHC130" s="25"/>
      <c r="AHD130" s="25"/>
      <c r="AHE130" s="25"/>
      <c r="AHF130" s="25"/>
      <c r="AHG130" s="25"/>
      <c r="AHH130" s="25"/>
      <c r="AHI130" s="25"/>
      <c r="AHJ130" s="25"/>
      <c r="AHK130" s="25"/>
      <c r="AHL130" s="25"/>
      <c r="AHM130" s="25"/>
      <c r="AHN130" s="25"/>
      <c r="AHO130" s="25"/>
      <c r="AHP130" s="25"/>
      <c r="AHQ130" s="25"/>
      <c r="AHR130" s="25"/>
      <c r="AHS130" s="25"/>
      <c r="AHT130" s="25"/>
      <c r="AHU130" s="25"/>
      <c r="AHV130" s="25"/>
      <c r="AHW130" s="25"/>
      <c r="AHX130" s="25"/>
      <c r="AHY130" s="25"/>
      <c r="AHZ130" s="25"/>
      <c r="AIA130" s="25"/>
      <c r="AIB130" s="25"/>
      <c r="AIC130" s="25"/>
      <c r="AID130" s="25"/>
      <c r="AIE130" s="25"/>
      <c r="AIF130" s="25"/>
      <c r="AIG130" s="25"/>
      <c r="AIH130" s="25"/>
      <c r="AII130" s="25"/>
      <c r="AIJ130" s="25"/>
      <c r="AIK130" s="25"/>
      <c r="AIL130" s="25"/>
      <c r="AIM130" s="25"/>
      <c r="AIN130" s="25"/>
      <c r="AIO130" s="25"/>
      <c r="AIP130" s="25"/>
      <c r="AIQ130" s="25"/>
      <c r="AIR130" s="25"/>
      <c r="AIS130" s="25"/>
      <c r="AIT130" s="25"/>
      <c r="AIU130" s="25"/>
      <c r="AIV130" s="25"/>
      <c r="AIW130" s="25"/>
      <c r="AIX130" s="25"/>
      <c r="AIY130" s="25"/>
      <c r="AIZ130" s="25"/>
      <c r="AJA130" s="25"/>
      <c r="AJB130" s="25"/>
      <c r="AJC130" s="25"/>
      <c r="AJD130" s="25"/>
      <c r="AJE130" s="25"/>
      <c r="AJF130" s="25"/>
      <c r="AJG130" s="25"/>
      <c r="AJH130" s="25"/>
      <c r="AJI130" s="25"/>
      <c r="AJJ130" s="25"/>
      <c r="AJK130" s="25"/>
      <c r="AJL130" s="25"/>
      <c r="AJM130" s="25"/>
      <c r="AJN130" s="25"/>
      <c r="AJO130" s="25"/>
      <c r="AJP130" s="25"/>
      <c r="AJQ130" s="25"/>
      <c r="AJR130" s="25"/>
      <c r="AJS130" s="25"/>
      <c r="AJT130" s="25"/>
      <c r="AJU130" s="25"/>
      <c r="AJV130" s="25"/>
      <c r="AJW130" s="25"/>
      <c r="AJX130" s="25"/>
      <c r="AJY130" s="25"/>
      <c r="AJZ130" s="25"/>
      <c r="AKA130" s="25"/>
      <c r="AKB130" s="25"/>
      <c r="AKC130" s="25"/>
      <c r="AKD130" s="25"/>
      <c r="AKE130" s="25"/>
      <c r="AKF130" s="25"/>
      <c r="AKG130" s="25"/>
      <c r="AKH130" s="25"/>
      <c r="AKI130" s="25"/>
      <c r="AKJ130" s="25"/>
      <c r="AKK130" s="25"/>
      <c r="AKL130" s="25"/>
      <c r="AKM130" s="25"/>
      <c r="AKN130" s="25"/>
      <c r="AKO130" s="25"/>
      <c r="AKP130" s="25"/>
      <c r="AKQ130" s="25"/>
      <c r="AKR130" s="25"/>
      <c r="AKS130" s="25"/>
      <c r="AKT130" s="25"/>
      <c r="AKU130" s="25"/>
      <c r="AKV130" s="25"/>
      <c r="AKW130" s="25"/>
      <c r="AKX130" s="25"/>
      <c r="AKY130" s="25"/>
      <c r="AKZ130" s="25"/>
      <c r="ALA130" s="25"/>
      <c r="ALB130" s="25"/>
      <c r="ALC130" s="25"/>
      <c r="ALD130" s="25"/>
      <c r="ALE130" s="25"/>
      <c r="ALF130" s="25"/>
      <c r="ALG130" s="25"/>
      <c r="ALH130" s="25"/>
      <c r="ALI130" s="25"/>
      <c r="ALJ130" s="25"/>
      <c r="ALK130" s="25"/>
      <c r="ALL130" s="25"/>
      <c r="ALM130" s="25"/>
      <c r="ALN130" s="25"/>
      <c r="ALO130" s="25"/>
      <c r="ALP130" s="25"/>
      <c r="ALQ130" s="25"/>
      <c r="ALR130" s="25"/>
      <c r="ALS130" s="25"/>
      <c r="ALT130" s="25"/>
      <c r="ALU130" s="25"/>
      <c r="ALV130" s="25"/>
      <c r="ALW130" s="25"/>
      <c r="ALX130" s="25"/>
      <c r="ALY130" s="25"/>
      <c r="ALZ130" s="25"/>
      <c r="AMA130" s="25"/>
      <c r="AMB130" s="25"/>
      <c r="AMC130" s="25"/>
      <c r="AMD130" s="25"/>
      <c r="AME130" s="25"/>
      <c r="AMF130" s="25"/>
      <c r="AMG130" s="25"/>
      <c r="AMH130" s="25"/>
      <c r="AMI130" s="25"/>
      <c r="AMJ130" s="25"/>
      <c r="AMK130" s="25"/>
      <c r="AML130" s="25"/>
      <c r="AMM130" s="25"/>
      <c r="AMN130" s="25"/>
      <c r="AMO130" s="25"/>
      <c r="AMP130" s="25"/>
      <c r="AMQ130" s="25"/>
      <c r="AMR130" s="25"/>
      <c r="AMS130" s="25"/>
      <c r="AMT130" s="25"/>
      <c r="AMU130" s="25"/>
      <c r="AMV130" s="25"/>
      <c r="AMW130" s="25"/>
      <c r="AMX130" s="25"/>
      <c r="AMY130" s="25"/>
      <c r="AMZ130" s="25"/>
      <c r="ANA130" s="25"/>
      <c r="ANB130" s="25"/>
      <c r="ANC130" s="25"/>
      <c r="AND130" s="25"/>
      <c r="ANE130" s="25"/>
      <c r="ANF130" s="25"/>
      <c r="ANG130" s="25"/>
      <c r="ANH130" s="25"/>
      <c r="ANI130" s="25"/>
      <c r="ANJ130" s="25"/>
      <c r="ANK130" s="25"/>
      <c r="ANL130" s="25"/>
      <c r="ANM130" s="25"/>
      <c r="ANN130" s="25"/>
      <c r="ANO130" s="25"/>
      <c r="ANP130" s="25"/>
      <c r="ANQ130" s="25"/>
      <c r="ANR130" s="25"/>
      <c r="ANS130" s="25"/>
      <c r="ANT130" s="25"/>
      <c r="ANU130" s="25"/>
      <c r="ANV130" s="25"/>
      <c r="ANW130" s="25"/>
      <c r="ANX130" s="25"/>
      <c r="ANY130" s="25"/>
      <c r="ANZ130" s="25"/>
      <c r="AOA130" s="25"/>
      <c r="AOB130" s="25"/>
      <c r="AOC130" s="25"/>
      <c r="AOD130" s="25"/>
      <c r="AOE130" s="25"/>
      <c r="AOF130" s="25"/>
      <c r="AOG130" s="25"/>
      <c r="AOH130" s="25"/>
      <c r="AOI130" s="25"/>
      <c r="AOJ130" s="25"/>
      <c r="AOK130" s="25"/>
      <c r="AOL130" s="25"/>
      <c r="AOM130" s="25"/>
      <c r="AON130" s="25"/>
      <c r="AOO130" s="25"/>
      <c r="AOP130" s="25"/>
      <c r="AOQ130" s="25"/>
      <c r="AOR130" s="25"/>
      <c r="AOS130" s="25"/>
      <c r="AOT130" s="25"/>
      <c r="AOU130" s="25"/>
      <c r="AOV130" s="25"/>
      <c r="AOW130" s="25"/>
      <c r="AOX130" s="25"/>
      <c r="AOY130" s="25"/>
      <c r="AOZ130" s="25"/>
      <c r="APA130" s="25"/>
      <c r="APB130" s="25"/>
      <c r="APC130" s="25"/>
      <c r="APD130" s="25"/>
      <c r="APE130" s="25"/>
      <c r="APF130" s="25"/>
      <c r="APG130" s="25"/>
      <c r="APH130" s="25"/>
      <c r="API130" s="25"/>
      <c r="APJ130" s="25"/>
      <c r="APK130" s="25"/>
      <c r="APL130" s="25"/>
      <c r="APM130" s="25"/>
      <c r="APN130" s="25"/>
      <c r="APO130" s="25"/>
      <c r="APP130" s="25"/>
      <c r="APQ130" s="25"/>
      <c r="APR130" s="25"/>
      <c r="APS130" s="25"/>
      <c r="APT130" s="25"/>
      <c r="APU130" s="25"/>
      <c r="APV130" s="25"/>
      <c r="APW130" s="25"/>
      <c r="APX130" s="25"/>
      <c r="APY130" s="25"/>
      <c r="APZ130" s="25"/>
      <c r="AQA130" s="25"/>
      <c r="AQB130" s="25"/>
      <c r="AQC130" s="25"/>
      <c r="AQD130" s="25"/>
      <c r="AQE130" s="25"/>
      <c r="AQF130" s="25"/>
      <c r="AQG130" s="25"/>
      <c r="AQH130" s="25"/>
      <c r="AQI130" s="25"/>
      <c r="AQJ130" s="25"/>
      <c r="AQK130" s="25"/>
      <c r="AQL130" s="25"/>
      <c r="AQM130" s="25"/>
      <c r="AQN130" s="25"/>
      <c r="AQO130" s="25"/>
      <c r="AQP130" s="25"/>
      <c r="AQQ130" s="25"/>
      <c r="AQR130" s="25"/>
      <c r="AQS130" s="25"/>
      <c r="AQT130" s="25"/>
      <c r="AQU130" s="25"/>
      <c r="AQV130" s="25"/>
      <c r="AQW130" s="25"/>
      <c r="AQX130" s="25"/>
      <c r="AQY130" s="25"/>
      <c r="AQZ130" s="25"/>
      <c r="ARA130" s="25"/>
      <c r="ARB130" s="25"/>
      <c r="ARC130" s="25"/>
      <c r="ARD130" s="25"/>
      <c r="ARE130" s="25"/>
      <c r="ARF130" s="25"/>
      <c r="ARG130" s="25"/>
      <c r="ARH130" s="25"/>
      <c r="ARI130" s="25"/>
      <c r="ARJ130" s="25"/>
      <c r="ARK130" s="25"/>
      <c r="ARL130" s="25"/>
      <c r="ARM130" s="25"/>
      <c r="ARN130" s="25"/>
      <c r="ARO130" s="25"/>
      <c r="ARP130" s="25"/>
      <c r="ARQ130" s="25"/>
      <c r="ARR130" s="25"/>
      <c r="ARS130" s="25"/>
      <c r="ART130" s="25"/>
      <c r="ARU130" s="25"/>
      <c r="ARV130" s="25"/>
      <c r="ARW130" s="25"/>
      <c r="ARX130" s="25"/>
      <c r="ARY130" s="25"/>
      <c r="ARZ130" s="25"/>
      <c r="ASA130" s="25"/>
      <c r="ASB130" s="25"/>
      <c r="ASC130" s="25"/>
      <c r="ASD130" s="25"/>
      <c r="ASE130" s="25"/>
      <c r="ASF130" s="25"/>
      <c r="ASG130" s="25"/>
      <c r="ASH130" s="25"/>
      <c r="ASI130" s="25"/>
      <c r="ASJ130" s="25"/>
      <c r="ASK130" s="25"/>
      <c r="ASL130" s="25"/>
      <c r="ASM130" s="25"/>
      <c r="ASN130" s="25"/>
      <c r="ASO130" s="25"/>
      <c r="ASP130" s="25"/>
      <c r="ASQ130" s="25"/>
      <c r="ASR130" s="25"/>
      <c r="ASS130" s="25"/>
      <c r="AST130" s="25"/>
      <c r="ASU130" s="25"/>
      <c r="ASV130" s="25"/>
      <c r="ASW130" s="25"/>
      <c r="ASX130" s="25"/>
      <c r="ASY130" s="25"/>
      <c r="ASZ130" s="25"/>
      <c r="ATA130" s="25"/>
      <c r="ATB130" s="25"/>
      <c r="ATC130" s="25"/>
      <c r="ATD130" s="25"/>
      <c r="ATE130" s="25"/>
      <c r="ATF130" s="25"/>
      <c r="ATG130" s="25"/>
      <c r="ATH130" s="25"/>
      <c r="ATI130" s="25"/>
      <c r="ATJ130" s="25"/>
      <c r="ATK130" s="25"/>
      <c r="ATL130" s="25"/>
      <c r="ATM130" s="25"/>
      <c r="ATN130" s="25"/>
      <c r="ATO130" s="25"/>
      <c r="ATP130" s="25"/>
      <c r="ATQ130" s="25"/>
      <c r="ATR130" s="25"/>
      <c r="ATS130" s="25"/>
      <c r="ATT130" s="25"/>
      <c r="ATU130" s="25"/>
      <c r="ATV130" s="25"/>
      <c r="ATW130" s="25"/>
      <c r="ATX130" s="25"/>
      <c r="ATY130" s="25"/>
      <c r="ATZ130" s="25"/>
      <c r="AUA130" s="25"/>
      <c r="AUB130" s="25"/>
      <c r="AUC130" s="25"/>
      <c r="AUD130" s="25"/>
      <c r="AUE130" s="25"/>
      <c r="AUF130" s="25"/>
      <c r="AUG130" s="25"/>
      <c r="AUH130" s="25"/>
      <c r="AUI130" s="25"/>
      <c r="AUJ130" s="25"/>
      <c r="AUK130" s="25"/>
      <c r="AUL130" s="25"/>
      <c r="AUM130" s="25"/>
      <c r="AUN130" s="25"/>
      <c r="AUO130" s="25"/>
      <c r="AUP130" s="25"/>
      <c r="AUQ130" s="25"/>
      <c r="AUR130" s="25"/>
      <c r="AUS130" s="25"/>
      <c r="AUT130" s="25"/>
      <c r="AUU130" s="25"/>
      <c r="AUV130" s="25"/>
      <c r="AUW130" s="25"/>
      <c r="AUX130" s="25"/>
      <c r="AUY130" s="25"/>
      <c r="AUZ130" s="25"/>
      <c r="AVA130" s="25"/>
      <c r="AVB130" s="25"/>
      <c r="AVC130" s="25"/>
      <c r="AVD130" s="25"/>
      <c r="AVE130" s="25"/>
      <c r="AVF130" s="25"/>
      <c r="AVG130" s="25"/>
      <c r="AVH130" s="25"/>
      <c r="AVI130" s="25"/>
      <c r="AVJ130" s="25"/>
      <c r="AVK130" s="25"/>
      <c r="AVL130" s="25"/>
      <c r="AVM130" s="25"/>
      <c r="AVN130" s="25"/>
      <c r="AVO130" s="25"/>
      <c r="AVP130" s="25"/>
      <c r="AVQ130" s="25"/>
      <c r="AVR130" s="25"/>
      <c r="AVS130" s="25"/>
      <c r="AVT130" s="25"/>
      <c r="AVU130" s="25"/>
      <c r="AVV130" s="25"/>
      <c r="AVW130" s="25"/>
      <c r="AVX130" s="25"/>
      <c r="AVY130" s="25"/>
      <c r="AVZ130" s="25"/>
      <c r="AWA130" s="25"/>
      <c r="AWB130" s="25"/>
      <c r="AWC130" s="25"/>
      <c r="AWD130" s="25"/>
      <c r="AWE130" s="25"/>
      <c r="AWF130" s="25"/>
      <c r="AWG130" s="25"/>
      <c r="AWH130" s="25"/>
      <c r="AWI130" s="25"/>
      <c r="AWJ130" s="25"/>
      <c r="AWK130" s="25"/>
      <c r="AWL130" s="25"/>
      <c r="AWM130" s="25"/>
      <c r="AWN130" s="25"/>
      <c r="AWO130" s="25"/>
      <c r="AWP130" s="25"/>
      <c r="AWQ130" s="25"/>
      <c r="AWR130" s="25"/>
      <c r="AWS130" s="25"/>
      <c r="AWT130" s="25"/>
      <c r="AWU130" s="25"/>
      <c r="AWV130" s="25"/>
      <c r="AWW130" s="25"/>
      <c r="AWX130" s="25"/>
      <c r="AWY130" s="25"/>
      <c r="AWZ130" s="25"/>
      <c r="AXA130" s="25"/>
      <c r="AXB130" s="25"/>
      <c r="AXC130" s="25"/>
      <c r="AXD130" s="25"/>
      <c r="AXE130" s="25"/>
      <c r="AXF130" s="25"/>
      <c r="AXG130" s="25"/>
      <c r="AXH130" s="25"/>
      <c r="AXI130" s="25"/>
      <c r="AXJ130" s="25"/>
      <c r="AXK130" s="25"/>
      <c r="AXL130" s="25"/>
      <c r="AXM130" s="25"/>
      <c r="AXN130" s="25"/>
      <c r="AXO130" s="25"/>
      <c r="AXP130" s="25"/>
      <c r="AXQ130" s="25"/>
      <c r="AXR130" s="25"/>
      <c r="AXS130" s="25"/>
      <c r="AXT130" s="25"/>
      <c r="AXU130" s="25"/>
      <c r="AXV130" s="25"/>
      <c r="AXW130" s="25"/>
      <c r="AXX130" s="25"/>
      <c r="AXY130" s="25"/>
      <c r="AXZ130" s="25"/>
      <c r="AYA130" s="25"/>
      <c r="AYB130" s="25"/>
      <c r="AYC130" s="25"/>
      <c r="AYD130" s="25"/>
      <c r="AYE130" s="25"/>
      <c r="AYF130" s="25"/>
      <c r="AYG130" s="25"/>
      <c r="AYH130" s="25"/>
      <c r="AYI130" s="25"/>
      <c r="AYJ130" s="25"/>
      <c r="AYK130" s="25"/>
      <c r="AYL130" s="25"/>
      <c r="AYM130" s="25"/>
      <c r="AYN130" s="25"/>
      <c r="AYO130" s="25"/>
      <c r="AYP130" s="25"/>
      <c r="AYQ130" s="25"/>
      <c r="AYR130" s="25"/>
      <c r="AYS130" s="25"/>
      <c r="AYT130" s="25"/>
      <c r="AYU130" s="25"/>
      <c r="AYV130" s="25"/>
      <c r="AYW130" s="25"/>
      <c r="AYX130" s="25"/>
      <c r="AYY130" s="25"/>
      <c r="AYZ130" s="25"/>
      <c r="AZA130" s="25"/>
      <c r="AZB130" s="25"/>
      <c r="AZC130" s="25"/>
      <c r="AZD130" s="25"/>
      <c r="AZE130" s="25"/>
      <c r="AZF130" s="25"/>
      <c r="AZG130" s="25"/>
      <c r="AZH130" s="25"/>
      <c r="AZI130" s="25"/>
      <c r="AZJ130" s="25"/>
      <c r="AZK130" s="25"/>
      <c r="AZL130" s="25"/>
      <c r="AZM130" s="25"/>
      <c r="AZN130" s="25"/>
      <c r="AZO130" s="25"/>
      <c r="AZP130" s="25"/>
      <c r="AZQ130" s="25"/>
      <c r="AZR130" s="25"/>
      <c r="AZS130" s="25"/>
      <c r="AZT130" s="25"/>
      <c r="AZU130" s="25"/>
      <c r="AZV130" s="25"/>
      <c r="AZW130" s="25"/>
      <c r="AZX130" s="25"/>
      <c r="AZY130" s="25"/>
      <c r="AZZ130" s="25"/>
      <c r="BAA130" s="25"/>
      <c r="BAB130" s="25"/>
      <c r="BAC130" s="25"/>
      <c r="BAD130" s="25"/>
      <c r="BAE130" s="25"/>
      <c r="BAF130" s="25"/>
      <c r="BAG130" s="25"/>
      <c r="BAH130" s="25"/>
      <c r="BAI130" s="25"/>
      <c r="BAJ130" s="25"/>
      <c r="BAK130" s="25"/>
      <c r="BAL130" s="25"/>
      <c r="BAM130" s="25"/>
      <c r="BAN130" s="25"/>
      <c r="BAO130" s="25"/>
      <c r="BAP130" s="25"/>
      <c r="BAQ130" s="25"/>
      <c r="BAR130" s="25"/>
      <c r="BAS130" s="25"/>
      <c r="BAT130" s="25"/>
      <c r="BAU130" s="25"/>
      <c r="BAV130" s="25"/>
      <c r="BAW130" s="25"/>
      <c r="BAX130" s="25"/>
      <c r="BAY130" s="25"/>
      <c r="BAZ130" s="25"/>
      <c r="BBA130" s="25"/>
      <c r="BBB130" s="25"/>
      <c r="BBC130" s="25"/>
      <c r="BBD130" s="25"/>
      <c r="BBE130" s="25"/>
      <c r="BBF130" s="25"/>
      <c r="BBG130" s="25"/>
      <c r="BBH130" s="25"/>
      <c r="BBI130" s="25"/>
      <c r="BBJ130" s="25"/>
      <c r="BBK130" s="25"/>
      <c r="BBL130" s="25"/>
      <c r="BBM130" s="25"/>
      <c r="BBN130" s="25"/>
      <c r="BBO130" s="25"/>
      <c r="BBP130" s="25"/>
      <c r="BBQ130" s="25"/>
      <c r="BBR130" s="25"/>
      <c r="BBS130" s="25"/>
      <c r="BBT130" s="25"/>
      <c r="BBU130" s="25"/>
      <c r="BBV130" s="25"/>
      <c r="BBW130" s="25"/>
      <c r="BBX130" s="25"/>
      <c r="BBY130" s="25"/>
      <c r="BBZ130" s="25"/>
      <c r="BCA130" s="25"/>
      <c r="BCB130" s="25"/>
      <c r="BCC130" s="25"/>
      <c r="BCD130" s="25"/>
      <c r="BCE130" s="25"/>
      <c r="BCF130" s="25"/>
      <c r="BCG130" s="25"/>
      <c r="BCH130" s="25"/>
      <c r="BCI130" s="25"/>
      <c r="BCJ130" s="25"/>
      <c r="BCK130" s="25"/>
      <c r="BCL130" s="25"/>
      <c r="BCM130" s="25"/>
      <c r="BCN130" s="25"/>
      <c r="BCO130" s="25"/>
      <c r="BCP130" s="25"/>
      <c r="BCQ130" s="25"/>
      <c r="BCR130" s="25"/>
      <c r="BCS130" s="25"/>
      <c r="BCT130" s="25"/>
      <c r="BCU130" s="25"/>
      <c r="BCV130" s="25"/>
      <c r="BCW130" s="25"/>
      <c r="BCX130" s="25"/>
      <c r="BCY130" s="25"/>
      <c r="BCZ130" s="25"/>
      <c r="BDA130" s="25"/>
      <c r="BDB130" s="25"/>
      <c r="BDC130" s="25"/>
      <c r="BDD130" s="25"/>
      <c r="BDE130" s="25"/>
      <c r="BDF130" s="25"/>
      <c r="BDG130" s="25"/>
      <c r="BDH130" s="25"/>
      <c r="BDI130" s="25"/>
      <c r="BDJ130" s="25"/>
      <c r="BDK130" s="25"/>
      <c r="BDL130" s="25"/>
      <c r="BDM130" s="25"/>
      <c r="BDN130" s="25"/>
      <c r="BDO130" s="25"/>
      <c r="BDP130" s="25"/>
      <c r="BDQ130" s="25"/>
      <c r="BDR130" s="25"/>
      <c r="BDS130" s="25"/>
      <c r="BDT130" s="25"/>
      <c r="BDU130" s="25"/>
      <c r="BDV130" s="25"/>
      <c r="BDW130" s="25"/>
      <c r="BDX130" s="25"/>
      <c r="BDY130" s="25"/>
      <c r="BDZ130" s="25"/>
      <c r="BEA130" s="25"/>
      <c r="BEB130" s="25"/>
      <c r="BEC130" s="25"/>
      <c r="BED130" s="25"/>
      <c r="BEE130" s="25"/>
      <c r="BEF130" s="25"/>
      <c r="BEG130" s="25"/>
      <c r="BEH130" s="25"/>
      <c r="BEI130" s="25"/>
      <c r="BEJ130" s="25"/>
      <c r="BEK130" s="25"/>
      <c r="BEL130" s="25"/>
      <c r="BEM130" s="25"/>
      <c r="BEN130" s="25"/>
      <c r="BEO130" s="25"/>
      <c r="BEP130" s="25"/>
      <c r="BEQ130" s="25"/>
      <c r="BER130" s="25"/>
      <c r="BES130" s="25"/>
      <c r="BET130" s="25"/>
      <c r="BEU130" s="25"/>
      <c r="BEV130" s="25"/>
      <c r="BEW130" s="25"/>
      <c r="BEX130" s="25"/>
      <c r="BEY130" s="25"/>
      <c r="BEZ130" s="25"/>
      <c r="BFA130" s="25"/>
      <c r="BFB130" s="25"/>
      <c r="BFC130" s="25"/>
      <c r="BFD130" s="25"/>
      <c r="BFE130" s="25"/>
      <c r="BFF130" s="25"/>
      <c r="BFG130" s="25"/>
      <c r="BFH130" s="25"/>
      <c r="BFI130" s="25"/>
      <c r="BFJ130" s="25"/>
      <c r="BFK130" s="25"/>
      <c r="BFL130" s="25"/>
      <c r="BFM130" s="25"/>
      <c r="BFN130" s="25"/>
      <c r="BFO130" s="25"/>
      <c r="BFP130" s="25"/>
      <c r="BFQ130" s="25"/>
      <c r="BFR130" s="25"/>
      <c r="BFS130" s="25"/>
      <c r="BFT130" s="25"/>
      <c r="BFU130" s="25"/>
      <c r="BFV130" s="25"/>
      <c r="BFW130" s="25"/>
      <c r="BFX130" s="25"/>
      <c r="BFY130" s="25"/>
      <c r="BFZ130" s="25"/>
      <c r="BGA130" s="25"/>
      <c r="BGB130" s="25"/>
      <c r="BGC130" s="25"/>
      <c r="BGD130" s="25"/>
      <c r="BGE130" s="25"/>
      <c r="BGF130" s="25"/>
      <c r="BGG130" s="25"/>
      <c r="BGH130" s="25"/>
      <c r="BGI130" s="25"/>
      <c r="BGJ130" s="25"/>
      <c r="BGK130" s="25"/>
      <c r="BGL130" s="25"/>
      <c r="BGM130" s="25"/>
      <c r="BGN130" s="25"/>
      <c r="BGO130" s="25"/>
      <c r="BGP130" s="25"/>
      <c r="BGQ130" s="25"/>
      <c r="BGR130" s="25"/>
      <c r="BGS130" s="25"/>
      <c r="BGT130" s="25"/>
      <c r="BGU130" s="25"/>
      <c r="BGV130" s="25"/>
      <c r="BGW130" s="25"/>
      <c r="BGX130" s="25"/>
      <c r="BGY130" s="25"/>
      <c r="BGZ130" s="25"/>
      <c r="BHA130" s="25"/>
      <c r="BHB130" s="25"/>
      <c r="BHC130" s="25"/>
      <c r="BHD130" s="25"/>
      <c r="BHE130" s="25"/>
      <c r="BHF130" s="25"/>
      <c r="BHG130" s="25"/>
      <c r="BHH130" s="25"/>
      <c r="BHI130" s="25"/>
      <c r="BHJ130" s="25"/>
      <c r="BHK130" s="25"/>
      <c r="BHL130" s="25"/>
      <c r="BHM130" s="25"/>
      <c r="BHN130" s="25"/>
      <c r="BHO130" s="25"/>
      <c r="BHP130" s="25"/>
      <c r="BHQ130" s="25"/>
      <c r="BHR130" s="25"/>
      <c r="BHS130" s="25"/>
      <c r="BHT130" s="25"/>
      <c r="BHU130" s="25"/>
      <c r="BHV130" s="25"/>
      <c r="BHW130" s="25"/>
      <c r="BHX130" s="25"/>
      <c r="BHY130" s="25"/>
      <c r="BHZ130" s="25"/>
      <c r="BIA130" s="25"/>
      <c r="BIB130" s="25"/>
      <c r="BIC130" s="25"/>
      <c r="BID130" s="25"/>
      <c r="BIE130" s="25"/>
      <c r="BIF130" s="25"/>
      <c r="BIG130" s="25"/>
      <c r="BIH130" s="25"/>
      <c r="BII130" s="25"/>
      <c r="BIJ130" s="25"/>
      <c r="BIK130" s="25"/>
      <c r="BIL130" s="25"/>
      <c r="BIM130" s="25"/>
      <c r="BIN130" s="25"/>
      <c r="BIO130" s="25"/>
      <c r="BIP130" s="25"/>
      <c r="BIQ130" s="25"/>
      <c r="BIR130" s="25"/>
      <c r="BIS130" s="25"/>
      <c r="BIT130" s="25"/>
      <c r="BIU130" s="25"/>
      <c r="BIV130" s="25"/>
      <c r="BIW130" s="25"/>
      <c r="BIX130" s="25"/>
      <c r="BIY130" s="25"/>
      <c r="BIZ130" s="25"/>
      <c r="BJA130" s="25"/>
      <c r="BJB130" s="25"/>
      <c r="BJC130" s="25"/>
      <c r="BJD130" s="25"/>
      <c r="BJE130" s="25"/>
      <c r="BJF130" s="25"/>
      <c r="BJG130" s="25"/>
      <c r="BJH130" s="25"/>
      <c r="BJI130" s="25"/>
      <c r="BJJ130" s="25"/>
      <c r="BJK130" s="25"/>
      <c r="BJL130" s="25"/>
      <c r="BJM130" s="25"/>
      <c r="BJN130" s="25"/>
      <c r="BJO130" s="25"/>
      <c r="BJP130" s="25"/>
      <c r="BJQ130" s="25"/>
      <c r="BJR130" s="25"/>
      <c r="BJS130" s="25"/>
      <c r="BJT130" s="25"/>
      <c r="BJU130" s="25"/>
      <c r="BJV130" s="25"/>
      <c r="BJW130" s="25"/>
      <c r="BJX130" s="25"/>
      <c r="BJY130" s="25"/>
      <c r="BJZ130" s="25"/>
      <c r="BKA130" s="25"/>
      <c r="BKB130" s="25"/>
      <c r="BKC130" s="25"/>
      <c r="BKD130" s="25"/>
      <c r="BKE130" s="25"/>
      <c r="BKF130" s="25"/>
      <c r="BKG130" s="25"/>
      <c r="BKH130" s="25"/>
      <c r="BKI130" s="25"/>
      <c r="BKJ130" s="25"/>
      <c r="BKK130" s="25"/>
      <c r="BKL130" s="25"/>
      <c r="BKM130" s="25"/>
      <c r="BKN130" s="25"/>
      <c r="BKO130" s="25"/>
      <c r="BKP130" s="25"/>
      <c r="BKQ130" s="25"/>
      <c r="BKR130" s="25"/>
      <c r="BKS130" s="25"/>
      <c r="BKT130" s="25"/>
      <c r="BKU130" s="25"/>
      <c r="BKV130" s="25"/>
      <c r="BKW130" s="25"/>
      <c r="BKX130" s="25"/>
      <c r="BKY130" s="25"/>
      <c r="BKZ130" s="25"/>
      <c r="BLA130" s="25"/>
      <c r="BLB130" s="25"/>
      <c r="BLC130" s="25"/>
      <c r="BLD130" s="25"/>
      <c r="BLE130" s="25"/>
      <c r="BLF130" s="25"/>
      <c r="BLG130" s="25"/>
      <c r="BLH130" s="25"/>
      <c r="BLI130" s="25"/>
      <c r="BLJ130" s="25"/>
      <c r="BLK130" s="25"/>
      <c r="BLL130" s="25"/>
      <c r="BLM130" s="25"/>
      <c r="BLN130" s="25"/>
      <c r="BLO130" s="25"/>
      <c r="BLP130" s="25"/>
      <c r="BLQ130" s="25"/>
      <c r="BLR130" s="25"/>
      <c r="BLS130" s="25"/>
      <c r="BLT130" s="25"/>
      <c r="BLU130" s="25"/>
      <c r="BLV130" s="25"/>
      <c r="BLW130" s="25"/>
      <c r="BLX130" s="25"/>
      <c r="BLY130" s="25"/>
      <c r="BLZ130" s="25"/>
      <c r="BMA130" s="25"/>
      <c r="BMB130" s="25"/>
      <c r="BMC130" s="25"/>
      <c r="BMD130" s="25"/>
      <c r="BME130" s="25"/>
      <c r="BMF130" s="25"/>
      <c r="BMG130" s="25"/>
      <c r="BMH130" s="25"/>
      <c r="BMI130" s="25"/>
      <c r="BMJ130" s="25"/>
      <c r="BMK130" s="25"/>
      <c r="BML130" s="25"/>
      <c r="BMM130" s="25"/>
      <c r="BMN130" s="25"/>
      <c r="BMO130" s="25"/>
      <c r="BMP130" s="25"/>
      <c r="BMQ130" s="25"/>
      <c r="BMR130" s="25"/>
      <c r="BMS130" s="25"/>
      <c r="BMT130" s="25"/>
      <c r="BMU130" s="25"/>
      <c r="BMV130" s="25"/>
      <c r="BMW130" s="25"/>
      <c r="BMX130" s="25"/>
      <c r="BMY130" s="25"/>
      <c r="BMZ130" s="25"/>
      <c r="BNA130" s="25"/>
      <c r="BNB130" s="25"/>
      <c r="BNC130" s="25"/>
      <c r="BND130" s="25"/>
      <c r="BNE130" s="25"/>
      <c r="BNF130" s="25"/>
      <c r="BNG130" s="25"/>
      <c r="BNH130" s="25"/>
      <c r="BNI130" s="25"/>
      <c r="BNJ130" s="25"/>
      <c r="BNK130" s="25"/>
      <c r="BNL130" s="25"/>
      <c r="BNM130" s="25"/>
      <c r="BNN130" s="25"/>
      <c r="BNO130" s="25"/>
      <c r="BNP130" s="25"/>
      <c r="BNQ130" s="25"/>
      <c r="BNR130" s="25"/>
      <c r="BNS130" s="25"/>
      <c r="BNT130" s="25"/>
      <c r="BNU130" s="25"/>
      <c r="BNV130" s="25"/>
      <c r="BNW130" s="25"/>
      <c r="BNX130" s="25"/>
      <c r="BNY130" s="25"/>
      <c r="BNZ130" s="25"/>
      <c r="BOA130" s="25"/>
      <c r="BOB130" s="25"/>
      <c r="BOC130" s="25"/>
      <c r="BOD130" s="25"/>
      <c r="BOE130" s="25"/>
      <c r="BOF130" s="25"/>
      <c r="BOG130" s="25"/>
      <c r="BOH130" s="25"/>
      <c r="BOI130" s="25"/>
      <c r="BOJ130" s="25"/>
      <c r="BOK130" s="25"/>
      <c r="BOL130" s="25"/>
      <c r="BOM130" s="25"/>
      <c r="BON130" s="25"/>
      <c r="BOO130" s="25"/>
      <c r="BOP130" s="25"/>
      <c r="BOQ130" s="25"/>
      <c r="BOR130" s="25"/>
      <c r="BOS130" s="25"/>
      <c r="BOT130" s="25"/>
      <c r="BOU130" s="25"/>
      <c r="BOV130" s="25"/>
      <c r="BOW130" s="25"/>
      <c r="BOX130" s="25"/>
      <c r="BOY130" s="25"/>
      <c r="BOZ130" s="25"/>
      <c r="BPA130" s="25"/>
      <c r="BPB130" s="25"/>
      <c r="BPC130" s="25"/>
      <c r="BPD130" s="25"/>
      <c r="BPE130" s="25"/>
      <c r="BPF130" s="25"/>
      <c r="BPG130" s="25"/>
      <c r="BPH130" s="25"/>
      <c r="BPI130" s="25"/>
      <c r="BPJ130" s="25"/>
      <c r="BPK130" s="25"/>
      <c r="BPL130" s="25"/>
      <c r="BPM130" s="25"/>
      <c r="BPN130" s="25"/>
      <c r="BPO130" s="25"/>
      <c r="BPP130" s="25"/>
      <c r="BPQ130" s="25"/>
      <c r="BPR130" s="25"/>
      <c r="BPS130" s="25"/>
      <c r="BPT130" s="25"/>
      <c r="BPU130" s="25"/>
      <c r="BPV130" s="25"/>
      <c r="BPW130" s="25"/>
      <c r="BPX130" s="25"/>
      <c r="BPY130" s="25"/>
      <c r="BPZ130" s="25"/>
      <c r="BQA130" s="25"/>
      <c r="BQB130" s="25"/>
      <c r="BQC130" s="25"/>
      <c r="BQD130" s="25"/>
      <c r="BQE130" s="25"/>
      <c r="BQF130" s="25"/>
      <c r="BQG130" s="25"/>
      <c r="BQH130" s="25"/>
      <c r="BQI130" s="25"/>
      <c r="BQJ130" s="25"/>
      <c r="BQK130" s="25"/>
      <c r="BQL130" s="25"/>
      <c r="BQM130" s="25"/>
      <c r="BQN130" s="25"/>
      <c r="BQO130" s="25"/>
      <c r="BQP130" s="25"/>
      <c r="BQQ130" s="25"/>
      <c r="BQR130" s="25"/>
      <c r="BQS130" s="25"/>
      <c r="BQT130" s="25"/>
      <c r="BQU130" s="25"/>
      <c r="BQV130" s="25"/>
      <c r="BQW130" s="25"/>
      <c r="BQX130" s="25"/>
      <c r="BQY130" s="25"/>
      <c r="BQZ130" s="25"/>
      <c r="BRA130" s="25"/>
      <c r="BRB130" s="25"/>
      <c r="BRC130" s="25"/>
      <c r="BRD130" s="25"/>
      <c r="BRE130" s="25"/>
      <c r="BRF130" s="25"/>
      <c r="BRG130" s="25"/>
      <c r="BRH130" s="25"/>
      <c r="BRI130" s="25"/>
      <c r="BRJ130" s="25"/>
      <c r="BRK130" s="25"/>
      <c r="BRL130" s="25"/>
      <c r="BRM130" s="25"/>
      <c r="BRN130" s="25"/>
      <c r="BRO130" s="25"/>
      <c r="BRP130" s="25"/>
      <c r="BRQ130" s="25"/>
      <c r="BRR130" s="25"/>
      <c r="BRS130" s="25"/>
      <c r="BRT130" s="25"/>
      <c r="BRU130" s="25"/>
      <c r="BRV130" s="25"/>
      <c r="BRW130" s="25"/>
      <c r="BRX130" s="25"/>
      <c r="BRY130" s="25"/>
      <c r="BRZ130" s="25"/>
      <c r="BSA130" s="25"/>
      <c r="BSB130" s="25"/>
      <c r="BSC130" s="25"/>
      <c r="BSD130" s="25"/>
      <c r="BSE130" s="25"/>
      <c r="BSF130" s="25"/>
      <c r="BSG130" s="25"/>
      <c r="BSH130" s="25"/>
      <c r="BSI130" s="25"/>
      <c r="BSJ130" s="25"/>
      <c r="BSK130" s="25"/>
      <c r="BSL130" s="25"/>
      <c r="BSM130" s="25"/>
      <c r="BSN130" s="25"/>
      <c r="BSO130" s="25"/>
      <c r="BSP130" s="25"/>
      <c r="BSQ130" s="25"/>
      <c r="BSR130" s="25"/>
      <c r="BSS130" s="25"/>
      <c r="BST130" s="25"/>
      <c r="BSU130" s="25"/>
      <c r="BSV130" s="25"/>
      <c r="BSW130" s="25"/>
      <c r="BSX130" s="25"/>
      <c r="BSY130" s="25"/>
      <c r="BSZ130" s="25"/>
      <c r="BTA130" s="25"/>
      <c r="BTB130" s="25"/>
      <c r="BTC130" s="25"/>
      <c r="BTD130" s="25"/>
      <c r="BTE130" s="25"/>
      <c r="BTF130" s="25"/>
      <c r="BTG130" s="25"/>
      <c r="BTH130" s="25"/>
      <c r="BTI130" s="25"/>
      <c r="BTJ130" s="25"/>
      <c r="BTK130" s="25"/>
      <c r="BTL130" s="25"/>
      <c r="BTM130" s="25"/>
      <c r="BTN130" s="25"/>
      <c r="BTO130" s="25"/>
      <c r="BTP130" s="25"/>
      <c r="BTQ130" s="25"/>
      <c r="BTR130" s="25"/>
      <c r="BTS130" s="25"/>
      <c r="BTT130" s="25"/>
      <c r="BTU130" s="25"/>
      <c r="BTV130" s="25"/>
      <c r="BTW130" s="25"/>
      <c r="BTX130" s="25"/>
      <c r="BTY130" s="25"/>
      <c r="BTZ130" s="25"/>
      <c r="BUA130" s="25"/>
      <c r="BUB130" s="25"/>
      <c r="BUC130" s="25"/>
      <c r="BUD130" s="25"/>
      <c r="BUE130" s="25"/>
      <c r="BUF130" s="25"/>
      <c r="BUG130" s="25"/>
      <c r="BUH130" s="25"/>
      <c r="BUI130" s="25"/>
      <c r="BUJ130" s="25"/>
      <c r="BUK130" s="25"/>
      <c r="BUL130" s="25"/>
      <c r="BUM130" s="25"/>
      <c r="BUN130" s="25"/>
      <c r="BUO130" s="25"/>
      <c r="BUP130" s="25"/>
      <c r="BUQ130" s="25"/>
      <c r="BUR130" s="25"/>
      <c r="BUS130" s="25"/>
      <c r="BUT130" s="25"/>
      <c r="BUU130" s="25"/>
      <c r="BUV130" s="25"/>
      <c r="BUW130" s="25"/>
      <c r="BUX130" s="25"/>
      <c r="BUY130" s="25"/>
      <c r="BUZ130" s="25"/>
      <c r="BVA130" s="25"/>
      <c r="BVB130" s="25"/>
      <c r="BVC130" s="25"/>
      <c r="BVD130" s="25"/>
      <c r="BVE130" s="25"/>
      <c r="BVF130" s="25"/>
      <c r="BVG130" s="25"/>
      <c r="BVH130" s="25"/>
      <c r="BVI130" s="25"/>
      <c r="BVJ130" s="25"/>
      <c r="BVK130" s="25"/>
      <c r="BVL130" s="25"/>
      <c r="BVM130" s="25"/>
      <c r="BVN130" s="25"/>
      <c r="BVO130" s="25"/>
      <c r="BVP130" s="25"/>
      <c r="BVQ130" s="25"/>
      <c r="BVR130" s="25"/>
      <c r="BVS130" s="25"/>
      <c r="BVT130" s="25"/>
      <c r="BVU130" s="25"/>
      <c r="BVV130" s="25"/>
      <c r="BVW130" s="25"/>
      <c r="BVX130" s="25"/>
      <c r="BVY130" s="25"/>
      <c r="BVZ130" s="25"/>
      <c r="BWA130" s="25"/>
      <c r="BWB130" s="25"/>
      <c r="BWC130" s="25"/>
      <c r="BWD130" s="25"/>
      <c r="BWE130" s="25"/>
      <c r="BWF130" s="25"/>
      <c r="BWG130" s="25"/>
      <c r="BWH130" s="25"/>
      <c r="BWI130" s="25"/>
      <c r="BWJ130" s="25"/>
      <c r="BWK130" s="25"/>
      <c r="BWL130" s="25"/>
      <c r="BWM130" s="25"/>
      <c r="BWN130" s="25"/>
      <c r="BWO130" s="25"/>
      <c r="BWP130" s="25"/>
      <c r="BWQ130" s="25"/>
      <c r="BWR130" s="25"/>
      <c r="BWS130" s="25"/>
      <c r="BWT130" s="25"/>
      <c r="BWU130" s="25"/>
      <c r="BWV130" s="25"/>
      <c r="BWW130" s="25"/>
      <c r="BWX130" s="25"/>
      <c r="BWY130" s="25"/>
      <c r="BWZ130" s="25"/>
      <c r="BXA130" s="25"/>
      <c r="BXB130" s="25"/>
      <c r="BXC130" s="25"/>
      <c r="BXD130" s="25"/>
      <c r="BXE130" s="25"/>
      <c r="BXF130" s="25"/>
      <c r="BXG130" s="25"/>
      <c r="BXH130" s="25"/>
      <c r="BXI130" s="25"/>
      <c r="BXJ130" s="25"/>
      <c r="BXK130" s="25"/>
      <c r="BXL130" s="25"/>
      <c r="BXM130" s="25"/>
      <c r="BXN130" s="25"/>
      <c r="BXO130" s="25"/>
      <c r="BXP130" s="25"/>
      <c r="BXQ130" s="25"/>
      <c r="BXR130" s="25"/>
      <c r="BXS130" s="25"/>
      <c r="BXT130" s="25"/>
      <c r="BXU130" s="25"/>
      <c r="BXV130" s="25"/>
      <c r="BXW130" s="25"/>
      <c r="BXX130" s="25"/>
      <c r="BXY130" s="25"/>
      <c r="BXZ130" s="25"/>
      <c r="BYA130" s="25"/>
      <c r="BYB130" s="25"/>
      <c r="BYC130" s="25"/>
      <c r="BYD130" s="25"/>
      <c r="BYE130" s="25"/>
      <c r="BYF130" s="25"/>
      <c r="BYG130" s="25"/>
      <c r="BYH130" s="25"/>
      <c r="BYI130" s="25"/>
      <c r="BYJ130" s="25"/>
      <c r="BYK130" s="25"/>
      <c r="BYL130" s="25"/>
      <c r="BYM130" s="25"/>
      <c r="BYN130" s="25"/>
      <c r="BYO130" s="25"/>
      <c r="BYP130" s="25"/>
      <c r="BYQ130" s="25"/>
      <c r="BYR130" s="25"/>
      <c r="BYS130" s="25"/>
      <c r="BYT130" s="25"/>
      <c r="BYU130" s="25"/>
      <c r="BYV130" s="25"/>
      <c r="BYW130" s="25"/>
      <c r="BYX130" s="25"/>
      <c r="BYY130" s="25"/>
      <c r="BYZ130" s="25"/>
      <c r="BZA130" s="25"/>
      <c r="BZB130" s="25"/>
      <c r="BZC130" s="25"/>
      <c r="BZD130" s="25"/>
      <c r="BZE130" s="25"/>
      <c r="BZF130" s="25"/>
      <c r="BZG130" s="25"/>
      <c r="BZH130" s="25"/>
      <c r="BZI130" s="25"/>
      <c r="BZJ130" s="25"/>
      <c r="BZK130" s="25"/>
      <c r="BZL130" s="25"/>
      <c r="BZM130" s="25"/>
      <c r="BZN130" s="25"/>
      <c r="BZO130" s="25"/>
      <c r="BZP130" s="25"/>
      <c r="BZQ130" s="25"/>
      <c r="BZR130" s="25"/>
      <c r="BZS130" s="25"/>
      <c r="BZT130" s="25"/>
      <c r="BZU130" s="25"/>
      <c r="BZV130" s="25"/>
      <c r="BZW130" s="25"/>
      <c r="BZX130" s="25"/>
      <c r="BZY130" s="25"/>
      <c r="BZZ130" s="25"/>
      <c r="CAA130" s="25"/>
      <c r="CAB130" s="25"/>
      <c r="CAC130" s="25"/>
      <c r="CAD130" s="25"/>
      <c r="CAE130" s="25"/>
      <c r="CAF130" s="25"/>
      <c r="CAG130" s="25"/>
      <c r="CAH130" s="25"/>
      <c r="CAI130" s="25"/>
      <c r="CAJ130" s="25"/>
      <c r="CAK130" s="25"/>
      <c r="CAL130" s="25"/>
      <c r="CAM130" s="25"/>
      <c r="CAN130" s="25"/>
      <c r="CAO130" s="25"/>
      <c r="CAP130" s="25"/>
      <c r="CAQ130" s="25"/>
      <c r="CAR130" s="25"/>
      <c r="CAS130" s="25"/>
      <c r="CAT130" s="25"/>
      <c r="CAU130" s="25"/>
      <c r="CAV130" s="25"/>
      <c r="CAW130" s="25"/>
      <c r="CAX130" s="25"/>
      <c r="CAY130" s="25"/>
      <c r="CAZ130" s="25"/>
      <c r="CBA130" s="25"/>
      <c r="CBB130" s="25"/>
      <c r="CBC130" s="25"/>
      <c r="CBD130" s="25"/>
      <c r="CBE130" s="25"/>
      <c r="CBF130" s="25"/>
      <c r="CBG130" s="25"/>
      <c r="CBH130" s="25"/>
      <c r="CBI130" s="25"/>
      <c r="CBJ130" s="25"/>
      <c r="CBK130" s="25"/>
      <c r="CBL130" s="25"/>
      <c r="CBM130" s="25"/>
      <c r="CBN130" s="25"/>
      <c r="CBO130" s="25"/>
      <c r="CBP130" s="25"/>
      <c r="CBQ130" s="25"/>
      <c r="CBR130" s="25"/>
      <c r="CBS130" s="25"/>
      <c r="CBT130" s="25"/>
      <c r="CBU130" s="25"/>
      <c r="CBV130" s="25"/>
      <c r="CBW130" s="25"/>
      <c r="CBX130" s="25"/>
      <c r="CBY130" s="25"/>
      <c r="CBZ130" s="25"/>
      <c r="CCA130" s="25"/>
      <c r="CCB130" s="25"/>
      <c r="CCC130" s="25"/>
      <c r="CCD130" s="25"/>
      <c r="CCE130" s="25"/>
      <c r="CCF130" s="25"/>
      <c r="CCG130" s="25"/>
      <c r="CCH130" s="25"/>
      <c r="CCI130" s="25"/>
      <c r="CCJ130" s="25"/>
      <c r="CCK130" s="25"/>
      <c r="CCL130" s="25"/>
      <c r="CCM130" s="25"/>
      <c r="CCN130" s="25"/>
      <c r="CCO130" s="25"/>
      <c r="CCP130" s="25"/>
      <c r="CCQ130" s="25"/>
      <c r="CCR130" s="25"/>
      <c r="CCS130" s="25"/>
      <c r="CCT130" s="25"/>
      <c r="CCU130" s="25"/>
      <c r="CCV130" s="25"/>
      <c r="CCW130" s="25"/>
      <c r="CCX130" s="25"/>
      <c r="CCY130" s="25"/>
      <c r="CCZ130" s="25"/>
      <c r="CDA130" s="25"/>
      <c r="CDB130" s="25"/>
      <c r="CDC130" s="25"/>
      <c r="CDD130" s="25"/>
      <c r="CDE130" s="25"/>
      <c r="CDF130" s="25"/>
      <c r="CDG130" s="25"/>
      <c r="CDH130" s="25"/>
      <c r="CDI130" s="25"/>
      <c r="CDJ130" s="25"/>
      <c r="CDK130" s="25"/>
      <c r="CDL130" s="25"/>
      <c r="CDM130" s="25"/>
      <c r="CDN130" s="25"/>
      <c r="CDO130" s="25"/>
      <c r="CDP130" s="25"/>
      <c r="CDQ130" s="25"/>
      <c r="CDR130" s="25"/>
      <c r="CDS130" s="25"/>
      <c r="CDT130" s="25"/>
      <c r="CDU130" s="25"/>
      <c r="CDV130" s="25"/>
      <c r="CDW130" s="25"/>
      <c r="CDX130" s="25"/>
      <c r="CDY130" s="25"/>
      <c r="CDZ130" s="25"/>
      <c r="CEA130" s="25"/>
      <c r="CEB130" s="25"/>
      <c r="CEC130" s="25"/>
      <c r="CED130" s="25"/>
      <c r="CEE130" s="25"/>
      <c r="CEF130" s="25"/>
      <c r="CEG130" s="25"/>
      <c r="CEH130" s="25"/>
      <c r="CEI130" s="25"/>
      <c r="CEJ130" s="25"/>
      <c r="CEK130" s="25"/>
      <c r="CEL130" s="25"/>
      <c r="CEM130" s="25"/>
      <c r="CEN130" s="25"/>
      <c r="CEO130" s="25"/>
      <c r="CEP130" s="25"/>
      <c r="CEQ130" s="25"/>
      <c r="CER130" s="25"/>
      <c r="CES130" s="25"/>
      <c r="CET130" s="25"/>
      <c r="CEU130" s="25"/>
      <c r="CEV130" s="25"/>
      <c r="CEW130" s="25"/>
      <c r="CEX130" s="25"/>
      <c r="CEY130" s="25"/>
      <c r="CEZ130" s="25"/>
      <c r="CFA130" s="25"/>
      <c r="CFB130" s="25"/>
      <c r="CFC130" s="25"/>
      <c r="CFD130" s="25"/>
      <c r="CFE130" s="25"/>
      <c r="CFF130" s="25"/>
      <c r="CFG130" s="25"/>
      <c r="CFH130" s="25"/>
      <c r="CFI130" s="25"/>
      <c r="CFJ130" s="25"/>
      <c r="CFK130" s="25"/>
      <c r="CFL130" s="25"/>
      <c r="CFM130" s="25"/>
      <c r="CFN130" s="25"/>
      <c r="CFO130" s="25"/>
      <c r="CFP130" s="25"/>
      <c r="CFQ130" s="25"/>
      <c r="CFR130" s="25"/>
      <c r="CFS130" s="25"/>
      <c r="CFT130" s="25"/>
      <c r="CFU130" s="25"/>
      <c r="CFV130" s="25"/>
      <c r="CFW130" s="25"/>
      <c r="CFX130" s="25"/>
      <c r="CFY130" s="25"/>
      <c r="CFZ130" s="25"/>
      <c r="CGA130" s="25"/>
      <c r="CGB130" s="25"/>
      <c r="CGC130" s="25"/>
      <c r="CGD130" s="25"/>
      <c r="CGE130" s="25"/>
      <c r="CGF130" s="25"/>
      <c r="CGG130" s="25"/>
      <c r="CGH130" s="25"/>
      <c r="CGI130" s="25"/>
      <c r="CGJ130" s="25"/>
      <c r="CGK130" s="25"/>
      <c r="CGL130" s="25"/>
      <c r="CGM130" s="25"/>
      <c r="CGN130" s="25"/>
      <c r="CGO130" s="25"/>
      <c r="CGP130" s="25"/>
      <c r="CGQ130" s="25"/>
      <c r="CGR130" s="25"/>
      <c r="CGS130" s="25"/>
      <c r="CGT130" s="25"/>
      <c r="CGU130" s="25"/>
      <c r="CGV130" s="25"/>
      <c r="CGW130" s="25"/>
      <c r="CGX130" s="25"/>
      <c r="CGY130" s="25"/>
      <c r="CGZ130" s="25"/>
      <c r="CHA130" s="25"/>
      <c r="CHB130" s="25"/>
      <c r="CHC130" s="25"/>
      <c r="CHD130" s="25"/>
      <c r="CHE130" s="25"/>
      <c r="CHF130" s="25"/>
      <c r="CHG130" s="25"/>
      <c r="CHH130" s="25"/>
      <c r="CHI130" s="25"/>
      <c r="CHJ130" s="25"/>
      <c r="CHK130" s="25"/>
      <c r="CHL130" s="25"/>
      <c r="CHM130" s="25"/>
      <c r="CHN130" s="25"/>
      <c r="CHO130" s="25"/>
      <c r="CHP130" s="25"/>
      <c r="CHQ130" s="25"/>
      <c r="CHR130" s="25"/>
      <c r="CHS130" s="25"/>
      <c r="CHT130" s="25"/>
      <c r="CHU130" s="25"/>
      <c r="CHV130" s="25"/>
      <c r="CHW130" s="25"/>
      <c r="CHX130" s="25"/>
      <c r="CHY130" s="25"/>
      <c r="CHZ130" s="25"/>
      <c r="CIA130" s="25"/>
      <c r="CIB130" s="25"/>
      <c r="CIC130" s="25"/>
      <c r="CID130" s="25"/>
      <c r="CIE130" s="25"/>
      <c r="CIF130" s="25"/>
      <c r="CIG130" s="25"/>
      <c r="CIH130" s="25"/>
      <c r="CII130" s="25"/>
      <c r="CIJ130" s="25"/>
      <c r="CIK130" s="25"/>
      <c r="CIL130" s="25"/>
      <c r="CIM130" s="25"/>
      <c r="CIN130" s="25"/>
      <c r="CIO130" s="25"/>
      <c r="CIP130" s="25"/>
      <c r="CIQ130" s="25"/>
      <c r="CIR130" s="25"/>
      <c r="CIS130" s="25"/>
      <c r="CIT130" s="25"/>
      <c r="CIU130" s="25"/>
      <c r="CIV130" s="25"/>
      <c r="CIW130" s="25"/>
      <c r="CIX130" s="25"/>
      <c r="CIY130" s="25"/>
      <c r="CIZ130" s="25"/>
      <c r="CJA130" s="25"/>
      <c r="CJB130" s="25"/>
      <c r="CJC130" s="25"/>
      <c r="CJD130" s="25"/>
      <c r="CJE130" s="25"/>
      <c r="CJF130" s="25"/>
      <c r="CJG130" s="25"/>
      <c r="CJH130" s="25"/>
      <c r="CJI130" s="25"/>
      <c r="CJJ130" s="25"/>
      <c r="CJK130" s="25"/>
      <c r="CJL130" s="25"/>
      <c r="CJM130" s="25"/>
      <c r="CJN130" s="25"/>
      <c r="CJO130" s="25"/>
      <c r="CJP130" s="25"/>
      <c r="CJQ130" s="25"/>
      <c r="CJR130" s="25"/>
      <c r="CJS130" s="25"/>
      <c r="CJT130" s="25"/>
      <c r="CJU130" s="25"/>
      <c r="CJV130" s="25"/>
      <c r="CJW130" s="25"/>
      <c r="CJX130" s="25"/>
      <c r="CJY130" s="25"/>
      <c r="CJZ130" s="25"/>
      <c r="CKA130" s="25"/>
      <c r="CKB130" s="25"/>
      <c r="CKC130" s="25"/>
      <c r="CKD130" s="25"/>
      <c r="CKE130" s="25"/>
      <c r="CKF130" s="25"/>
      <c r="CKG130" s="25"/>
      <c r="CKH130" s="25"/>
      <c r="CKI130" s="25"/>
      <c r="CKJ130" s="25"/>
      <c r="CKK130" s="25"/>
      <c r="CKL130" s="25"/>
      <c r="CKM130" s="25"/>
      <c r="CKN130" s="25"/>
      <c r="CKO130" s="25"/>
      <c r="CKP130" s="25"/>
      <c r="CKQ130" s="25"/>
      <c r="CKR130" s="25"/>
      <c r="CKS130" s="25"/>
      <c r="CKT130" s="25"/>
      <c r="CKU130" s="25"/>
      <c r="CKV130" s="25"/>
      <c r="CKW130" s="25"/>
      <c r="CKX130" s="25"/>
      <c r="CKY130" s="25"/>
      <c r="CKZ130" s="25"/>
      <c r="CLA130" s="25"/>
      <c r="CLB130" s="25"/>
      <c r="CLC130" s="25"/>
      <c r="CLD130" s="25"/>
      <c r="CLE130" s="25"/>
      <c r="CLF130" s="25"/>
      <c r="CLG130" s="25"/>
      <c r="CLH130" s="25"/>
      <c r="CLI130" s="25"/>
      <c r="CLJ130" s="25"/>
      <c r="CLK130" s="25"/>
      <c r="CLL130" s="25"/>
      <c r="CLM130" s="25"/>
      <c r="CLN130" s="25"/>
      <c r="CLO130" s="25"/>
      <c r="CLP130" s="25"/>
      <c r="CLQ130" s="25"/>
      <c r="CLR130" s="25"/>
      <c r="CLS130" s="25"/>
      <c r="CLT130" s="25"/>
      <c r="CLU130" s="25"/>
      <c r="CLV130" s="25"/>
      <c r="CLW130" s="25"/>
      <c r="CLX130" s="25"/>
      <c r="CLY130" s="25"/>
      <c r="CLZ130" s="25"/>
      <c r="CMA130" s="25"/>
      <c r="CMB130" s="25"/>
      <c r="CMC130" s="25"/>
      <c r="CMD130" s="25"/>
      <c r="CME130" s="25"/>
      <c r="CMF130" s="25"/>
      <c r="CMG130" s="25"/>
      <c r="CMH130" s="25"/>
      <c r="CMI130" s="25"/>
      <c r="CMJ130" s="25"/>
      <c r="CMK130" s="25"/>
      <c r="CML130" s="25"/>
      <c r="CMM130" s="25"/>
      <c r="CMN130" s="25"/>
      <c r="CMO130" s="25"/>
      <c r="CMP130" s="25"/>
      <c r="CMQ130" s="25"/>
      <c r="CMR130" s="25"/>
      <c r="CMS130" s="25"/>
      <c r="CMT130" s="25"/>
      <c r="CMU130" s="25"/>
      <c r="CMV130" s="25"/>
      <c r="CMW130" s="25"/>
      <c r="CMX130" s="25"/>
      <c r="CMY130" s="25"/>
      <c r="CMZ130" s="25"/>
      <c r="CNA130" s="25"/>
      <c r="CNB130" s="25"/>
      <c r="CNC130" s="25"/>
      <c r="CND130" s="25"/>
      <c r="CNE130" s="25"/>
      <c r="CNF130" s="25"/>
      <c r="CNG130" s="25"/>
      <c r="CNH130" s="25"/>
      <c r="CNI130" s="25"/>
      <c r="CNJ130" s="25"/>
      <c r="CNK130" s="25"/>
      <c r="CNL130" s="25"/>
      <c r="CNM130" s="25"/>
      <c r="CNN130" s="25"/>
      <c r="CNO130" s="25"/>
      <c r="CNP130" s="25"/>
      <c r="CNQ130" s="25"/>
      <c r="CNR130" s="25"/>
      <c r="CNS130" s="25"/>
      <c r="CNT130" s="25"/>
      <c r="CNU130" s="25"/>
      <c r="CNV130" s="25"/>
      <c r="CNW130" s="25"/>
      <c r="CNX130" s="25"/>
      <c r="CNY130" s="25"/>
      <c r="CNZ130" s="25"/>
      <c r="COA130" s="25"/>
      <c r="COB130" s="25"/>
      <c r="COC130" s="25"/>
      <c r="COD130" s="25"/>
      <c r="COE130" s="25"/>
      <c r="COF130" s="25"/>
      <c r="COG130" s="25"/>
      <c r="COH130" s="25"/>
      <c r="COI130" s="25"/>
      <c r="COJ130" s="25"/>
      <c r="COK130" s="25"/>
      <c r="COL130" s="25"/>
      <c r="COM130" s="25"/>
      <c r="CON130" s="25"/>
      <c r="COO130" s="25"/>
      <c r="COP130" s="25"/>
      <c r="COQ130" s="25"/>
      <c r="COR130" s="25"/>
      <c r="COS130" s="25"/>
      <c r="COT130" s="25"/>
      <c r="COU130" s="25"/>
      <c r="COV130" s="25"/>
      <c r="COW130" s="25"/>
      <c r="COX130" s="25"/>
      <c r="COY130" s="25"/>
      <c r="COZ130" s="25"/>
      <c r="CPA130" s="25"/>
      <c r="CPB130" s="25"/>
      <c r="CPC130" s="25"/>
      <c r="CPD130" s="25"/>
      <c r="CPE130" s="25"/>
      <c r="CPF130" s="25"/>
      <c r="CPG130" s="25"/>
      <c r="CPH130" s="25"/>
      <c r="CPI130" s="25"/>
      <c r="CPJ130" s="25"/>
      <c r="CPK130" s="25"/>
      <c r="CPL130" s="25"/>
      <c r="CPM130" s="25"/>
      <c r="CPN130" s="25"/>
      <c r="CPO130" s="25"/>
      <c r="CPP130" s="25"/>
      <c r="CPQ130" s="25"/>
      <c r="CPR130" s="25"/>
      <c r="CPS130" s="25"/>
      <c r="CPT130" s="25"/>
      <c r="CPU130" s="25"/>
      <c r="CPV130" s="25"/>
      <c r="CPW130" s="25"/>
      <c r="CPX130" s="25"/>
      <c r="CPY130" s="25"/>
      <c r="CPZ130" s="25"/>
      <c r="CQA130" s="25"/>
      <c r="CQB130" s="25"/>
      <c r="CQC130" s="25"/>
      <c r="CQD130" s="25"/>
      <c r="CQE130" s="25"/>
      <c r="CQF130" s="25"/>
      <c r="CQG130" s="25"/>
      <c r="CQH130" s="25"/>
      <c r="CQI130" s="25"/>
      <c r="CQJ130" s="25"/>
      <c r="CQK130" s="25"/>
      <c r="CQL130" s="25"/>
      <c r="CQM130" s="25"/>
      <c r="CQN130" s="25"/>
      <c r="CQO130" s="25"/>
      <c r="CQP130" s="25"/>
      <c r="CQQ130" s="25"/>
      <c r="CQR130" s="25"/>
      <c r="CQS130" s="25"/>
      <c r="CQT130" s="25"/>
      <c r="CQU130" s="25"/>
      <c r="CQV130" s="25"/>
      <c r="CQW130" s="25"/>
      <c r="CQX130" s="25"/>
      <c r="CQY130" s="25"/>
      <c r="CQZ130" s="25"/>
      <c r="CRA130" s="25"/>
      <c r="CRB130" s="25"/>
      <c r="CRC130" s="25"/>
      <c r="CRD130" s="25"/>
      <c r="CRE130" s="25"/>
      <c r="CRF130" s="25"/>
      <c r="CRG130" s="25"/>
      <c r="CRH130" s="25"/>
      <c r="CRI130" s="25"/>
      <c r="CRJ130" s="25"/>
      <c r="CRK130" s="25"/>
      <c r="CRL130" s="25"/>
      <c r="CRM130" s="25"/>
      <c r="CRN130" s="25"/>
      <c r="CRO130" s="25"/>
      <c r="CRP130" s="25"/>
      <c r="CRQ130" s="25"/>
      <c r="CRR130" s="25"/>
      <c r="CRS130" s="25"/>
      <c r="CRT130" s="25"/>
      <c r="CRU130" s="25"/>
      <c r="CRV130" s="25"/>
      <c r="CRW130" s="25"/>
      <c r="CRX130" s="25"/>
      <c r="CRY130" s="25"/>
      <c r="CRZ130" s="25"/>
      <c r="CSA130" s="25"/>
      <c r="CSB130" s="25"/>
      <c r="CSC130" s="25"/>
      <c r="CSD130" s="25"/>
      <c r="CSE130" s="25"/>
      <c r="CSF130" s="25"/>
      <c r="CSG130" s="25"/>
      <c r="CSH130" s="25"/>
      <c r="CSI130" s="25"/>
      <c r="CSJ130" s="25"/>
      <c r="CSK130" s="25"/>
      <c r="CSL130" s="25"/>
      <c r="CSM130" s="25"/>
      <c r="CSN130" s="25"/>
      <c r="CSO130" s="25"/>
      <c r="CSP130" s="25"/>
      <c r="CSQ130" s="25"/>
      <c r="CSR130" s="25"/>
      <c r="CSS130" s="25"/>
      <c r="CST130" s="25"/>
      <c r="CSU130" s="25"/>
      <c r="CSV130" s="25"/>
      <c r="CSW130" s="25"/>
      <c r="CSX130" s="25"/>
      <c r="CSY130" s="25"/>
      <c r="CSZ130" s="25"/>
      <c r="CTA130" s="25"/>
      <c r="CTB130" s="25"/>
      <c r="CTC130" s="25"/>
      <c r="CTD130" s="25"/>
      <c r="CTE130" s="25"/>
      <c r="CTF130" s="25"/>
      <c r="CTG130" s="25"/>
      <c r="CTH130" s="25"/>
      <c r="CTI130" s="25"/>
      <c r="CTJ130" s="25"/>
      <c r="CTK130" s="25"/>
      <c r="CTL130" s="25"/>
      <c r="CTM130" s="25"/>
      <c r="CTN130" s="25"/>
      <c r="CTO130" s="25"/>
      <c r="CTP130" s="25"/>
      <c r="CTQ130" s="25"/>
      <c r="CTR130" s="25"/>
      <c r="CTS130" s="25"/>
      <c r="CTT130" s="25"/>
      <c r="CTU130" s="25"/>
      <c r="CTV130" s="25"/>
      <c r="CTW130" s="25"/>
      <c r="CTX130" s="25"/>
      <c r="CTY130" s="25"/>
      <c r="CTZ130" s="25"/>
      <c r="CUA130" s="25"/>
      <c r="CUB130" s="25"/>
      <c r="CUC130" s="25"/>
      <c r="CUD130" s="25"/>
      <c r="CUE130" s="25"/>
      <c r="CUF130" s="25"/>
      <c r="CUG130" s="25"/>
      <c r="CUH130" s="25"/>
      <c r="CUI130" s="25"/>
      <c r="CUJ130" s="25"/>
      <c r="CUK130" s="25"/>
      <c r="CUL130" s="25"/>
      <c r="CUM130" s="25"/>
      <c r="CUN130" s="25"/>
      <c r="CUO130" s="25"/>
      <c r="CUP130" s="25"/>
      <c r="CUQ130" s="25"/>
      <c r="CUR130" s="25"/>
      <c r="CUS130" s="25"/>
      <c r="CUT130" s="25"/>
      <c r="CUU130" s="25"/>
      <c r="CUV130" s="25"/>
      <c r="CUW130" s="25"/>
      <c r="CUX130" s="25"/>
      <c r="CUY130" s="25"/>
      <c r="CUZ130" s="25"/>
      <c r="CVA130" s="25"/>
      <c r="CVB130" s="25"/>
      <c r="CVC130" s="25"/>
      <c r="CVD130" s="25"/>
      <c r="CVE130" s="25"/>
      <c r="CVF130" s="25"/>
      <c r="CVG130" s="25"/>
      <c r="CVH130" s="25"/>
      <c r="CVI130" s="25"/>
      <c r="CVJ130" s="25"/>
      <c r="CVK130" s="25"/>
      <c r="CVL130" s="25"/>
      <c r="CVM130" s="25"/>
      <c r="CVN130" s="25"/>
      <c r="CVO130" s="25"/>
      <c r="CVP130" s="25"/>
      <c r="CVQ130" s="25"/>
      <c r="CVR130" s="25"/>
      <c r="CVS130" s="25"/>
      <c r="CVT130" s="25"/>
      <c r="CVU130" s="25"/>
      <c r="CVV130" s="25"/>
      <c r="CVW130" s="25"/>
      <c r="CVX130" s="25"/>
      <c r="CVY130" s="25"/>
      <c r="CVZ130" s="25"/>
      <c r="CWA130" s="25"/>
      <c r="CWB130" s="25"/>
      <c r="CWC130" s="25"/>
      <c r="CWD130" s="25"/>
      <c r="CWE130" s="25"/>
      <c r="CWF130" s="25"/>
      <c r="CWG130" s="25"/>
      <c r="CWH130" s="25"/>
      <c r="CWI130" s="25"/>
      <c r="CWJ130" s="25"/>
      <c r="CWK130" s="25"/>
      <c r="CWL130" s="25"/>
      <c r="CWM130" s="25"/>
      <c r="CWN130" s="25"/>
      <c r="CWO130" s="25"/>
      <c r="CWP130" s="25"/>
      <c r="CWQ130" s="25"/>
      <c r="CWR130" s="25"/>
      <c r="CWS130" s="25"/>
      <c r="CWT130" s="25"/>
      <c r="CWU130" s="25"/>
      <c r="CWV130" s="25"/>
      <c r="CWW130" s="25"/>
      <c r="CWX130" s="25"/>
      <c r="CWY130" s="25"/>
      <c r="CWZ130" s="25"/>
      <c r="CXA130" s="25"/>
      <c r="CXB130" s="25"/>
      <c r="CXC130" s="25"/>
      <c r="CXD130" s="25"/>
      <c r="CXE130" s="25"/>
      <c r="CXF130" s="25"/>
      <c r="CXG130" s="25"/>
      <c r="CXH130" s="25"/>
      <c r="CXI130" s="25"/>
      <c r="CXJ130" s="25"/>
      <c r="CXK130" s="25"/>
      <c r="CXL130" s="25"/>
      <c r="CXM130" s="25"/>
      <c r="CXN130" s="25"/>
      <c r="CXO130" s="25"/>
      <c r="CXP130" s="25"/>
      <c r="CXQ130" s="25"/>
      <c r="CXR130" s="25"/>
      <c r="CXS130" s="25"/>
      <c r="CXT130" s="25"/>
      <c r="CXU130" s="25"/>
      <c r="CXV130" s="25"/>
      <c r="CXW130" s="25"/>
      <c r="CXX130" s="25"/>
      <c r="CXY130" s="25"/>
      <c r="CXZ130" s="25"/>
      <c r="CYA130" s="25"/>
      <c r="CYB130" s="25"/>
      <c r="CYC130" s="25"/>
      <c r="CYD130" s="25"/>
      <c r="CYE130" s="25"/>
      <c r="CYF130" s="25"/>
      <c r="CYG130" s="25"/>
      <c r="CYH130" s="25"/>
      <c r="CYI130" s="25"/>
      <c r="CYJ130" s="25"/>
      <c r="CYK130" s="25"/>
      <c r="CYL130" s="25"/>
      <c r="CYM130" s="25"/>
      <c r="CYN130" s="25"/>
      <c r="CYO130" s="25"/>
      <c r="CYP130" s="25"/>
      <c r="CYQ130" s="25"/>
      <c r="CYR130" s="25"/>
      <c r="CYS130" s="25"/>
      <c r="CYT130" s="25"/>
      <c r="CYU130" s="25"/>
      <c r="CYV130" s="25"/>
      <c r="CYW130" s="25"/>
      <c r="CYX130" s="25"/>
      <c r="CYY130" s="25"/>
      <c r="CYZ130" s="25"/>
      <c r="CZA130" s="25"/>
      <c r="CZB130" s="25"/>
      <c r="CZC130" s="25"/>
      <c r="CZD130" s="25"/>
      <c r="CZE130" s="25"/>
      <c r="CZF130" s="25"/>
      <c r="CZG130" s="25"/>
      <c r="CZH130" s="25"/>
      <c r="CZI130" s="25"/>
      <c r="CZJ130" s="25"/>
      <c r="CZK130" s="25"/>
      <c r="CZL130" s="25"/>
      <c r="CZM130" s="25"/>
      <c r="CZN130" s="25"/>
      <c r="CZO130" s="25"/>
      <c r="CZP130" s="25"/>
      <c r="CZQ130" s="25"/>
      <c r="CZR130" s="25"/>
      <c r="CZS130" s="25"/>
      <c r="CZT130" s="25"/>
      <c r="CZU130" s="25"/>
      <c r="CZV130" s="25"/>
      <c r="CZW130" s="25"/>
      <c r="CZX130" s="25"/>
      <c r="CZY130" s="25"/>
      <c r="CZZ130" s="25"/>
      <c r="DAA130" s="25"/>
      <c r="DAB130" s="25"/>
      <c r="DAC130" s="25"/>
      <c r="DAD130" s="25"/>
      <c r="DAE130" s="25"/>
      <c r="DAF130" s="25"/>
      <c r="DAG130" s="25"/>
      <c r="DAH130" s="25"/>
      <c r="DAI130" s="25"/>
      <c r="DAJ130" s="25"/>
      <c r="DAK130" s="25"/>
      <c r="DAL130" s="25"/>
      <c r="DAM130" s="25"/>
      <c r="DAN130" s="25"/>
      <c r="DAO130" s="25"/>
      <c r="DAP130" s="25"/>
      <c r="DAQ130" s="25"/>
      <c r="DAR130" s="25"/>
      <c r="DAS130" s="25"/>
      <c r="DAT130" s="25"/>
      <c r="DAU130" s="25"/>
      <c r="DAV130" s="25"/>
      <c r="DAW130" s="25"/>
      <c r="DAX130" s="25"/>
      <c r="DAY130" s="25"/>
      <c r="DAZ130" s="25"/>
      <c r="DBA130" s="25"/>
      <c r="DBB130" s="25"/>
      <c r="DBC130" s="25"/>
      <c r="DBD130" s="25"/>
      <c r="DBE130" s="25"/>
      <c r="DBF130" s="25"/>
      <c r="DBG130" s="25"/>
      <c r="DBH130" s="25"/>
      <c r="DBI130" s="25"/>
      <c r="DBJ130" s="25"/>
      <c r="DBK130" s="25"/>
      <c r="DBL130" s="25"/>
      <c r="DBM130" s="25"/>
      <c r="DBN130" s="25"/>
      <c r="DBO130" s="25"/>
      <c r="DBP130" s="25"/>
      <c r="DBQ130" s="25"/>
      <c r="DBR130" s="25"/>
      <c r="DBS130" s="25"/>
      <c r="DBT130" s="25"/>
      <c r="DBU130" s="25"/>
      <c r="DBV130" s="25"/>
      <c r="DBW130" s="25"/>
      <c r="DBX130" s="25"/>
      <c r="DBY130" s="25"/>
      <c r="DBZ130" s="25"/>
      <c r="DCA130" s="25"/>
      <c r="DCB130" s="25"/>
      <c r="DCC130" s="25"/>
      <c r="DCD130" s="25"/>
      <c r="DCE130" s="25"/>
      <c r="DCF130" s="25"/>
      <c r="DCG130" s="25"/>
      <c r="DCH130" s="25"/>
      <c r="DCI130" s="25"/>
      <c r="DCJ130" s="25"/>
      <c r="DCK130" s="25"/>
      <c r="DCL130" s="25"/>
      <c r="DCM130" s="25"/>
      <c r="DCN130" s="25"/>
      <c r="DCO130" s="25"/>
      <c r="DCP130" s="25"/>
      <c r="DCQ130" s="25"/>
      <c r="DCR130" s="25"/>
      <c r="DCS130" s="25"/>
      <c r="DCT130" s="25"/>
      <c r="DCU130" s="25"/>
      <c r="DCV130" s="25"/>
      <c r="DCW130" s="25"/>
      <c r="DCX130" s="25"/>
      <c r="DCY130" s="25"/>
      <c r="DCZ130" s="25"/>
      <c r="DDA130" s="25"/>
      <c r="DDB130" s="25"/>
      <c r="DDC130" s="25"/>
      <c r="DDD130" s="25"/>
      <c r="DDE130" s="25"/>
      <c r="DDF130" s="25"/>
      <c r="DDG130" s="25"/>
      <c r="DDH130" s="25"/>
      <c r="DDI130" s="25"/>
      <c r="DDJ130" s="25"/>
      <c r="DDK130" s="25"/>
      <c r="DDL130" s="25"/>
      <c r="DDM130" s="25"/>
      <c r="DDN130" s="25"/>
      <c r="DDO130" s="25"/>
      <c r="DDP130" s="25"/>
      <c r="DDQ130" s="25"/>
      <c r="DDR130" s="25"/>
      <c r="DDS130" s="25"/>
      <c r="DDT130" s="25"/>
      <c r="DDU130" s="25"/>
      <c r="DDV130" s="25"/>
      <c r="DDW130" s="25"/>
      <c r="DDX130" s="25"/>
      <c r="DDY130" s="25"/>
      <c r="DDZ130" s="25"/>
      <c r="DEA130" s="25"/>
      <c r="DEB130" s="25"/>
      <c r="DEC130" s="25"/>
      <c r="DED130" s="25"/>
      <c r="DEE130" s="25"/>
      <c r="DEF130" s="25"/>
      <c r="DEG130" s="25"/>
      <c r="DEH130" s="25"/>
      <c r="DEI130" s="25"/>
      <c r="DEJ130" s="25"/>
      <c r="DEK130" s="25"/>
      <c r="DEL130" s="25"/>
      <c r="DEM130" s="25"/>
      <c r="DEN130" s="25"/>
      <c r="DEO130" s="25"/>
      <c r="DEP130" s="25"/>
      <c r="DEQ130" s="25"/>
      <c r="DER130" s="25"/>
      <c r="DES130" s="25"/>
      <c r="DET130" s="25"/>
      <c r="DEU130" s="25"/>
      <c r="DEV130" s="25"/>
      <c r="DEW130" s="25"/>
      <c r="DEX130" s="25"/>
      <c r="DEY130" s="25"/>
      <c r="DEZ130" s="25"/>
      <c r="DFA130" s="25"/>
      <c r="DFB130" s="25"/>
      <c r="DFC130" s="25"/>
      <c r="DFD130" s="25"/>
      <c r="DFE130" s="25"/>
      <c r="DFF130" s="25"/>
      <c r="DFG130" s="25"/>
      <c r="DFH130" s="25"/>
      <c r="DFI130" s="25"/>
      <c r="DFJ130" s="25"/>
      <c r="DFK130" s="25"/>
      <c r="DFL130" s="25"/>
      <c r="DFM130" s="25"/>
      <c r="DFN130" s="25"/>
      <c r="DFO130" s="25"/>
      <c r="DFP130" s="25"/>
      <c r="DFQ130" s="25"/>
      <c r="DFR130" s="25"/>
      <c r="DFS130" s="25"/>
      <c r="DFT130" s="25"/>
      <c r="DFU130" s="25"/>
      <c r="DFV130" s="25"/>
      <c r="DFW130" s="25"/>
      <c r="DFX130" s="25"/>
      <c r="DFY130" s="25"/>
      <c r="DFZ130" s="25"/>
      <c r="DGA130" s="25"/>
      <c r="DGB130" s="25"/>
      <c r="DGC130" s="25"/>
      <c r="DGD130" s="25"/>
      <c r="DGE130" s="25"/>
      <c r="DGF130" s="25"/>
      <c r="DGG130" s="25"/>
      <c r="DGH130" s="25"/>
      <c r="DGI130" s="25"/>
      <c r="DGJ130" s="25"/>
      <c r="DGK130" s="25"/>
      <c r="DGL130" s="25"/>
      <c r="DGM130" s="25"/>
      <c r="DGN130" s="25"/>
      <c r="DGO130" s="25"/>
      <c r="DGP130" s="25"/>
      <c r="DGQ130" s="25"/>
      <c r="DGR130" s="25"/>
      <c r="DGS130" s="25"/>
      <c r="DGT130" s="25"/>
      <c r="DGU130" s="25"/>
      <c r="DGV130" s="25"/>
      <c r="DGW130" s="25"/>
      <c r="DGX130" s="25"/>
      <c r="DGY130" s="25"/>
      <c r="DGZ130" s="25"/>
      <c r="DHA130" s="25"/>
      <c r="DHB130" s="25"/>
      <c r="DHC130" s="25"/>
      <c r="DHD130" s="25"/>
      <c r="DHE130" s="25"/>
      <c r="DHF130" s="25"/>
      <c r="DHG130" s="25"/>
      <c r="DHH130" s="25"/>
      <c r="DHI130" s="25"/>
      <c r="DHJ130" s="25"/>
      <c r="DHK130" s="25"/>
      <c r="DHL130" s="25"/>
      <c r="DHM130" s="25"/>
      <c r="DHN130" s="25"/>
      <c r="DHO130" s="25"/>
      <c r="DHP130" s="25"/>
      <c r="DHQ130" s="25"/>
      <c r="DHR130" s="25"/>
      <c r="DHS130" s="25"/>
      <c r="DHT130" s="25"/>
      <c r="DHU130" s="25"/>
      <c r="DHV130" s="25"/>
      <c r="DHW130" s="25"/>
      <c r="DHX130" s="25"/>
      <c r="DHY130" s="25"/>
      <c r="DHZ130" s="25"/>
      <c r="DIA130" s="25"/>
      <c r="DIB130" s="25"/>
      <c r="DIC130" s="25"/>
      <c r="DID130" s="25"/>
      <c r="DIE130" s="25"/>
      <c r="DIF130" s="25"/>
      <c r="DIG130" s="25"/>
      <c r="DIH130" s="25"/>
      <c r="DII130" s="25"/>
      <c r="DIJ130" s="25"/>
      <c r="DIK130" s="25"/>
      <c r="DIL130" s="25"/>
      <c r="DIM130" s="25"/>
      <c r="DIN130" s="25"/>
      <c r="DIO130" s="25"/>
      <c r="DIP130" s="25"/>
      <c r="DIQ130" s="25"/>
      <c r="DIR130" s="25"/>
      <c r="DIS130" s="25"/>
      <c r="DIT130" s="25"/>
      <c r="DIU130" s="25"/>
      <c r="DIV130" s="25"/>
      <c r="DIW130" s="25"/>
      <c r="DIX130" s="25"/>
      <c r="DIY130" s="25"/>
      <c r="DIZ130" s="25"/>
      <c r="DJA130" s="25"/>
      <c r="DJB130" s="25"/>
      <c r="DJC130" s="25"/>
      <c r="DJD130" s="25"/>
      <c r="DJE130" s="25"/>
      <c r="DJF130" s="25"/>
      <c r="DJG130" s="25"/>
      <c r="DJH130" s="25"/>
      <c r="DJI130" s="25"/>
      <c r="DJJ130" s="25"/>
      <c r="DJK130" s="25"/>
      <c r="DJL130" s="25"/>
      <c r="DJM130" s="25"/>
      <c r="DJN130" s="25"/>
      <c r="DJO130" s="25"/>
      <c r="DJP130" s="25"/>
      <c r="DJQ130" s="25"/>
      <c r="DJR130" s="25"/>
      <c r="DJS130" s="25"/>
      <c r="DJT130" s="25"/>
      <c r="DJU130" s="25"/>
      <c r="DJV130" s="25"/>
      <c r="DJW130" s="25"/>
      <c r="DJX130" s="25"/>
      <c r="DJY130" s="25"/>
      <c r="DJZ130" s="25"/>
      <c r="DKA130" s="25"/>
      <c r="DKB130" s="25"/>
      <c r="DKC130" s="25"/>
      <c r="DKD130" s="25"/>
      <c r="DKE130" s="25"/>
      <c r="DKF130" s="25"/>
      <c r="DKG130" s="25"/>
      <c r="DKH130" s="25"/>
      <c r="DKI130" s="25"/>
      <c r="DKJ130" s="25"/>
      <c r="DKK130" s="25"/>
      <c r="DKL130" s="25"/>
      <c r="DKM130" s="25"/>
      <c r="DKN130" s="25"/>
      <c r="DKO130" s="25"/>
      <c r="DKP130" s="25"/>
      <c r="DKQ130" s="25"/>
      <c r="DKR130" s="25"/>
      <c r="DKS130" s="25"/>
      <c r="DKT130" s="25"/>
      <c r="DKU130" s="25"/>
      <c r="DKV130" s="25"/>
      <c r="DKW130" s="25"/>
      <c r="DKX130" s="25"/>
      <c r="DKY130" s="25"/>
      <c r="DKZ130" s="25"/>
      <c r="DLA130" s="25"/>
      <c r="DLB130" s="25"/>
      <c r="DLC130" s="25"/>
      <c r="DLD130" s="25"/>
      <c r="DLE130" s="25"/>
      <c r="DLF130" s="25"/>
      <c r="DLG130" s="25"/>
      <c r="DLH130" s="25"/>
      <c r="DLI130" s="25"/>
      <c r="DLJ130" s="25"/>
      <c r="DLK130" s="25"/>
      <c r="DLL130" s="25"/>
      <c r="DLM130" s="25"/>
      <c r="DLN130" s="25"/>
      <c r="DLO130" s="25"/>
      <c r="DLP130" s="25"/>
      <c r="DLQ130" s="25"/>
      <c r="DLR130" s="25"/>
      <c r="DLS130" s="25"/>
      <c r="DLT130" s="25"/>
      <c r="DLU130" s="25"/>
      <c r="DLV130" s="25"/>
      <c r="DLW130" s="25"/>
      <c r="DLX130" s="25"/>
      <c r="DLY130" s="25"/>
      <c r="DLZ130" s="25"/>
      <c r="DMA130" s="25"/>
      <c r="DMB130" s="25"/>
      <c r="DMC130" s="25"/>
      <c r="DMD130" s="25"/>
      <c r="DME130" s="25"/>
      <c r="DMF130" s="25"/>
      <c r="DMG130" s="25"/>
      <c r="DMH130" s="25"/>
      <c r="DMI130" s="25"/>
      <c r="DMJ130" s="25"/>
      <c r="DMK130" s="25"/>
      <c r="DML130" s="25"/>
      <c r="DMM130" s="25"/>
      <c r="DMN130" s="25"/>
      <c r="DMO130" s="25"/>
      <c r="DMP130" s="25"/>
      <c r="DMQ130" s="25"/>
      <c r="DMR130" s="25"/>
      <c r="DMS130" s="25"/>
      <c r="DMT130" s="25"/>
      <c r="DMU130" s="25"/>
      <c r="DMV130" s="25"/>
      <c r="DMW130" s="25"/>
      <c r="DMX130" s="25"/>
      <c r="DMY130" s="25"/>
      <c r="DMZ130" s="25"/>
      <c r="DNA130" s="25"/>
      <c r="DNB130" s="25"/>
      <c r="DNC130" s="25"/>
      <c r="DND130" s="25"/>
      <c r="DNE130" s="25"/>
      <c r="DNF130" s="25"/>
      <c r="DNG130" s="25"/>
      <c r="DNH130" s="25"/>
      <c r="DNI130" s="25"/>
      <c r="DNJ130" s="25"/>
      <c r="DNK130" s="25"/>
      <c r="DNL130" s="25"/>
      <c r="DNM130" s="25"/>
      <c r="DNN130" s="25"/>
      <c r="DNO130" s="25"/>
      <c r="DNP130" s="25"/>
      <c r="DNQ130" s="25"/>
      <c r="DNR130" s="25"/>
      <c r="DNS130" s="25"/>
      <c r="DNT130" s="25"/>
      <c r="DNU130" s="25"/>
      <c r="DNV130" s="25"/>
      <c r="DNW130" s="25"/>
      <c r="DNX130" s="25"/>
      <c r="DNY130" s="25"/>
      <c r="DNZ130" s="25"/>
      <c r="DOA130" s="25"/>
      <c r="DOB130" s="25"/>
      <c r="DOC130" s="25"/>
      <c r="DOD130" s="25"/>
      <c r="DOE130" s="25"/>
      <c r="DOF130" s="25"/>
      <c r="DOG130" s="25"/>
      <c r="DOH130" s="25"/>
      <c r="DOI130" s="25"/>
      <c r="DOJ130" s="25"/>
      <c r="DOK130" s="25"/>
      <c r="DOL130" s="25"/>
      <c r="DOM130" s="25"/>
      <c r="DON130" s="25"/>
      <c r="DOO130" s="25"/>
      <c r="DOP130" s="25"/>
      <c r="DOQ130" s="25"/>
      <c r="DOR130" s="25"/>
      <c r="DOS130" s="25"/>
      <c r="DOT130" s="25"/>
      <c r="DOU130" s="25"/>
      <c r="DOV130" s="25"/>
      <c r="DOW130" s="25"/>
      <c r="DOX130" s="25"/>
      <c r="DOY130" s="25"/>
      <c r="DOZ130" s="25"/>
      <c r="DPA130" s="25"/>
      <c r="DPB130" s="25"/>
      <c r="DPC130" s="25"/>
      <c r="DPD130" s="25"/>
      <c r="DPE130" s="25"/>
      <c r="DPF130" s="25"/>
      <c r="DPG130" s="25"/>
      <c r="DPH130" s="25"/>
      <c r="DPI130" s="25"/>
      <c r="DPJ130" s="25"/>
      <c r="DPK130" s="25"/>
      <c r="DPL130" s="25"/>
      <c r="DPM130" s="25"/>
      <c r="DPN130" s="25"/>
      <c r="DPO130" s="25"/>
      <c r="DPP130" s="25"/>
      <c r="DPQ130" s="25"/>
      <c r="DPR130" s="25"/>
      <c r="DPS130" s="25"/>
      <c r="DPT130" s="25"/>
      <c r="DPU130" s="25"/>
      <c r="DPV130" s="25"/>
      <c r="DPW130" s="25"/>
      <c r="DPX130" s="25"/>
      <c r="DPY130" s="25"/>
      <c r="DPZ130" s="25"/>
      <c r="DQA130" s="25"/>
      <c r="DQB130" s="25"/>
      <c r="DQC130" s="25"/>
      <c r="DQD130" s="25"/>
      <c r="DQE130" s="25"/>
      <c r="DQF130" s="25"/>
      <c r="DQG130" s="25"/>
      <c r="DQH130" s="25"/>
      <c r="DQI130" s="25"/>
      <c r="DQJ130" s="25"/>
      <c r="DQK130" s="25"/>
      <c r="DQL130" s="25"/>
      <c r="DQM130" s="25"/>
      <c r="DQN130" s="25"/>
      <c r="DQO130" s="25"/>
      <c r="DQP130" s="25"/>
      <c r="DQQ130" s="25"/>
      <c r="DQR130" s="25"/>
      <c r="DQS130" s="25"/>
      <c r="DQT130" s="25"/>
      <c r="DQU130" s="25"/>
      <c r="DQV130" s="25"/>
      <c r="DQW130" s="25"/>
      <c r="DQX130" s="25"/>
      <c r="DQY130" s="25"/>
      <c r="DQZ130" s="25"/>
      <c r="DRA130" s="25"/>
      <c r="DRB130" s="25"/>
      <c r="DRC130" s="25"/>
      <c r="DRD130" s="25"/>
      <c r="DRE130" s="25"/>
      <c r="DRF130" s="25"/>
      <c r="DRG130" s="25"/>
      <c r="DRH130" s="25"/>
      <c r="DRI130" s="25"/>
      <c r="DRJ130" s="25"/>
      <c r="DRK130" s="25"/>
      <c r="DRL130" s="25"/>
      <c r="DRM130" s="25"/>
      <c r="DRN130" s="25"/>
      <c r="DRO130" s="25"/>
      <c r="DRP130" s="25"/>
      <c r="DRQ130" s="25"/>
      <c r="DRR130" s="25"/>
      <c r="DRS130" s="25"/>
      <c r="DRT130" s="25"/>
      <c r="DRU130" s="25"/>
      <c r="DRV130" s="25"/>
      <c r="DRW130" s="25"/>
      <c r="DRX130" s="25"/>
      <c r="DRY130" s="25"/>
      <c r="DRZ130" s="25"/>
      <c r="DSA130" s="25"/>
      <c r="DSB130" s="25"/>
      <c r="DSC130" s="25"/>
      <c r="DSD130" s="25"/>
      <c r="DSE130" s="25"/>
      <c r="DSF130" s="25"/>
      <c r="DSG130" s="25"/>
      <c r="DSH130" s="25"/>
      <c r="DSI130" s="25"/>
      <c r="DSJ130" s="25"/>
      <c r="DSK130" s="25"/>
      <c r="DSL130" s="25"/>
      <c r="DSM130" s="25"/>
      <c r="DSN130" s="25"/>
      <c r="DSO130" s="25"/>
      <c r="DSP130" s="25"/>
      <c r="DSQ130" s="25"/>
      <c r="DSR130" s="25"/>
      <c r="DSS130" s="25"/>
      <c r="DST130" s="25"/>
      <c r="DSU130" s="25"/>
      <c r="DSV130" s="25"/>
      <c r="DSW130" s="25"/>
      <c r="DSX130" s="25"/>
      <c r="DSY130" s="25"/>
      <c r="DSZ130" s="25"/>
      <c r="DTA130" s="25"/>
      <c r="DTB130" s="25"/>
      <c r="DTC130" s="25"/>
      <c r="DTD130" s="25"/>
      <c r="DTE130" s="25"/>
      <c r="DTF130" s="25"/>
      <c r="DTG130" s="25"/>
      <c r="DTH130" s="25"/>
      <c r="DTI130" s="25"/>
      <c r="DTJ130" s="25"/>
      <c r="DTK130" s="25"/>
      <c r="DTL130" s="25"/>
      <c r="DTM130" s="25"/>
      <c r="DTN130" s="25"/>
      <c r="DTO130" s="25"/>
      <c r="DTP130" s="25"/>
      <c r="DTQ130" s="25"/>
      <c r="DTR130" s="25"/>
      <c r="DTS130" s="25"/>
      <c r="DTT130" s="25"/>
      <c r="DTU130" s="25"/>
      <c r="DTV130" s="25"/>
      <c r="DTW130" s="25"/>
      <c r="DTX130" s="25"/>
      <c r="DTY130" s="25"/>
      <c r="DTZ130" s="25"/>
      <c r="DUA130" s="25"/>
      <c r="DUB130" s="25"/>
      <c r="DUC130" s="25"/>
      <c r="DUD130" s="25"/>
      <c r="DUE130" s="25"/>
      <c r="DUF130" s="25"/>
      <c r="DUG130" s="25"/>
      <c r="DUH130" s="25"/>
      <c r="DUI130" s="25"/>
      <c r="DUJ130" s="25"/>
      <c r="DUK130" s="25"/>
      <c r="DUL130" s="25"/>
      <c r="DUM130" s="25"/>
      <c r="DUN130" s="25"/>
      <c r="DUO130" s="25"/>
      <c r="DUP130" s="25"/>
      <c r="DUQ130" s="25"/>
      <c r="DUR130" s="25"/>
      <c r="DUS130" s="25"/>
      <c r="DUT130" s="25"/>
      <c r="DUU130" s="25"/>
      <c r="DUV130" s="25"/>
      <c r="DUW130" s="25"/>
      <c r="DUX130" s="25"/>
      <c r="DUY130" s="25"/>
      <c r="DUZ130" s="25"/>
      <c r="DVA130" s="25"/>
      <c r="DVB130" s="25"/>
      <c r="DVC130" s="25"/>
      <c r="DVD130" s="25"/>
      <c r="DVE130" s="25"/>
      <c r="DVF130" s="25"/>
      <c r="DVG130" s="25"/>
      <c r="DVH130" s="25"/>
      <c r="DVI130" s="25"/>
      <c r="DVJ130" s="25"/>
      <c r="DVK130" s="25"/>
      <c r="DVL130" s="25"/>
      <c r="DVM130" s="25"/>
      <c r="DVN130" s="25"/>
      <c r="DVO130" s="25"/>
      <c r="DVP130" s="25"/>
      <c r="DVQ130" s="25"/>
      <c r="DVR130" s="25"/>
      <c r="DVS130" s="25"/>
      <c r="DVT130" s="25"/>
      <c r="DVU130" s="25"/>
      <c r="DVV130" s="25"/>
      <c r="DVW130" s="25"/>
      <c r="DVX130" s="25"/>
      <c r="DVY130" s="25"/>
      <c r="DVZ130" s="25"/>
      <c r="DWA130" s="25"/>
      <c r="DWB130" s="25"/>
      <c r="DWC130" s="25"/>
      <c r="DWD130" s="25"/>
      <c r="DWE130" s="25"/>
      <c r="DWF130" s="25"/>
      <c r="DWG130" s="25"/>
      <c r="DWH130" s="25"/>
      <c r="DWI130" s="25"/>
      <c r="DWJ130" s="25"/>
      <c r="DWK130" s="25"/>
      <c r="DWL130" s="25"/>
      <c r="DWM130" s="25"/>
      <c r="DWN130" s="25"/>
      <c r="DWO130" s="25"/>
      <c r="DWP130" s="25"/>
      <c r="DWQ130" s="25"/>
      <c r="DWR130" s="25"/>
      <c r="DWS130" s="25"/>
      <c r="DWT130" s="25"/>
      <c r="DWU130" s="25"/>
      <c r="DWV130" s="25"/>
      <c r="DWW130" s="25"/>
      <c r="DWX130" s="25"/>
      <c r="DWY130" s="25"/>
      <c r="DWZ130" s="25"/>
      <c r="DXA130" s="25"/>
      <c r="DXB130" s="25"/>
      <c r="DXC130" s="25"/>
      <c r="DXD130" s="25"/>
      <c r="DXE130" s="25"/>
      <c r="DXF130" s="25"/>
      <c r="DXG130" s="25"/>
      <c r="DXH130" s="25"/>
      <c r="DXI130" s="25"/>
      <c r="DXJ130" s="25"/>
      <c r="DXK130" s="25"/>
      <c r="DXL130" s="25"/>
      <c r="DXM130" s="25"/>
      <c r="DXN130" s="25"/>
      <c r="DXO130" s="25"/>
      <c r="DXP130" s="25"/>
      <c r="DXQ130" s="25"/>
      <c r="DXR130" s="25"/>
      <c r="DXS130" s="25"/>
      <c r="DXT130" s="25"/>
      <c r="DXU130" s="25"/>
      <c r="DXV130" s="25"/>
      <c r="DXW130" s="25"/>
      <c r="DXX130" s="25"/>
      <c r="DXY130" s="25"/>
      <c r="DXZ130" s="25"/>
      <c r="DYA130" s="25"/>
      <c r="DYB130" s="25"/>
      <c r="DYC130" s="25"/>
      <c r="DYD130" s="25"/>
      <c r="DYE130" s="25"/>
      <c r="DYF130" s="25"/>
      <c r="DYG130" s="25"/>
      <c r="DYH130" s="25"/>
      <c r="DYI130" s="25"/>
      <c r="DYJ130" s="25"/>
      <c r="DYK130" s="25"/>
      <c r="DYL130" s="25"/>
      <c r="DYM130" s="25"/>
      <c r="DYN130" s="25"/>
      <c r="DYO130" s="25"/>
      <c r="DYP130" s="25"/>
      <c r="DYQ130" s="25"/>
      <c r="DYR130" s="25"/>
      <c r="DYS130" s="25"/>
      <c r="DYT130" s="25"/>
      <c r="DYU130" s="25"/>
      <c r="DYV130" s="25"/>
      <c r="DYW130" s="25"/>
      <c r="DYX130" s="25"/>
      <c r="DYY130" s="25"/>
      <c r="DYZ130" s="25"/>
      <c r="DZA130" s="25"/>
      <c r="DZB130" s="25"/>
      <c r="DZC130" s="25"/>
      <c r="DZD130" s="25"/>
      <c r="DZE130" s="25"/>
      <c r="DZF130" s="25"/>
      <c r="DZG130" s="25"/>
      <c r="DZH130" s="25"/>
      <c r="DZI130" s="25"/>
      <c r="DZJ130" s="25"/>
      <c r="DZK130" s="25"/>
      <c r="DZL130" s="25"/>
      <c r="DZM130" s="25"/>
      <c r="DZN130" s="25"/>
      <c r="DZO130" s="25"/>
      <c r="DZP130" s="25"/>
      <c r="DZQ130" s="25"/>
      <c r="DZR130" s="25"/>
      <c r="DZS130" s="25"/>
      <c r="DZT130" s="25"/>
      <c r="DZU130" s="25"/>
      <c r="DZV130" s="25"/>
      <c r="DZW130" s="25"/>
      <c r="DZX130" s="25"/>
      <c r="DZY130" s="25"/>
      <c r="DZZ130" s="25"/>
      <c r="EAA130" s="25"/>
      <c r="EAB130" s="25"/>
      <c r="EAC130" s="25"/>
      <c r="EAD130" s="25"/>
      <c r="EAE130" s="25"/>
      <c r="EAF130" s="25"/>
      <c r="EAG130" s="25"/>
      <c r="EAH130" s="25"/>
      <c r="EAI130" s="25"/>
      <c r="EAJ130" s="25"/>
      <c r="EAK130" s="25"/>
      <c r="EAL130" s="25"/>
      <c r="EAM130" s="25"/>
      <c r="EAN130" s="25"/>
      <c r="EAO130" s="25"/>
      <c r="EAP130" s="25"/>
      <c r="EAQ130" s="25"/>
      <c r="EAR130" s="25"/>
      <c r="EAS130" s="25"/>
      <c r="EAT130" s="25"/>
      <c r="EAU130" s="25"/>
      <c r="EAV130" s="25"/>
      <c r="EAW130" s="25"/>
      <c r="EAX130" s="25"/>
      <c r="EAY130" s="25"/>
      <c r="EAZ130" s="25"/>
      <c r="EBA130" s="25"/>
      <c r="EBB130" s="25"/>
      <c r="EBC130" s="25"/>
      <c r="EBD130" s="25"/>
      <c r="EBE130" s="25"/>
      <c r="EBF130" s="25"/>
      <c r="EBG130" s="25"/>
      <c r="EBH130" s="25"/>
      <c r="EBI130" s="25"/>
      <c r="EBJ130" s="25"/>
      <c r="EBK130" s="25"/>
      <c r="EBL130" s="25"/>
      <c r="EBM130" s="25"/>
      <c r="EBN130" s="25"/>
      <c r="EBO130" s="25"/>
      <c r="EBP130" s="25"/>
      <c r="EBQ130" s="25"/>
      <c r="EBR130" s="25"/>
      <c r="EBS130" s="25"/>
      <c r="EBT130" s="25"/>
      <c r="EBU130" s="25"/>
      <c r="EBV130" s="25"/>
      <c r="EBW130" s="25"/>
      <c r="EBX130" s="25"/>
      <c r="EBY130" s="25"/>
      <c r="EBZ130" s="25"/>
      <c r="ECA130" s="25"/>
      <c r="ECB130" s="25"/>
      <c r="ECC130" s="25"/>
      <c r="ECD130" s="25"/>
      <c r="ECE130" s="25"/>
      <c r="ECF130" s="25"/>
      <c r="ECG130" s="25"/>
      <c r="ECH130" s="25"/>
      <c r="ECI130" s="25"/>
      <c r="ECJ130" s="25"/>
      <c r="ECK130" s="25"/>
      <c r="ECL130" s="25"/>
      <c r="ECM130" s="25"/>
      <c r="ECN130" s="25"/>
      <c r="ECO130" s="25"/>
      <c r="ECP130" s="25"/>
      <c r="ECQ130" s="25"/>
      <c r="ECR130" s="25"/>
      <c r="ECS130" s="25"/>
      <c r="ECT130" s="25"/>
      <c r="ECU130" s="25"/>
      <c r="ECV130" s="25"/>
      <c r="ECW130" s="25"/>
      <c r="ECX130" s="25"/>
      <c r="ECY130" s="25"/>
      <c r="ECZ130" s="25"/>
      <c r="EDA130" s="25"/>
      <c r="EDB130" s="25"/>
      <c r="EDC130" s="25"/>
      <c r="EDD130" s="25"/>
      <c r="EDE130" s="25"/>
      <c r="EDF130" s="25"/>
      <c r="EDG130" s="25"/>
      <c r="EDH130" s="25"/>
      <c r="EDI130" s="25"/>
      <c r="EDJ130" s="25"/>
      <c r="EDK130" s="25"/>
      <c r="EDL130" s="25"/>
      <c r="EDM130" s="25"/>
      <c r="EDN130" s="25"/>
      <c r="EDO130" s="25"/>
      <c r="EDP130" s="25"/>
      <c r="EDQ130" s="25"/>
      <c r="EDR130" s="25"/>
      <c r="EDS130" s="25"/>
      <c r="EDT130" s="25"/>
      <c r="EDU130" s="25"/>
      <c r="EDV130" s="25"/>
      <c r="EDW130" s="25"/>
      <c r="EDX130" s="25"/>
      <c r="EDY130" s="25"/>
      <c r="EDZ130" s="25"/>
      <c r="EEA130" s="25"/>
      <c r="EEB130" s="25"/>
      <c r="EEC130" s="25"/>
      <c r="EED130" s="25"/>
      <c r="EEE130" s="25"/>
      <c r="EEF130" s="25"/>
      <c r="EEG130" s="25"/>
      <c r="EEH130" s="25"/>
      <c r="EEI130" s="25"/>
      <c r="EEJ130" s="25"/>
      <c r="EEK130" s="25"/>
      <c r="EEL130" s="25"/>
      <c r="EEM130" s="25"/>
      <c r="EEN130" s="25"/>
      <c r="EEO130" s="25"/>
      <c r="EEP130" s="25"/>
      <c r="EEQ130" s="25"/>
      <c r="EER130" s="25"/>
      <c r="EES130" s="25"/>
      <c r="EET130" s="25"/>
      <c r="EEU130" s="25"/>
      <c r="EEV130" s="25"/>
      <c r="EEW130" s="25"/>
      <c r="EEX130" s="25"/>
      <c r="EEY130" s="25"/>
      <c r="EEZ130" s="25"/>
      <c r="EFA130" s="25"/>
      <c r="EFB130" s="25"/>
      <c r="EFC130" s="25"/>
      <c r="EFD130" s="25"/>
      <c r="EFE130" s="25"/>
      <c r="EFF130" s="25"/>
      <c r="EFG130" s="25"/>
      <c r="EFH130" s="25"/>
      <c r="EFI130" s="25"/>
      <c r="EFJ130" s="25"/>
      <c r="EFK130" s="25"/>
      <c r="EFL130" s="25"/>
      <c r="EFM130" s="25"/>
      <c r="EFN130" s="25"/>
      <c r="EFO130" s="25"/>
      <c r="EFP130" s="25"/>
      <c r="EFQ130" s="25"/>
      <c r="EFR130" s="25"/>
      <c r="EFS130" s="25"/>
      <c r="EFT130" s="25"/>
      <c r="EFU130" s="25"/>
      <c r="EFV130" s="25"/>
      <c r="EFW130" s="25"/>
      <c r="EFX130" s="25"/>
      <c r="EFY130" s="25"/>
      <c r="EFZ130" s="25"/>
      <c r="EGA130" s="25"/>
      <c r="EGB130" s="25"/>
      <c r="EGC130" s="25"/>
      <c r="EGD130" s="25"/>
      <c r="EGE130" s="25"/>
      <c r="EGF130" s="25"/>
      <c r="EGG130" s="25"/>
      <c r="EGH130" s="25"/>
      <c r="EGI130" s="25"/>
      <c r="EGJ130" s="25"/>
      <c r="EGK130" s="25"/>
      <c r="EGL130" s="25"/>
      <c r="EGM130" s="25"/>
      <c r="EGN130" s="25"/>
      <c r="EGO130" s="25"/>
      <c r="EGP130" s="25"/>
      <c r="EGQ130" s="25"/>
      <c r="EGR130" s="25"/>
      <c r="EGS130" s="25"/>
      <c r="EGT130" s="25"/>
      <c r="EGU130" s="25"/>
      <c r="EGV130" s="25"/>
      <c r="EGW130" s="25"/>
      <c r="EGX130" s="25"/>
      <c r="EGY130" s="25"/>
      <c r="EGZ130" s="25"/>
      <c r="EHA130" s="25"/>
      <c r="EHB130" s="25"/>
      <c r="EHC130" s="25"/>
      <c r="EHD130" s="25"/>
      <c r="EHE130" s="25"/>
      <c r="EHF130" s="25"/>
      <c r="EHG130" s="25"/>
      <c r="EHH130" s="25"/>
      <c r="EHI130" s="25"/>
      <c r="EHJ130" s="25"/>
      <c r="EHK130" s="25"/>
      <c r="EHL130" s="25"/>
      <c r="EHM130" s="25"/>
      <c r="EHN130" s="25"/>
      <c r="EHO130" s="25"/>
      <c r="EHP130" s="25"/>
      <c r="EHQ130" s="25"/>
      <c r="EHR130" s="25"/>
      <c r="EHS130" s="25"/>
      <c r="EHT130" s="25"/>
      <c r="EHU130" s="25"/>
      <c r="EHV130" s="25"/>
      <c r="EHW130" s="25"/>
      <c r="EHX130" s="25"/>
      <c r="EHY130" s="25"/>
      <c r="EHZ130" s="25"/>
      <c r="EIA130" s="25"/>
      <c r="EIB130" s="25"/>
      <c r="EIC130" s="25"/>
      <c r="EID130" s="25"/>
      <c r="EIE130" s="25"/>
      <c r="EIF130" s="25"/>
      <c r="EIG130" s="25"/>
      <c r="EIH130" s="25"/>
      <c r="EII130" s="25"/>
      <c r="EIJ130" s="25"/>
      <c r="EIK130" s="25"/>
      <c r="EIL130" s="25"/>
      <c r="EIM130" s="25"/>
      <c r="EIN130" s="25"/>
      <c r="EIO130" s="25"/>
      <c r="EIP130" s="25"/>
      <c r="EIQ130" s="25"/>
      <c r="EIR130" s="25"/>
      <c r="EIS130" s="25"/>
      <c r="EIT130" s="25"/>
      <c r="EIU130" s="25"/>
      <c r="EIV130" s="25"/>
      <c r="EIW130" s="25"/>
      <c r="EIX130" s="25"/>
      <c r="EIY130" s="25"/>
      <c r="EIZ130" s="25"/>
      <c r="EJA130" s="25"/>
      <c r="EJB130" s="25"/>
      <c r="EJC130" s="25"/>
      <c r="EJD130" s="25"/>
      <c r="EJE130" s="25"/>
      <c r="EJF130" s="25"/>
      <c r="EJG130" s="25"/>
      <c r="EJH130" s="25"/>
      <c r="EJI130" s="25"/>
      <c r="EJJ130" s="25"/>
      <c r="EJK130" s="25"/>
      <c r="EJL130" s="25"/>
      <c r="EJM130" s="25"/>
      <c r="EJN130" s="25"/>
      <c r="EJO130" s="25"/>
      <c r="EJP130" s="25"/>
      <c r="EJQ130" s="25"/>
      <c r="EJR130" s="25"/>
      <c r="EJS130" s="25"/>
      <c r="EJT130" s="25"/>
      <c r="EJU130" s="25"/>
      <c r="EJV130" s="25"/>
      <c r="EJW130" s="25"/>
      <c r="EJX130" s="25"/>
      <c r="EJY130" s="25"/>
      <c r="EJZ130" s="25"/>
      <c r="EKA130" s="25"/>
      <c r="EKB130" s="25"/>
      <c r="EKC130" s="25"/>
      <c r="EKD130" s="25"/>
      <c r="EKE130" s="25"/>
      <c r="EKF130" s="25"/>
      <c r="EKG130" s="25"/>
      <c r="EKH130" s="25"/>
      <c r="EKI130" s="25"/>
      <c r="EKJ130" s="25"/>
      <c r="EKK130" s="25"/>
      <c r="EKL130" s="25"/>
      <c r="EKM130" s="25"/>
      <c r="EKN130" s="25"/>
      <c r="EKO130" s="25"/>
      <c r="EKP130" s="25"/>
      <c r="EKQ130" s="25"/>
      <c r="EKR130" s="25"/>
      <c r="EKS130" s="25"/>
      <c r="EKT130" s="25"/>
      <c r="EKU130" s="25"/>
      <c r="EKV130" s="25"/>
      <c r="EKW130" s="25"/>
      <c r="EKX130" s="25"/>
      <c r="EKY130" s="25"/>
      <c r="EKZ130" s="25"/>
      <c r="ELA130" s="25"/>
      <c r="ELB130" s="25"/>
      <c r="ELC130" s="25"/>
      <c r="ELD130" s="25"/>
      <c r="ELE130" s="25"/>
      <c r="ELF130" s="25"/>
      <c r="ELG130" s="25"/>
      <c r="ELH130" s="25"/>
      <c r="ELI130" s="25"/>
      <c r="ELJ130" s="25"/>
      <c r="ELK130" s="25"/>
      <c r="ELL130" s="25"/>
      <c r="ELM130" s="25"/>
      <c r="ELN130" s="25"/>
      <c r="ELO130" s="25"/>
      <c r="ELP130" s="25"/>
      <c r="ELQ130" s="25"/>
      <c r="ELR130" s="25"/>
      <c r="ELS130" s="25"/>
      <c r="ELT130" s="25"/>
      <c r="ELU130" s="25"/>
      <c r="ELV130" s="25"/>
      <c r="ELW130" s="25"/>
      <c r="ELX130" s="25"/>
      <c r="ELY130" s="25"/>
      <c r="ELZ130" s="25"/>
      <c r="EMA130" s="25"/>
      <c r="EMB130" s="25"/>
      <c r="EMC130" s="25"/>
      <c r="EMD130" s="25"/>
      <c r="EME130" s="25"/>
      <c r="EMF130" s="25"/>
      <c r="EMG130" s="25"/>
      <c r="EMH130" s="25"/>
      <c r="EMI130" s="25"/>
      <c r="EMJ130" s="25"/>
      <c r="EMK130" s="25"/>
      <c r="EML130" s="25"/>
      <c r="EMM130" s="25"/>
      <c r="EMN130" s="25"/>
      <c r="EMO130" s="25"/>
      <c r="EMP130" s="25"/>
      <c r="EMQ130" s="25"/>
      <c r="EMR130" s="25"/>
      <c r="EMS130" s="25"/>
      <c r="EMT130" s="25"/>
      <c r="EMU130" s="25"/>
      <c r="EMV130" s="25"/>
      <c r="EMW130" s="25"/>
      <c r="EMX130" s="25"/>
      <c r="EMY130" s="25"/>
      <c r="EMZ130" s="25"/>
      <c r="ENA130" s="25"/>
      <c r="ENB130" s="25"/>
      <c r="ENC130" s="25"/>
      <c r="END130" s="25"/>
      <c r="ENE130" s="25"/>
      <c r="ENF130" s="25"/>
      <c r="ENG130" s="25"/>
      <c r="ENH130" s="25"/>
      <c r="ENI130" s="25"/>
      <c r="ENJ130" s="25"/>
      <c r="ENK130" s="25"/>
      <c r="ENL130" s="25"/>
      <c r="ENM130" s="25"/>
      <c r="ENN130" s="25"/>
      <c r="ENO130" s="25"/>
      <c r="ENP130" s="25"/>
      <c r="ENQ130" s="25"/>
      <c r="ENR130" s="25"/>
      <c r="ENS130" s="25"/>
      <c r="ENT130" s="25"/>
      <c r="ENU130" s="25"/>
      <c r="ENV130" s="25"/>
      <c r="ENW130" s="25"/>
      <c r="ENX130" s="25"/>
      <c r="ENY130" s="25"/>
      <c r="ENZ130" s="25"/>
      <c r="EOA130" s="25"/>
      <c r="EOB130" s="25"/>
      <c r="EOC130" s="25"/>
      <c r="EOD130" s="25"/>
      <c r="EOE130" s="25"/>
      <c r="EOF130" s="25"/>
      <c r="EOG130" s="25"/>
      <c r="EOH130" s="25"/>
      <c r="EOI130" s="25"/>
      <c r="EOJ130" s="25"/>
      <c r="EOK130" s="25"/>
      <c r="EOL130" s="25"/>
      <c r="EOM130" s="25"/>
      <c r="EON130" s="25"/>
      <c r="EOO130" s="25"/>
      <c r="EOP130" s="25"/>
      <c r="EOQ130" s="25"/>
      <c r="EOR130" s="25"/>
      <c r="EOS130" s="25"/>
      <c r="EOT130" s="25"/>
      <c r="EOU130" s="25"/>
      <c r="EOV130" s="25"/>
      <c r="EOW130" s="25"/>
      <c r="EOX130" s="25"/>
      <c r="EOY130" s="25"/>
      <c r="EOZ130" s="25"/>
      <c r="EPA130" s="25"/>
      <c r="EPB130" s="25"/>
      <c r="EPC130" s="25"/>
      <c r="EPD130" s="25"/>
      <c r="EPE130" s="25"/>
      <c r="EPF130" s="25"/>
      <c r="EPG130" s="25"/>
      <c r="EPH130" s="25"/>
      <c r="EPI130" s="25"/>
      <c r="EPJ130" s="25"/>
      <c r="EPK130" s="25"/>
      <c r="EPL130" s="25"/>
      <c r="EPM130" s="25"/>
      <c r="EPN130" s="25"/>
      <c r="EPO130" s="25"/>
      <c r="EPP130" s="25"/>
      <c r="EPQ130" s="25"/>
      <c r="EPR130" s="25"/>
      <c r="EPS130" s="25"/>
      <c r="EPT130" s="25"/>
      <c r="EPU130" s="25"/>
      <c r="EPV130" s="25"/>
      <c r="EPW130" s="25"/>
      <c r="EPX130" s="25"/>
      <c r="EPY130" s="25"/>
      <c r="EPZ130" s="25"/>
      <c r="EQA130" s="25"/>
      <c r="EQB130" s="25"/>
      <c r="EQC130" s="25"/>
      <c r="EQD130" s="25"/>
      <c r="EQE130" s="25"/>
      <c r="EQF130" s="25"/>
      <c r="EQG130" s="25"/>
      <c r="EQH130" s="25"/>
      <c r="EQI130" s="25"/>
      <c r="EQJ130" s="25"/>
      <c r="EQK130" s="25"/>
      <c r="EQL130" s="25"/>
      <c r="EQM130" s="25"/>
      <c r="EQN130" s="25"/>
      <c r="EQO130" s="25"/>
      <c r="EQP130" s="25"/>
      <c r="EQQ130" s="25"/>
      <c r="EQR130" s="25"/>
      <c r="EQS130" s="25"/>
      <c r="EQT130" s="25"/>
      <c r="EQU130" s="25"/>
      <c r="EQV130" s="25"/>
      <c r="EQW130" s="25"/>
      <c r="EQX130" s="25"/>
      <c r="EQY130" s="25"/>
      <c r="EQZ130" s="25"/>
      <c r="ERA130" s="25"/>
      <c r="ERB130" s="25"/>
      <c r="ERC130" s="25"/>
      <c r="ERD130" s="25"/>
      <c r="ERE130" s="25"/>
      <c r="ERF130" s="25"/>
      <c r="ERG130" s="25"/>
      <c r="ERH130" s="25"/>
      <c r="ERI130" s="25"/>
      <c r="ERJ130" s="25"/>
      <c r="ERK130" s="25"/>
      <c r="ERL130" s="25"/>
      <c r="ERM130" s="25"/>
      <c r="ERN130" s="25"/>
      <c r="ERO130" s="25"/>
      <c r="ERP130" s="25"/>
      <c r="ERQ130" s="25"/>
      <c r="ERR130" s="25"/>
      <c r="ERS130" s="25"/>
      <c r="ERT130" s="25"/>
      <c r="ERU130" s="25"/>
      <c r="ERV130" s="25"/>
      <c r="ERW130" s="25"/>
      <c r="ERX130" s="25"/>
      <c r="ERY130" s="25"/>
      <c r="ERZ130" s="25"/>
      <c r="ESA130" s="25"/>
      <c r="ESB130" s="25"/>
      <c r="ESC130" s="25"/>
      <c r="ESD130" s="25"/>
      <c r="ESE130" s="25"/>
      <c r="ESF130" s="25"/>
      <c r="ESG130" s="25"/>
      <c r="ESH130" s="25"/>
      <c r="ESI130" s="25"/>
      <c r="ESJ130" s="25"/>
      <c r="ESK130" s="25"/>
      <c r="ESL130" s="25"/>
      <c r="ESM130" s="25"/>
      <c r="ESN130" s="25"/>
      <c r="ESO130" s="25"/>
      <c r="ESP130" s="25"/>
      <c r="ESQ130" s="25"/>
      <c r="ESR130" s="25"/>
      <c r="ESS130" s="25"/>
      <c r="EST130" s="25"/>
      <c r="ESU130" s="25"/>
      <c r="ESV130" s="25"/>
      <c r="ESW130" s="25"/>
      <c r="ESX130" s="25"/>
      <c r="ESY130" s="25"/>
      <c r="ESZ130" s="25"/>
      <c r="ETA130" s="25"/>
      <c r="ETB130" s="25"/>
      <c r="ETC130" s="25"/>
      <c r="ETD130" s="25"/>
      <c r="ETE130" s="25"/>
      <c r="ETF130" s="25"/>
      <c r="ETG130" s="25"/>
      <c r="ETH130" s="25"/>
      <c r="ETI130" s="25"/>
      <c r="ETJ130" s="25"/>
      <c r="ETK130" s="25"/>
      <c r="ETL130" s="25"/>
      <c r="ETM130" s="25"/>
      <c r="ETN130" s="25"/>
      <c r="ETO130" s="25"/>
      <c r="ETP130" s="25"/>
      <c r="ETQ130" s="25"/>
      <c r="ETR130" s="25"/>
      <c r="ETS130" s="25"/>
      <c r="ETT130" s="25"/>
      <c r="ETU130" s="25"/>
      <c r="ETV130" s="25"/>
      <c r="ETW130" s="25"/>
      <c r="ETX130" s="25"/>
      <c r="ETY130" s="25"/>
      <c r="ETZ130" s="25"/>
      <c r="EUA130" s="25"/>
      <c r="EUB130" s="25"/>
      <c r="EUC130" s="25"/>
      <c r="EUD130" s="25"/>
      <c r="EUE130" s="25"/>
      <c r="EUF130" s="25"/>
      <c r="EUG130" s="25"/>
      <c r="EUH130" s="25"/>
      <c r="EUI130" s="25"/>
      <c r="EUJ130" s="25"/>
      <c r="EUK130" s="25"/>
      <c r="EUL130" s="25"/>
      <c r="EUM130" s="25"/>
      <c r="EUN130" s="25"/>
      <c r="EUO130" s="25"/>
      <c r="EUP130" s="25"/>
      <c r="EUQ130" s="25"/>
      <c r="EUR130" s="25"/>
      <c r="EUS130" s="25"/>
      <c r="EUT130" s="25"/>
      <c r="EUU130" s="25"/>
      <c r="EUV130" s="25"/>
      <c r="EUW130" s="25"/>
      <c r="EUX130" s="25"/>
      <c r="EUY130" s="25"/>
      <c r="EUZ130" s="25"/>
      <c r="EVA130" s="25"/>
      <c r="EVB130" s="25"/>
      <c r="EVC130" s="25"/>
      <c r="EVD130" s="25"/>
      <c r="EVE130" s="25"/>
      <c r="EVF130" s="25"/>
      <c r="EVG130" s="25"/>
      <c r="EVH130" s="25"/>
      <c r="EVI130" s="25"/>
      <c r="EVJ130" s="25"/>
      <c r="EVK130" s="25"/>
      <c r="EVL130" s="25"/>
      <c r="EVM130" s="25"/>
      <c r="EVN130" s="25"/>
      <c r="EVO130" s="25"/>
      <c r="EVP130" s="25"/>
      <c r="EVQ130" s="25"/>
      <c r="EVR130" s="25"/>
      <c r="EVS130" s="25"/>
      <c r="EVT130" s="25"/>
      <c r="EVU130" s="25"/>
      <c r="EVV130" s="25"/>
      <c r="EVW130" s="25"/>
      <c r="EVX130" s="25"/>
      <c r="EVY130" s="25"/>
      <c r="EVZ130" s="25"/>
      <c r="EWA130" s="25"/>
      <c r="EWB130" s="25"/>
      <c r="EWC130" s="25"/>
      <c r="EWD130" s="25"/>
      <c r="EWE130" s="25"/>
      <c r="EWF130" s="25"/>
      <c r="EWG130" s="25"/>
      <c r="EWH130" s="25"/>
      <c r="EWI130" s="25"/>
      <c r="EWJ130" s="25"/>
      <c r="EWK130" s="25"/>
      <c r="EWL130" s="25"/>
      <c r="EWM130" s="25"/>
      <c r="EWN130" s="25"/>
      <c r="EWO130" s="25"/>
      <c r="EWP130" s="25"/>
      <c r="EWQ130" s="25"/>
      <c r="EWR130" s="25"/>
      <c r="EWS130" s="25"/>
      <c r="EWT130" s="25"/>
      <c r="EWU130" s="25"/>
      <c r="EWV130" s="25"/>
      <c r="EWW130" s="25"/>
      <c r="EWX130" s="25"/>
      <c r="EWY130" s="25"/>
      <c r="EWZ130" s="25"/>
      <c r="EXA130" s="25"/>
      <c r="EXB130" s="25"/>
      <c r="EXC130" s="25"/>
      <c r="EXD130" s="25"/>
      <c r="EXE130" s="25"/>
      <c r="EXF130" s="25"/>
      <c r="EXG130" s="25"/>
      <c r="EXH130" s="25"/>
      <c r="EXI130" s="25"/>
      <c r="EXJ130" s="25"/>
      <c r="EXK130" s="25"/>
      <c r="EXL130" s="25"/>
      <c r="EXM130" s="25"/>
      <c r="EXN130" s="25"/>
      <c r="EXO130" s="25"/>
      <c r="EXP130" s="25"/>
      <c r="EXQ130" s="25"/>
      <c r="EXR130" s="25"/>
      <c r="EXS130" s="25"/>
      <c r="EXT130" s="25"/>
      <c r="EXU130" s="25"/>
      <c r="EXV130" s="25"/>
      <c r="EXW130" s="25"/>
      <c r="EXX130" s="25"/>
      <c r="EXY130" s="25"/>
      <c r="EXZ130" s="25"/>
      <c r="EYA130" s="25"/>
      <c r="EYB130" s="25"/>
      <c r="EYC130" s="25"/>
      <c r="EYD130" s="25"/>
      <c r="EYE130" s="25"/>
      <c r="EYF130" s="25"/>
      <c r="EYG130" s="25"/>
      <c r="EYH130" s="25"/>
      <c r="EYI130" s="25"/>
      <c r="EYJ130" s="25"/>
      <c r="EYK130" s="25"/>
      <c r="EYL130" s="25"/>
      <c r="EYM130" s="25"/>
      <c r="EYN130" s="25"/>
      <c r="EYO130" s="25"/>
      <c r="EYP130" s="25"/>
      <c r="EYQ130" s="25"/>
      <c r="EYR130" s="25"/>
      <c r="EYS130" s="25"/>
      <c r="EYT130" s="25"/>
      <c r="EYU130" s="25"/>
      <c r="EYV130" s="25"/>
      <c r="EYW130" s="25"/>
      <c r="EYX130" s="25"/>
      <c r="EYY130" s="25"/>
      <c r="EYZ130" s="25"/>
      <c r="EZA130" s="25"/>
      <c r="EZB130" s="25"/>
      <c r="EZC130" s="25"/>
      <c r="EZD130" s="25"/>
      <c r="EZE130" s="25"/>
      <c r="EZF130" s="25"/>
      <c r="EZG130" s="25"/>
      <c r="EZH130" s="25"/>
      <c r="EZI130" s="25"/>
      <c r="EZJ130" s="25"/>
      <c r="EZK130" s="25"/>
      <c r="EZL130" s="25"/>
      <c r="EZM130" s="25"/>
      <c r="EZN130" s="25"/>
      <c r="EZO130" s="25"/>
      <c r="EZP130" s="25"/>
      <c r="EZQ130" s="25"/>
      <c r="EZR130" s="25"/>
      <c r="EZS130" s="25"/>
      <c r="EZT130" s="25"/>
      <c r="EZU130" s="25"/>
      <c r="EZV130" s="25"/>
      <c r="EZW130" s="25"/>
      <c r="EZX130" s="25"/>
      <c r="EZY130" s="25"/>
      <c r="EZZ130" s="25"/>
      <c r="FAA130" s="25"/>
      <c r="FAB130" s="25"/>
      <c r="FAC130" s="25"/>
      <c r="FAD130" s="25"/>
      <c r="FAE130" s="25"/>
      <c r="FAF130" s="25"/>
      <c r="FAG130" s="25"/>
      <c r="FAH130" s="25"/>
      <c r="FAI130" s="25"/>
      <c r="FAJ130" s="25"/>
      <c r="FAK130" s="25"/>
      <c r="FAL130" s="25"/>
      <c r="FAM130" s="25"/>
      <c r="FAN130" s="25"/>
      <c r="FAO130" s="25"/>
      <c r="FAP130" s="25"/>
      <c r="FAQ130" s="25"/>
      <c r="FAR130" s="25"/>
      <c r="FAS130" s="25"/>
      <c r="FAT130" s="25"/>
      <c r="FAU130" s="25"/>
      <c r="FAV130" s="25"/>
      <c r="FAW130" s="25"/>
      <c r="FAX130" s="25"/>
      <c r="FAY130" s="25"/>
      <c r="FAZ130" s="25"/>
      <c r="FBA130" s="25"/>
      <c r="FBB130" s="25"/>
      <c r="FBC130" s="25"/>
      <c r="FBD130" s="25"/>
      <c r="FBE130" s="25"/>
      <c r="FBF130" s="25"/>
      <c r="FBG130" s="25"/>
      <c r="FBH130" s="25"/>
      <c r="FBI130" s="25"/>
      <c r="FBJ130" s="25"/>
      <c r="FBK130" s="25"/>
      <c r="FBL130" s="25"/>
      <c r="FBM130" s="25"/>
      <c r="FBN130" s="25"/>
      <c r="FBO130" s="25"/>
      <c r="FBP130" s="25"/>
      <c r="FBQ130" s="25"/>
      <c r="FBR130" s="25"/>
      <c r="FBS130" s="25"/>
      <c r="FBT130" s="25"/>
      <c r="FBU130" s="25"/>
      <c r="FBV130" s="25"/>
      <c r="FBW130" s="25"/>
      <c r="FBX130" s="25"/>
      <c r="FBY130" s="25"/>
      <c r="FBZ130" s="25"/>
      <c r="FCA130" s="25"/>
      <c r="FCB130" s="25"/>
      <c r="FCC130" s="25"/>
      <c r="FCD130" s="25"/>
      <c r="FCE130" s="25"/>
      <c r="FCF130" s="25"/>
      <c r="FCG130" s="25"/>
      <c r="FCH130" s="25"/>
      <c r="FCI130" s="25"/>
      <c r="FCJ130" s="25"/>
      <c r="FCK130" s="25"/>
      <c r="FCL130" s="25"/>
      <c r="FCM130" s="25"/>
      <c r="FCN130" s="25"/>
      <c r="FCO130" s="25"/>
      <c r="FCP130" s="25"/>
      <c r="FCQ130" s="25"/>
      <c r="FCR130" s="25"/>
      <c r="FCS130" s="25"/>
      <c r="FCT130" s="25"/>
      <c r="FCU130" s="25"/>
      <c r="FCV130" s="25"/>
      <c r="FCW130" s="25"/>
      <c r="FCX130" s="25"/>
      <c r="FCY130" s="25"/>
      <c r="FCZ130" s="25"/>
      <c r="FDA130" s="25"/>
      <c r="FDB130" s="25"/>
      <c r="FDC130" s="25"/>
      <c r="FDD130" s="25"/>
      <c r="FDE130" s="25"/>
      <c r="FDF130" s="25"/>
      <c r="FDG130" s="25"/>
      <c r="FDH130" s="25"/>
      <c r="FDI130" s="25"/>
      <c r="FDJ130" s="25"/>
      <c r="FDK130" s="25"/>
      <c r="FDL130" s="25"/>
      <c r="FDM130" s="25"/>
      <c r="FDN130" s="25"/>
      <c r="FDO130" s="25"/>
      <c r="FDP130" s="25"/>
      <c r="FDQ130" s="25"/>
      <c r="FDR130" s="25"/>
      <c r="FDS130" s="25"/>
      <c r="FDT130" s="25"/>
      <c r="FDU130" s="25"/>
      <c r="FDV130" s="25"/>
      <c r="FDW130" s="25"/>
      <c r="FDX130" s="25"/>
      <c r="FDY130" s="25"/>
      <c r="FDZ130" s="25"/>
      <c r="FEA130" s="25"/>
      <c r="FEB130" s="25"/>
      <c r="FEC130" s="25"/>
      <c r="FED130" s="25"/>
      <c r="FEE130" s="25"/>
      <c r="FEF130" s="25"/>
      <c r="FEG130" s="25"/>
      <c r="FEH130" s="25"/>
      <c r="FEI130" s="25"/>
      <c r="FEJ130" s="25"/>
      <c r="FEK130" s="25"/>
      <c r="FEL130" s="25"/>
      <c r="FEM130" s="25"/>
      <c r="FEN130" s="25"/>
      <c r="FEO130" s="25"/>
      <c r="FEP130" s="25"/>
      <c r="FEQ130" s="25"/>
      <c r="FER130" s="25"/>
      <c r="FES130" s="25"/>
      <c r="FET130" s="25"/>
      <c r="FEU130" s="25"/>
      <c r="FEV130" s="25"/>
      <c r="FEW130" s="25"/>
      <c r="FEX130" s="25"/>
      <c r="FEY130" s="25"/>
      <c r="FEZ130" s="25"/>
      <c r="FFA130" s="25"/>
      <c r="FFB130" s="25"/>
      <c r="FFC130" s="25"/>
      <c r="FFD130" s="25"/>
      <c r="FFE130" s="25"/>
      <c r="FFF130" s="25"/>
      <c r="FFG130" s="25"/>
      <c r="FFH130" s="25"/>
      <c r="FFI130" s="25"/>
      <c r="FFJ130" s="25"/>
      <c r="FFK130" s="25"/>
      <c r="FFL130" s="25"/>
      <c r="FFM130" s="25"/>
      <c r="FFN130" s="25"/>
      <c r="FFO130" s="25"/>
      <c r="FFP130" s="25"/>
      <c r="FFQ130" s="25"/>
      <c r="FFR130" s="25"/>
      <c r="FFS130" s="25"/>
      <c r="FFT130" s="25"/>
      <c r="FFU130" s="25"/>
      <c r="FFV130" s="25"/>
      <c r="FFW130" s="25"/>
      <c r="FFX130" s="25"/>
      <c r="FFY130" s="25"/>
      <c r="FFZ130" s="25"/>
      <c r="FGA130" s="25"/>
      <c r="FGB130" s="25"/>
      <c r="FGC130" s="25"/>
      <c r="FGD130" s="25"/>
      <c r="FGE130" s="25"/>
      <c r="FGF130" s="25"/>
      <c r="FGG130" s="25"/>
      <c r="FGH130" s="25"/>
      <c r="FGI130" s="25"/>
      <c r="FGJ130" s="25"/>
      <c r="FGK130" s="25"/>
      <c r="FGL130" s="25"/>
      <c r="FGM130" s="25"/>
      <c r="FGN130" s="25"/>
      <c r="FGO130" s="25"/>
      <c r="FGP130" s="25"/>
      <c r="FGQ130" s="25"/>
      <c r="FGR130" s="25"/>
      <c r="FGS130" s="25"/>
      <c r="FGT130" s="25"/>
      <c r="FGU130" s="25"/>
      <c r="FGV130" s="25"/>
      <c r="FGW130" s="25"/>
      <c r="FGX130" s="25"/>
      <c r="FGY130" s="25"/>
      <c r="FGZ130" s="25"/>
      <c r="FHA130" s="25"/>
      <c r="FHB130" s="25"/>
      <c r="FHC130" s="25"/>
      <c r="FHD130" s="25"/>
      <c r="FHE130" s="25"/>
      <c r="FHF130" s="25"/>
      <c r="FHG130" s="25"/>
      <c r="FHH130" s="25"/>
      <c r="FHI130" s="25"/>
      <c r="FHJ130" s="25"/>
      <c r="FHK130" s="25"/>
      <c r="FHL130" s="25"/>
      <c r="FHM130" s="25"/>
      <c r="FHN130" s="25"/>
      <c r="FHO130" s="25"/>
      <c r="FHP130" s="25"/>
      <c r="FHQ130" s="25"/>
      <c r="FHR130" s="25"/>
      <c r="FHS130" s="25"/>
      <c r="FHT130" s="25"/>
      <c r="FHU130" s="25"/>
      <c r="FHV130" s="25"/>
      <c r="FHW130" s="25"/>
      <c r="FHX130" s="25"/>
      <c r="FHY130" s="25"/>
      <c r="FHZ130" s="25"/>
      <c r="FIA130" s="25"/>
      <c r="FIB130" s="25"/>
      <c r="FIC130" s="25"/>
      <c r="FID130" s="25"/>
      <c r="FIE130" s="25"/>
      <c r="FIF130" s="25"/>
      <c r="FIG130" s="25"/>
      <c r="FIH130" s="25"/>
      <c r="FII130" s="25"/>
      <c r="FIJ130" s="25"/>
      <c r="FIK130" s="25"/>
      <c r="FIL130" s="25"/>
      <c r="FIM130" s="25"/>
      <c r="FIN130" s="25"/>
      <c r="FIO130" s="25"/>
      <c r="FIP130" s="25"/>
      <c r="FIQ130" s="25"/>
      <c r="FIR130" s="25"/>
      <c r="FIS130" s="25"/>
      <c r="FIT130" s="25"/>
      <c r="FIU130" s="25"/>
      <c r="FIV130" s="25"/>
      <c r="FIW130" s="25"/>
      <c r="FIX130" s="25"/>
      <c r="FIY130" s="25"/>
      <c r="FIZ130" s="25"/>
      <c r="FJA130" s="25"/>
      <c r="FJB130" s="25"/>
      <c r="FJC130" s="25"/>
      <c r="FJD130" s="25"/>
      <c r="FJE130" s="25"/>
      <c r="FJF130" s="25"/>
      <c r="FJG130" s="25"/>
      <c r="FJH130" s="25"/>
      <c r="FJI130" s="25"/>
      <c r="FJJ130" s="25"/>
      <c r="FJK130" s="25"/>
      <c r="FJL130" s="25"/>
      <c r="FJM130" s="25"/>
      <c r="FJN130" s="25"/>
      <c r="FJO130" s="25"/>
      <c r="FJP130" s="25"/>
      <c r="FJQ130" s="25"/>
      <c r="FJR130" s="25"/>
      <c r="FJS130" s="25"/>
      <c r="FJT130" s="25"/>
      <c r="FJU130" s="25"/>
      <c r="FJV130" s="25"/>
      <c r="FJW130" s="25"/>
      <c r="FJX130" s="25"/>
      <c r="FJY130" s="25"/>
      <c r="FJZ130" s="25"/>
      <c r="FKA130" s="25"/>
      <c r="FKB130" s="25"/>
      <c r="FKC130" s="25"/>
      <c r="FKD130" s="25"/>
      <c r="FKE130" s="25"/>
      <c r="FKF130" s="25"/>
      <c r="FKG130" s="25"/>
      <c r="FKH130" s="25"/>
      <c r="FKI130" s="25"/>
      <c r="FKJ130" s="25"/>
      <c r="FKK130" s="25"/>
      <c r="FKL130" s="25"/>
      <c r="FKM130" s="25"/>
      <c r="FKN130" s="25"/>
      <c r="FKO130" s="25"/>
      <c r="FKP130" s="25"/>
      <c r="FKQ130" s="25"/>
      <c r="FKR130" s="25"/>
      <c r="FKS130" s="25"/>
      <c r="FKT130" s="25"/>
      <c r="FKU130" s="25"/>
      <c r="FKV130" s="25"/>
      <c r="FKW130" s="25"/>
      <c r="FKX130" s="25"/>
      <c r="FKY130" s="25"/>
      <c r="FKZ130" s="25"/>
      <c r="FLA130" s="25"/>
      <c r="FLB130" s="25"/>
      <c r="FLC130" s="25"/>
      <c r="FLD130" s="25"/>
      <c r="FLE130" s="25"/>
      <c r="FLF130" s="25"/>
      <c r="FLG130" s="25"/>
      <c r="FLH130" s="25"/>
      <c r="FLI130" s="25"/>
      <c r="FLJ130" s="25"/>
      <c r="FLK130" s="25"/>
      <c r="FLL130" s="25"/>
      <c r="FLM130" s="25"/>
      <c r="FLN130" s="25"/>
      <c r="FLO130" s="25"/>
      <c r="FLP130" s="25"/>
      <c r="FLQ130" s="25"/>
      <c r="FLR130" s="25"/>
      <c r="FLS130" s="25"/>
      <c r="FLT130" s="25"/>
      <c r="FLU130" s="25"/>
      <c r="FLV130" s="25"/>
      <c r="FLW130" s="25"/>
      <c r="FLX130" s="25"/>
      <c r="FLY130" s="25"/>
      <c r="FLZ130" s="25"/>
      <c r="FMA130" s="25"/>
      <c r="FMB130" s="25"/>
      <c r="FMC130" s="25"/>
      <c r="FMD130" s="25"/>
      <c r="FME130" s="25"/>
      <c r="FMF130" s="25"/>
      <c r="FMG130" s="25"/>
      <c r="FMH130" s="25"/>
      <c r="FMI130" s="25"/>
      <c r="FMJ130" s="25"/>
      <c r="FMK130" s="25"/>
      <c r="FML130" s="25"/>
      <c r="FMM130" s="25"/>
      <c r="FMN130" s="25"/>
      <c r="FMO130" s="25"/>
      <c r="FMP130" s="25"/>
      <c r="FMQ130" s="25"/>
      <c r="FMR130" s="25"/>
      <c r="FMS130" s="25"/>
      <c r="FMT130" s="25"/>
      <c r="FMU130" s="25"/>
      <c r="FMV130" s="25"/>
      <c r="FMW130" s="25"/>
      <c r="FMX130" s="25"/>
      <c r="FMY130" s="25"/>
      <c r="FMZ130" s="25"/>
      <c r="FNA130" s="25"/>
      <c r="FNB130" s="25"/>
      <c r="FNC130" s="25"/>
      <c r="FND130" s="25"/>
      <c r="FNE130" s="25"/>
      <c r="FNF130" s="25"/>
      <c r="FNG130" s="25"/>
      <c r="FNH130" s="25"/>
      <c r="FNI130" s="25"/>
      <c r="FNJ130" s="25"/>
      <c r="FNK130" s="25"/>
      <c r="FNL130" s="25"/>
      <c r="FNM130" s="25"/>
      <c r="FNN130" s="25"/>
      <c r="FNO130" s="25"/>
      <c r="FNP130" s="25"/>
      <c r="FNQ130" s="25"/>
      <c r="FNR130" s="25"/>
      <c r="FNS130" s="25"/>
      <c r="FNT130" s="25"/>
      <c r="FNU130" s="25"/>
      <c r="FNV130" s="25"/>
      <c r="FNW130" s="25"/>
      <c r="FNX130" s="25"/>
      <c r="FNY130" s="25"/>
      <c r="FNZ130" s="25"/>
      <c r="FOA130" s="25"/>
      <c r="FOB130" s="25"/>
      <c r="FOC130" s="25"/>
      <c r="FOD130" s="25"/>
      <c r="FOE130" s="25"/>
      <c r="FOF130" s="25"/>
      <c r="FOG130" s="25"/>
      <c r="FOH130" s="25"/>
      <c r="FOI130" s="25"/>
      <c r="FOJ130" s="25"/>
      <c r="FOK130" s="25"/>
      <c r="FOL130" s="25"/>
      <c r="FOM130" s="25"/>
      <c r="FON130" s="25"/>
      <c r="FOO130" s="25"/>
      <c r="FOP130" s="25"/>
      <c r="FOQ130" s="25"/>
      <c r="FOR130" s="25"/>
      <c r="FOS130" s="25"/>
      <c r="FOT130" s="25"/>
      <c r="FOU130" s="25"/>
      <c r="FOV130" s="25"/>
      <c r="FOW130" s="25"/>
      <c r="FOX130" s="25"/>
      <c r="FOY130" s="25"/>
      <c r="FOZ130" s="25"/>
      <c r="FPA130" s="25"/>
      <c r="FPB130" s="25"/>
      <c r="FPC130" s="25"/>
      <c r="FPD130" s="25"/>
      <c r="FPE130" s="25"/>
      <c r="FPF130" s="25"/>
      <c r="FPG130" s="25"/>
      <c r="FPH130" s="25"/>
      <c r="FPI130" s="25"/>
      <c r="FPJ130" s="25"/>
      <c r="FPK130" s="25"/>
      <c r="FPL130" s="25"/>
      <c r="FPM130" s="25"/>
      <c r="FPN130" s="25"/>
      <c r="FPO130" s="25"/>
      <c r="FPP130" s="25"/>
      <c r="FPQ130" s="25"/>
      <c r="FPR130" s="25"/>
      <c r="FPS130" s="25"/>
      <c r="FPT130" s="25"/>
      <c r="FPU130" s="25"/>
      <c r="FPV130" s="25"/>
      <c r="FPW130" s="25"/>
      <c r="FPX130" s="25"/>
      <c r="FPY130" s="25"/>
      <c r="FPZ130" s="25"/>
      <c r="FQA130" s="25"/>
      <c r="FQB130" s="25"/>
      <c r="FQC130" s="25"/>
      <c r="FQD130" s="25"/>
      <c r="FQE130" s="25"/>
      <c r="FQF130" s="25"/>
      <c r="FQG130" s="25"/>
      <c r="FQH130" s="25"/>
      <c r="FQI130" s="25"/>
      <c r="FQJ130" s="25"/>
      <c r="FQK130" s="25"/>
      <c r="FQL130" s="25"/>
      <c r="FQM130" s="25"/>
      <c r="FQN130" s="25"/>
      <c r="FQO130" s="25"/>
      <c r="FQP130" s="25"/>
      <c r="FQQ130" s="25"/>
      <c r="FQR130" s="25"/>
      <c r="FQS130" s="25"/>
      <c r="FQT130" s="25"/>
      <c r="FQU130" s="25"/>
      <c r="FQV130" s="25"/>
      <c r="FQW130" s="25"/>
      <c r="FQX130" s="25"/>
      <c r="FQY130" s="25"/>
      <c r="FQZ130" s="25"/>
      <c r="FRA130" s="25"/>
      <c r="FRB130" s="25"/>
      <c r="FRC130" s="25"/>
      <c r="FRD130" s="25"/>
      <c r="FRE130" s="25"/>
      <c r="FRF130" s="25"/>
      <c r="FRG130" s="25"/>
      <c r="FRH130" s="25"/>
      <c r="FRI130" s="25"/>
      <c r="FRJ130" s="25"/>
      <c r="FRK130" s="25"/>
      <c r="FRL130" s="25"/>
      <c r="FRM130" s="25"/>
      <c r="FRN130" s="25"/>
      <c r="FRO130" s="25"/>
      <c r="FRP130" s="25"/>
      <c r="FRQ130" s="25"/>
      <c r="FRR130" s="25"/>
      <c r="FRS130" s="25"/>
      <c r="FRT130" s="25"/>
      <c r="FRU130" s="25"/>
      <c r="FRV130" s="25"/>
      <c r="FRW130" s="25"/>
      <c r="FRX130" s="25"/>
      <c r="FRY130" s="25"/>
      <c r="FRZ130" s="25"/>
      <c r="FSA130" s="25"/>
      <c r="FSB130" s="25"/>
      <c r="FSC130" s="25"/>
      <c r="FSD130" s="25"/>
      <c r="FSE130" s="25"/>
      <c r="FSF130" s="25"/>
      <c r="FSG130" s="25"/>
      <c r="FSH130" s="25"/>
      <c r="FSI130" s="25"/>
      <c r="FSJ130" s="25"/>
      <c r="FSK130" s="25"/>
      <c r="FSL130" s="25"/>
      <c r="FSM130" s="25"/>
      <c r="FSN130" s="25"/>
      <c r="FSO130" s="25"/>
      <c r="FSP130" s="25"/>
      <c r="FSQ130" s="25"/>
      <c r="FSR130" s="25"/>
      <c r="FSS130" s="25"/>
      <c r="FST130" s="25"/>
      <c r="FSU130" s="25"/>
      <c r="FSV130" s="25"/>
      <c r="FSW130" s="25"/>
      <c r="FSX130" s="25"/>
      <c r="FSY130" s="25"/>
      <c r="FSZ130" s="25"/>
      <c r="FTA130" s="25"/>
      <c r="FTB130" s="25"/>
      <c r="FTC130" s="25"/>
      <c r="FTD130" s="25"/>
      <c r="FTE130" s="25"/>
      <c r="FTF130" s="25"/>
      <c r="FTG130" s="25"/>
      <c r="FTH130" s="25"/>
      <c r="FTI130" s="25"/>
      <c r="FTJ130" s="25"/>
      <c r="FTK130" s="25"/>
      <c r="FTL130" s="25"/>
      <c r="FTM130" s="25"/>
      <c r="FTN130" s="25"/>
      <c r="FTO130" s="25"/>
      <c r="FTP130" s="25"/>
      <c r="FTQ130" s="25"/>
      <c r="FTR130" s="25"/>
      <c r="FTS130" s="25"/>
      <c r="FTT130" s="25"/>
      <c r="FTU130" s="25"/>
      <c r="FTV130" s="25"/>
      <c r="FTW130" s="25"/>
      <c r="FTX130" s="25"/>
      <c r="FTY130" s="25"/>
      <c r="FTZ130" s="25"/>
      <c r="FUA130" s="25"/>
      <c r="FUB130" s="25"/>
      <c r="FUC130" s="25"/>
      <c r="FUD130" s="25"/>
      <c r="FUE130" s="25"/>
      <c r="FUF130" s="25"/>
      <c r="FUG130" s="25"/>
      <c r="FUH130" s="25"/>
      <c r="FUI130" s="25"/>
      <c r="FUJ130" s="25"/>
      <c r="FUK130" s="25"/>
      <c r="FUL130" s="25"/>
      <c r="FUM130" s="25"/>
      <c r="FUN130" s="25"/>
      <c r="FUO130" s="25"/>
      <c r="FUP130" s="25"/>
      <c r="FUQ130" s="25"/>
      <c r="FUR130" s="25"/>
      <c r="FUS130" s="25"/>
      <c r="FUT130" s="25"/>
      <c r="FUU130" s="25"/>
      <c r="FUV130" s="25"/>
      <c r="FUW130" s="25"/>
      <c r="FUX130" s="25"/>
      <c r="FUY130" s="25"/>
      <c r="FUZ130" s="25"/>
      <c r="FVA130" s="25"/>
      <c r="FVB130" s="25"/>
      <c r="FVC130" s="25"/>
      <c r="FVD130" s="25"/>
      <c r="FVE130" s="25"/>
      <c r="FVF130" s="25"/>
      <c r="FVG130" s="25"/>
      <c r="FVH130" s="25"/>
      <c r="FVI130" s="25"/>
      <c r="FVJ130" s="25"/>
      <c r="FVK130" s="25"/>
      <c r="FVL130" s="25"/>
      <c r="FVM130" s="25"/>
      <c r="FVN130" s="25"/>
      <c r="FVO130" s="25"/>
      <c r="FVP130" s="25"/>
      <c r="FVQ130" s="25"/>
      <c r="FVR130" s="25"/>
      <c r="FVS130" s="25"/>
      <c r="FVT130" s="25"/>
      <c r="FVU130" s="25"/>
      <c r="FVV130" s="25"/>
      <c r="FVW130" s="25"/>
      <c r="FVX130" s="25"/>
      <c r="FVY130" s="25"/>
      <c r="FVZ130" s="25"/>
      <c r="FWA130" s="25"/>
      <c r="FWB130" s="25"/>
      <c r="FWC130" s="25"/>
      <c r="FWD130" s="25"/>
      <c r="FWE130" s="25"/>
      <c r="FWF130" s="25"/>
      <c r="FWG130" s="25"/>
      <c r="FWH130" s="25"/>
      <c r="FWI130" s="25"/>
      <c r="FWJ130" s="25"/>
      <c r="FWK130" s="25"/>
      <c r="FWL130" s="25"/>
      <c r="FWM130" s="25"/>
      <c r="FWN130" s="25"/>
      <c r="FWO130" s="25"/>
      <c r="FWP130" s="25"/>
      <c r="FWQ130" s="25"/>
      <c r="FWR130" s="25"/>
      <c r="FWS130" s="25"/>
      <c r="FWT130" s="25"/>
      <c r="FWU130" s="25"/>
      <c r="FWV130" s="25"/>
      <c r="FWW130" s="25"/>
      <c r="FWX130" s="25"/>
      <c r="FWY130" s="25"/>
      <c r="FWZ130" s="25"/>
      <c r="FXA130" s="25"/>
      <c r="FXB130" s="25"/>
      <c r="FXC130" s="25"/>
      <c r="FXD130" s="25"/>
      <c r="FXE130" s="25"/>
      <c r="FXF130" s="25"/>
      <c r="FXG130" s="25"/>
      <c r="FXH130" s="25"/>
      <c r="FXI130" s="25"/>
      <c r="FXJ130" s="25"/>
      <c r="FXK130" s="25"/>
      <c r="FXL130" s="25"/>
      <c r="FXM130" s="25"/>
      <c r="FXN130" s="25"/>
      <c r="FXO130" s="25"/>
      <c r="FXP130" s="25"/>
      <c r="FXQ130" s="25"/>
      <c r="FXR130" s="25"/>
      <c r="FXS130" s="25"/>
      <c r="FXT130" s="25"/>
      <c r="FXU130" s="25"/>
      <c r="FXV130" s="25"/>
      <c r="FXW130" s="25"/>
      <c r="FXX130" s="25"/>
      <c r="FXY130" s="25"/>
      <c r="FXZ130" s="25"/>
      <c r="FYA130" s="25"/>
      <c r="FYB130" s="25"/>
      <c r="FYC130" s="25"/>
      <c r="FYD130" s="25"/>
      <c r="FYE130" s="25"/>
      <c r="FYF130" s="25"/>
      <c r="FYG130" s="25"/>
      <c r="FYH130" s="25"/>
      <c r="FYI130" s="25"/>
      <c r="FYJ130" s="25"/>
      <c r="FYK130" s="25"/>
      <c r="FYL130" s="25"/>
      <c r="FYM130" s="25"/>
      <c r="FYN130" s="25"/>
      <c r="FYO130" s="25"/>
      <c r="FYP130" s="25"/>
      <c r="FYQ130" s="25"/>
      <c r="FYR130" s="25"/>
      <c r="FYS130" s="25"/>
      <c r="FYT130" s="25"/>
      <c r="FYU130" s="25"/>
      <c r="FYV130" s="25"/>
      <c r="FYW130" s="25"/>
      <c r="FYX130" s="25"/>
      <c r="FYY130" s="25"/>
      <c r="FYZ130" s="25"/>
      <c r="FZA130" s="25"/>
      <c r="FZB130" s="25"/>
      <c r="FZC130" s="25"/>
      <c r="FZD130" s="25"/>
      <c r="FZE130" s="25"/>
      <c r="FZF130" s="25"/>
      <c r="FZG130" s="25"/>
      <c r="FZH130" s="25"/>
      <c r="FZI130" s="25"/>
      <c r="FZJ130" s="25"/>
      <c r="FZK130" s="25"/>
      <c r="FZL130" s="25"/>
      <c r="FZM130" s="25"/>
      <c r="FZN130" s="25"/>
      <c r="FZO130" s="25"/>
      <c r="FZP130" s="25"/>
      <c r="FZQ130" s="25"/>
      <c r="FZR130" s="25"/>
      <c r="FZS130" s="25"/>
      <c r="FZT130" s="25"/>
      <c r="FZU130" s="25"/>
      <c r="FZV130" s="25"/>
      <c r="FZW130" s="25"/>
      <c r="FZX130" s="25"/>
      <c r="FZY130" s="25"/>
      <c r="FZZ130" s="25"/>
      <c r="GAA130" s="25"/>
      <c r="GAB130" s="25"/>
      <c r="GAC130" s="25"/>
      <c r="GAD130" s="25"/>
      <c r="GAE130" s="25"/>
      <c r="GAF130" s="25"/>
      <c r="GAG130" s="25"/>
      <c r="GAH130" s="25"/>
      <c r="GAI130" s="25"/>
      <c r="GAJ130" s="25"/>
      <c r="GAK130" s="25"/>
      <c r="GAL130" s="25"/>
      <c r="GAM130" s="25"/>
      <c r="GAN130" s="25"/>
      <c r="GAO130" s="25"/>
      <c r="GAP130" s="25"/>
      <c r="GAQ130" s="25"/>
      <c r="GAR130" s="25"/>
      <c r="GAS130" s="25"/>
      <c r="GAT130" s="25"/>
      <c r="GAU130" s="25"/>
      <c r="GAV130" s="25"/>
      <c r="GAW130" s="25"/>
      <c r="GAX130" s="25"/>
      <c r="GAY130" s="25"/>
      <c r="GAZ130" s="25"/>
      <c r="GBA130" s="25"/>
      <c r="GBB130" s="25"/>
      <c r="GBC130" s="25"/>
      <c r="GBD130" s="25"/>
      <c r="GBE130" s="25"/>
      <c r="GBF130" s="25"/>
      <c r="GBG130" s="25"/>
      <c r="GBH130" s="25"/>
      <c r="GBI130" s="25"/>
      <c r="GBJ130" s="25"/>
      <c r="GBK130" s="25"/>
      <c r="GBL130" s="25"/>
      <c r="GBM130" s="25"/>
      <c r="GBN130" s="25"/>
      <c r="GBO130" s="25"/>
      <c r="GBP130" s="25"/>
      <c r="GBQ130" s="25"/>
      <c r="GBR130" s="25"/>
      <c r="GBS130" s="25"/>
      <c r="GBT130" s="25"/>
      <c r="GBU130" s="25"/>
      <c r="GBV130" s="25"/>
      <c r="GBW130" s="25"/>
      <c r="GBX130" s="25"/>
      <c r="GBY130" s="25"/>
      <c r="GBZ130" s="25"/>
      <c r="GCA130" s="25"/>
      <c r="GCB130" s="25"/>
      <c r="GCC130" s="25"/>
      <c r="GCD130" s="25"/>
      <c r="GCE130" s="25"/>
      <c r="GCF130" s="25"/>
      <c r="GCG130" s="25"/>
      <c r="GCH130" s="25"/>
      <c r="GCI130" s="25"/>
      <c r="GCJ130" s="25"/>
      <c r="GCK130" s="25"/>
      <c r="GCL130" s="25"/>
      <c r="GCM130" s="25"/>
      <c r="GCN130" s="25"/>
      <c r="GCO130" s="25"/>
      <c r="GCP130" s="25"/>
      <c r="GCQ130" s="25"/>
      <c r="GCR130" s="25"/>
      <c r="GCS130" s="25"/>
      <c r="GCT130" s="25"/>
      <c r="GCU130" s="25"/>
      <c r="GCV130" s="25"/>
      <c r="GCW130" s="25"/>
      <c r="GCX130" s="25"/>
      <c r="GCY130" s="25"/>
      <c r="GCZ130" s="25"/>
      <c r="GDA130" s="25"/>
      <c r="GDB130" s="25"/>
      <c r="GDC130" s="25"/>
      <c r="GDD130" s="25"/>
      <c r="GDE130" s="25"/>
      <c r="GDF130" s="25"/>
      <c r="GDG130" s="25"/>
      <c r="GDH130" s="25"/>
      <c r="GDI130" s="25"/>
      <c r="GDJ130" s="25"/>
      <c r="GDK130" s="25"/>
      <c r="GDL130" s="25"/>
      <c r="GDM130" s="25"/>
      <c r="GDN130" s="25"/>
      <c r="GDO130" s="25"/>
      <c r="GDP130" s="25"/>
      <c r="GDQ130" s="25"/>
      <c r="GDR130" s="25"/>
      <c r="GDS130" s="25"/>
      <c r="GDT130" s="25"/>
      <c r="GDU130" s="25"/>
      <c r="GDV130" s="25"/>
      <c r="GDW130" s="25"/>
      <c r="GDX130" s="25"/>
      <c r="GDY130" s="25"/>
      <c r="GDZ130" s="25"/>
      <c r="GEA130" s="25"/>
      <c r="GEB130" s="25"/>
      <c r="GEC130" s="25"/>
      <c r="GED130" s="25"/>
      <c r="GEE130" s="25"/>
      <c r="GEF130" s="25"/>
      <c r="GEG130" s="25"/>
      <c r="GEH130" s="25"/>
      <c r="GEI130" s="25"/>
      <c r="GEJ130" s="25"/>
      <c r="GEK130" s="25"/>
      <c r="GEL130" s="25"/>
      <c r="GEM130" s="25"/>
      <c r="GEN130" s="25"/>
      <c r="GEO130" s="25"/>
      <c r="GEP130" s="25"/>
      <c r="GEQ130" s="25"/>
      <c r="GER130" s="25"/>
      <c r="GES130" s="25"/>
      <c r="GET130" s="25"/>
      <c r="GEU130" s="25"/>
      <c r="GEV130" s="25"/>
      <c r="GEW130" s="25"/>
      <c r="GEX130" s="25"/>
      <c r="GEY130" s="25"/>
      <c r="GEZ130" s="25"/>
      <c r="GFA130" s="25"/>
      <c r="GFB130" s="25"/>
      <c r="GFC130" s="25"/>
      <c r="GFD130" s="25"/>
      <c r="GFE130" s="25"/>
      <c r="GFF130" s="25"/>
      <c r="GFG130" s="25"/>
      <c r="GFH130" s="25"/>
      <c r="GFI130" s="25"/>
      <c r="GFJ130" s="25"/>
      <c r="GFK130" s="25"/>
      <c r="GFL130" s="25"/>
      <c r="GFM130" s="25"/>
      <c r="GFN130" s="25"/>
      <c r="GFO130" s="25"/>
      <c r="GFP130" s="25"/>
      <c r="GFQ130" s="25"/>
      <c r="GFR130" s="25"/>
      <c r="GFS130" s="25"/>
      <c r="GFT130" s="25"/>
      <c r="GFU130" s="25"/>
      <c r="GFV130" s="25"/>
      <c r="GFW130" s="25"/>
      <c r="GFX130" s="25"/>
      <c r="GFY130" s="25"/>
      <c r="GFZ130" s="25"/>
      <c r="GGA130" s="25"/>
      <c r="GGB130" s="25"/>
      <c r="GGC130" s="25"/>
      <c r="GGD130" s="25"/>
      <c r="GGE130" s="25"/>
      <c r="GGF130" s="25"/>
      <c r="GGG130" s="25"/>
      <c r="GGH130" s="25"/>
      <c r="GGI130" s="25"/>
      <c r="GGJ130" s="25"/>
      <c r="GGK130" s="25"/>
      <c r="GGL130" s="25"/>
      <c r="GGM130" s="25"/>
      <c r="GGN130" s="25"/>
      <c r="GGO130" s="25"/>
      <c r="GGP130" s="25"/>
      <c r="GGQ130" s="25"/>
      <c r="GGR130" s="25"/>
      <c r="GGS130" s="25"/>
      <c r="GGT130" s="25"/>
      <c r="GGU130" s="25"/>
      <c r="GGV130" s="25"/>
      <c r="GGW130" s="25"/>
      <c r="GGX130" s="25"/>
      <c r="GGY130" s="25"/>
      <c r="GGZ130" s="25"/>
      <c r="GHA130" s="25"/>
      <c r="GHB130" s="25"/>
      <c r="GHC130" s="25"/>
      <c r="GHD130" s="25"/>
      <c r="GHE130" s="25"/>
      <c r="GHF130" s="25"/>
      <c r="GHG130" s="25"/>
      <c r="GHH130" s="25"/>
      <c r="GHI130" s="25"/>
      <c r="GHJ130" s="25"/>
      <c r="GHK130" s="25"/>
      <c r="GHL130" s="25"/>
      <c r="GHM130" s="25"/>
      <c r="GHN130" s="25"/>
      <c r="GHO130" s="25"/>
      <c r="GHP130" s="25"/>
      <c r="GHQ130" s="25"/>
      <c r="GHR130" s="25"/>
      <c r="GHS130" s="25"/>
      <c r="GHT130" s="25"/>
      <c r="GHU130" s="25"/>
      <c r="GHV130" s="25"/>
      <c r="GHW130" s="25"/>
      <c r="GHX130" s="25"/>
      <c r="GHY130" s="25"/>
      <c r="GHZ130" s="25"/>
      <c r="GIA130" s="25"/>
      <c r="GIB130" s="25"/>
      <c r="GIC130" s="25"/>
      <c r="GID130" s="25"/>
      <c r="GIE130" s="25"/>
      <c r="GIF130" s="25"/>
      <c r="GIG130" s="25"/>
      <c r="GIH130" s="25"/>
      <c r="GII130" s="25"/>
      <c r="GIJ130" s="25"/>
      <c r="GIK130" s="25"/>
      <c r="GIL130" s="25"/>
      <c r="GIM130" s="25"/>
      <c r="GIN130" s="25"/>
      <c r="GIO130" s="25"/>
      <c r="GIP130" s="25"/>
      <c r="GIQ130" s="25"/>
      <c r="GIR130" s="25"/>
      <c r="GIS130" s="25"/>
      <c r="GIT130" s="25"/>
      <c r="GIU130" s="25"/>
      <c r="GIV130" s="25"/>
      <c r="GIW130" s="25"/>
      <c r="GIX130" s="25"/>
      <c r="GIY130" s="25"/>
      <c r="GIZ130" s="25"/>
      <c r="GJA130" s="25"/>
      <c r="GJB130" s="25"/>
      <c r="GJC130" s="25"/>
      <c r="GJD130" s="25"/>
      <c r="GJE130" s="25"/>
      <c r="GJF130" s="25"/>
      <c r="GJG130" s="25"/>
      <c r="GJH130" s="25"/>
      <c r="GJI130" s="25"/>
      <c r="GJJ130" s="25"/>
      <c r="GJK130" s="25"/>
      <c r="GJL130" s="25"/>
      <c r="GJM130" s="25"/>
      <c r="GJN130" s="25"/>
      <c r="GJO130" s="25"/>
      <c r="GJP130" s="25"/>
      <c r="GJQ130" s="25"/>
      <c r="GJR130" s="25"/>
      <c r="GJS130" s="25"/>
      <c r="GJT130" s="25"/>
      <c r="GJU130" s="25"/>
      <c r="GJV130" s="25"/>
      <c r="GJW130" s="25"/>
      <c r="GJX130" s="25"/>
      <c r="GJY130" s="25"/>
      <c r="GJZ130" s="25"/>
      <c r="GKA130" s="25"/>
      <c r="GKB130" s="25"/>
      <c r="GKC130" s="25"/>
      <c r="GKD130" s="25"/>
      <c r="GKE130" s="25"/>
      <c r="GKF130" s="25"/>
      <c r="GKG130" s="25"/>
      <c r="GKH130" s="25"/>
      <c r="GKI130" s="25"/>
      <c r="GKJ130" s="25"/>
      <c r="GKK130" s="25"/>
      <c r="GKL130" s="25"/>
      <c r="GKM130" s="25"/>
      <c r="GKN130" s="25"/>
      <c r="GKO130" s="25"/>
      <c r="GKP130" s="25"/>
      <c r="GKQ130" s="25"/>
      <c r="GKR130" s="25"/>
      <c r="GKS130" s="25"/>
      <c r="GKT130" s="25"/>
      <c r="GKU130" s="25"/>
      <c r="GKV130" s="25"/>
      <c r="GKW130" s="25"/>
      <c r="GKX130" s="25"/>
      <c r="GKY130" s="25"/>
      <c r="GKZ130" s="25"/>
      <c r="GLA130" s="25"/>
      <c r="GLB130" s="25"/>
      <c r="GLC130" s="25"/>
      <c r="GLD130" s="25"/>
      <c r="GLE130" s="25"/>
      <c r="GLF130" s="25"/>
      <c r="GLG130" s="25"/>
      <c r="GLH130" s="25"/>
      <c r="GLI130" s="25"/>
      <c r="GLJ130" s="25"/>
      <c r="GLK130" s="25"/>
      <c r="GLL130" s="25"/>
      <c r="GLM130" s="25"/>
      <c r="GLN130" s="25"/>
      <c r="GLO130" s="25"/>
      <c r="GLP130" s="25"/>
      <c r="GLQ130" s="25"/>
      <c r="GLR130" s="25"/>
      <c r="GLS130" s="25"/>
      <c r="GLT130" s="25"/>
      <c r="GLU130" s="25"/>
      <c r="GLV130" s="25"/>
      <c r="GLW130" s="25"/>
      <c r="GLX130" s="25"/>
      <c r="GLY130" s="25"/>
      <c r="GLZ130" s="25"/>
      <c r="GMA130" s="25"/>
      <c r="GMB130" s="25"/>
      <c r="GMC130" s="25"/>
      <c r="GMD130" s="25"/>
      <c r="GME130" s="25"/>
      <c r="GMF130" s="25"/>
      <c r="GMG130" s="25"/>
      <c r="GMH130" s="25"/>
      <c r="GMI130" s="25"/>
      <c r="GMJ130" s="25"/>
      <c r="GMK130" s="25"/>
      <c r="GML130" s="25"/>
      <c r="GMM130" s="25"/>
      <c r="GMN130" s="25"/>
      <c r="GMO130" s="25"/>
      <c r="GMP130" s="25"/>
      <c r="GMQ130" s="25"/>
      <c r="GMR130" s="25"/>
      <c r="GMS130" s="25"/>
      <c r="GMT130" s="25"/>
      <c r="GMU130" s="25"/>
      <c r="GMV130" s="25"/>
      <c r="GMW130" s="25"/>
      <c r="GMX130" s="25"/>
      <c r="GMY130" s="25"/>
      <c r="GMZ130" s="25"/>
      <c r="GNA130" s="25"/>
      <c r="GNB130" s="25"/>
      <c r="GNC130" s="25"/>
      <c r="GND130" s="25"/>
      <c r="GNE130" s="25"/>
      <c r="GNF130" s="25"/>
      <c r="GNG130" s="25"/>
      <c r="GNH130" s="25"/>
      <c r="GNI130" s="25"/>
      <c r="GNJ130" s="25"/>
      <c r="GNK130" s="25"/>
      <c r="GNL130" s="25"/>
      <c r="GNM130" s="25"/>
      <c r="GNN130" s="25"/>
      <c r="GNO130" s="25"/>
      <c r="GNP130" s="25"/>
      <c r="GNQ130" s="25"/>
      <c r="GNR130" s="25"/>
      <c r="GNS130" s="25"/>
      <c r="GNT130" s="25"/>
      <c r="GNU130" s="25"/>
      <c r="GNV130" s="25"/>
      <c r="GNW130" s="25"/>
      <c r="GNX130" s="25"/>
      <c r="GNY130" s="25"/>
      <c r="GNZ130" s="25"/>
      <c r="GOA130" s="25"/>
      <c r="GOB130" s="25"/>
      <c r="GOC130" s="25"/>
      <c r="GOD130" s="25"/>
      <c r="GOE130" s="25"/>
      <c r="GOF130" s="25"/>
      <c r="GOG130" s="25"/>
      <c r="GOH130" s="25"/>
      <c r="GOI130" s="25"/>
      <c r="GOJ130" s="25"/>
      <c r="GOK130" s="25"/>
      <c r="GOL130" s="25"/>
      <c r="GOM130" s="25"/>
      <c r="GON130" s="25"/>
      <c r="GOO130" s="25"/>
      <c r="GOP130" s="25"/>
      <c r="GOQ130" s="25"/>
      <c r="GOR130" s="25"/>
      <c r="GOS130" s="25"/>
      <c r="GOT130" s="25"/>
      <c r="GOU130" s="25"/>
      <c r="GOV130" s="25"/>
      <c r="GOW130" s="25"/>
      <c r="GOX130" s="25"/>
      <c r="GOY130" s="25"/>
      <c r="GOZ130" s="25"/>
      <c r="GPA130" s="25"/>
      <c r="GPB130" s="25"/>
      <c r="GPC130" s="25"/>
      <c r="GPD130" s="25"/>
      <c r="GPE130" s="25"/>
      <c r="GPF130" s="25"/>
      <c r="GPG130" s="25"/>
      <c r="GPH130" s="25"/>
      <c r="GPI130" s="25"/>
      <c r="GPJ130" s="25"/>
      <c r="GPK130" s="25"/>
      <c r="GPL130" s="25"/>
      <c r="GPM130" s="25"/>
      <c r="GPN130" s="25"/>
      <c r="GPO130" s="25"/>
      <c r="GPP130" s="25"/>
      <c r="GPQ130" s="25"/>
      <c r="GPR130" s="25"/>
      <c r="GPS130" s="25"/>
      <c r="GPT130" s="25"/>
      <c r="GPU130" s="25"/>
      <c r="GPV130" s="25"/>
      <c r="GPW130" s="25"/>
      <c r="GPX130" s="25"/>
      <c r="GPY130" s="25"/>
      <c r="GPZ130" s="25"/>
      <c r="GQA130" s="25"/>
      <c r="GQB130" s="25"/>
      <c r="GQC130" s="25"/>
      <c r="GQD130" s="25"/>
      <c r="GQE130" s="25"/>
      <c r="GQF130" s="25"/>
      <c r="GQG130" s="25"/>
      <c r="GQH130" s="25"/>
      <c r="GQI130" s="25"/>
      <c r="GQJ130" s="25"/>
      <c r="GQK130" s="25"/>
      <c r="GQL130" s="25"/>
      <c r="GQM130" s="25"/>
      <c r="GQN130" s="25"/>
      <c r="GQO130" s="25"/>
      <c r="GQP130" s="25"/>
      <c r="GQQ130" s="25"/>
      <c r="GQR130" s="25"/>
      <c r="GQS130" s="25"/>
      <c r="GQT130" s="25"/>
      <c r="GQU130" s="25"/>
      <c r="GQV130" s="25"/>
      <c r="GQW130" s="25"/>
      <c r="GQX130" s="25"/>
      <c r="GQY130" s="25"/>
      <c r="GQZ130" s="25"/>
      <c r="GRA130" s="25"/>
      <c r="GRB130" s="25"/>
      <c r="GRC130" s="25"/>
      <c r="GRD130" s="25"/>
      <c r="GRE130" s="25"/>
      <c r="GRF130" s="25"/>
      <c r="GRG130" s="25"/>
      <c r="GRH130" s="25"/>
      <c r="GRI130" s="25"/>
      <c r="GRJ130" s="25"/>
      <c r="GRK130" s="25"/>
      <c r="GRL130" s="25"/>
      <c r="GRM130" s="25"/>
      <c r="GRN130" s="25"/>
      <c r="GRO130" s="25"/>
      <c r="GRP130" s="25"/>
      <c r="GRQ130" s="25"/>
      <c r="GRR130" s="25"/>
      <c r="GRS130" s="25"/>
      <c r="GRT130" s="25"/>
      <c r="GRU130" s="25"/>
      <c r="GRV130" s="25"/>
      <c r="GRW130" s="25"/>
      <c r="GRX130" s="25"/>
      <c r="GRY130" s="25"/>
      <c r="GRZ130" s="25"/>
      <c r="GSA130" s="25"/>
      <c r="GSB130" s="25"/>
      <c r="GSC130" s="25"/>
      <c r="GSD130" s="25"/>
      <c r="GSE130" s="25"/>
      <c r="GSF130" s="25"/>
      <c r="GSG130" s="25"/>
      <c r="GSH130" s="25"/>
      <c r="GSI130" s="25"/>
      <c r="GSJ130" s="25"/>
      <c r="GSK130" s="25"/>
      <c r="GSL130" s="25"/>
      <c r="GSM130" s="25"/>
      <c r="GSN130" s="25"/>
      <c r="GSO130" s="25"/>
      <c r="GSP130" s="25"/>
      <c r="GSQ130" s="25"/>
      <c r="GSR130" s="25"/>
      <c r="GSS130" s="25"/>
      <c r="GST130" s="25"/>
      <c r="GSU130" s="25"/>
      <c r="GSV130" s="25"/>
      <c r="GSW130" s="25"/>
      <c r="GSX130" s="25"/>
      <c r="GSY130" s="25"/>
      <c r="GSZ130" s="25"/>
      <c r="GTA130" s="25"/>
      <c r="GTB130" s="25"/>
      <c r="GTC130" s="25"/>
      <c r="GTD130" s="25"/>
      <c r="GTE130" s="25"/>
      <c r="GTF130" s="25"/>
      <c r="GTG130" s="25"/>
      <c r="GTH130" s="25"/>
      <c r="GTI130" s="25"/>
      <c r="GTJ130" s="25"/>
      <c r="GTK130" s="25"/>
      <c r="GTL130" s="25"/>
      <c r="GTM130" s="25"/>
      <c r="GTN130" s="25"/>
      <c r="GTO130" s="25"/>
      <c r="GTP130" s="25"/>
      <c r="GTQ130" s="25"/>
      <c r="GTR130" s="25"/>
      <c r="GTS130" s="25"/>
      <c r="GTT130" s="25"/>
      <c r="GTU130" s="25"/>
      <c r="GTV130" s="25"/>
      <c r="GTW130" s="25"/>
      <c r="GTX130" s="25"/>
      <c r="GTY130" s="25"/>
      <c r="GTZ130" s="25"/>
      <c r="GUA130" s="25"/>
      <c r="GUB130" s="25"/>
      <c r="GUC130" s="25"/>
      <c r="GUD130" s="25"/>
      <c r="GUE130" s="25"/>
      <c r="GUF130" s="25"/>
      <c r="GUG130" s="25"/>
      <c r="GUH130" s="25"/>
      <c r="GUI130" s="25"/>
      <c r="GUJ130" s="25"/>
      <c r="GUK130" s="25"/>
      <c r="GUL130" s="25"/>
      <c r="GUM130" s="25"/>
      <c r="GUN130" s="25"/>
      <c r="GUO130" s="25"/>
      <c r="GUP130" s="25"/>
      <c r="GUQ130" s="25"/>
      <c r="GUR130" s="25"/>
      <c r="GUS130" s="25"/>
      <c r="GUT130" s="25"/>
      <c r="GUU130" s="25"/>
      <c r="GUV130" s="25"/>
      <c r="GUW130" s="25"/>
      <c r="GUX130" s="25"/>
      <c r="GUY130" s="25"/>
      <c r="GUZ130" s="25"/>
      <c r="GVA130" s="25"/>
      <c r="GVB130" s="25"/>
      <c r="GVC130" s="25"/>
      <c r="GVD130" s="25"/>
      <c r="GVE130" s="25"/>
      <c r="GVF130" s="25"/>
      <c r="GVG130" s="25"/>
      <c r="GVH130" s="25"/>
      <c r="GVI130" s="25"/>
      <c r="GVJ130" s="25"/>
      <c r="GVK130" s="25"/>
      <c r="GVL130" s="25"/>
      <c r="GVM130" s="25"/>
      <c r="GVN130" s="25"/>
      <c r="GVO130" s="25"/>
      <c r="GVP130" s="25"/>
      <c r="GVQ130" s="25"/>
      <c r="GVR130" s="25"/>
      <c r="GVS130" s="25"/>
      <c r="GVT130" s="25"/>
      <c r="GVU130" s="25"/>
      <c r="GVV130" s="25"/>
      <c r="GVW130" s="25"/>
      <c r="GVX130" s="25"/>
      <c r="GVY130" s="25"/>
      <c r="GVZ130" s="25"/>
      <c r="GWA130" s="25"/>
      <c r="GWB130" s="25"/>
      <c r="GWC130" s="25"/>
      <c r="GWD130" s="25"/>
      <c r="GWE130" s="25"/>
      <c r="GWF130" s="25"/>
      <c r="GWG130" s="25"/>
      <c r="GWH130" s="25"/>
      <c r="GWI130" s="25"/>
      <c r="GWJ130" s="25"/>
      <c r="GWK130" s="25"/>
      <c r="GWL130" s="25"/>
      <c r="GWM130" s="25"/>
      <c r="GWN130" s="25"/>
      <c r="GWO130" s="25"/>
      <c r="GWP130" s="25"/>
      <c r="GWQ130" s="25"/>
      <c r="GWR130" s="25"/>
      <c r="GWS130" s="25"/>
      <c r="GWT130" s="25"/>
      <c r="GWU130" s="25"/>
      <c r="GWV130" s="25"/>
      <c r="GWW130" s="25"/>
      <c r="GWX130" s="25"/>
      <c r="GWY130" s="25"/>
      <c r="GWZ130" s="25"/>
      <c r="GXA130" s="25"/>
      <c r="GXB130" s="25"/>
      <c r="GXC130" s="25"/>
      <c r="GXD130" s="25"/>
      <c r="GXE130" s="25"/>
      <c r="GXF130" s="25"/>
      <c r="GXG130" s="25"/>
      <c r="GXH130" s="25"/>
      <c r="GXI130" s="25"/>
      <c r="GXJ130" s="25"/>
      <c r="GXK130" s="25"/>
      <c r="GXL130" s="25"/>
      <c r="GXM130" s="25"/>
      <c r="GXN130" s="25"/>
      <c r="GXO130" s="25"/>
      <c r="GXP130" s="25"/>
      <c r="GXQ130" s="25"/>
      <c r="GXR130" s="25"/>
      <c r="GXS130" s="25"/>
      <c r="GXT130" s="25"/>
      <c r="GXU130" s="25"/>
      <c r="GXV130" s="25"/>
      <c r="GXW130" s="25"/>
      <c r="GXX130" s="25"/>
      <c r="GXY130" s="25"/>
      <c r="GXZ130" s="25"/>
      <c r="GYA130" s="25"/>
      <c r="GYB130" s="25"/>
      <c r="GYC130" s="25"/>
      <c r="GYD130" s="25"/>
      <c r="GYE130" s="25"/>
      <c r="GYF130" s="25"/>
      <c r="GYG130" s="25"/>
      <c r="GYH130" s="25"/>
      <c r="GYI130" s="25"/>
      <c r="GYJ130" s="25"/>
      <c r="GYK130" s="25"/>
      <c r="GYL130" s="25"/>
      <c r="GYM130" s="25"/>
      <c r="GYN130" s="25"/>
      <c r="GYO130" s="25"/>
      <c r="GYP130" s="25"/>
      <c r="GYQ130" s="25"/>
      <c r="GYR130" s="25"/>
      <c r="GYS130" s="25"/>
      <c r="GYT130" s="25"/>
      <c r="GYU130" s="25"/>
      <c r="GYV130" s="25"/>
      <c r="GYW130" s="25"/>
      <c r="GYX130" s="25"/>
      <c r="GYY130" s="25"/>
      <c r="GYZ130" s="25"/>
      <c r="GZA130" s="25"/>
      <c r="GZB130" s="25"/>
      <c r="GZC130" s="25"/>
      <c r="GZD130" s="25"/>
      <c r="GZE130" s="25"/>
      <c r="GZF130" s="25"/>
      <c r="GZG130" s="25"/>
      <c r="GZH130" s="25"/>
      <c r="GZI130" s="25"/>
      <c r="GZJ130" s="25"/>
      <c r="GZK130" s="25"/>
      <c r="GZL130" s="25"/>
      <c r="GZM130" s="25"/>
      <c r="GZN130" s="25"/>
      <c r="GZO130" s="25"/>
      <c r="GZP130" s="25"/>
      <c r="GZQ130" s="25"/>
      <c r="GZR130" s="25"/>
      <c r="GZS130" s="25"/>
      <c r="GZT130" s="25"/>
      <c r="GZU130" s="25"/>
      <c r="GZV130" s="25"/>
      <c r="GZW130" s="25"/>
      <c r="GZX130" s="25"/>
      <c r="GZY130" s="25"/>
      <c r="GZZ130" s="25"/>
      <c r="HAA130" s="25"/>
      <c r="HAB130" s="25"/>
      <c r="HAC130" s="25"/>
      <c r="HAD130" s="25"/>
      <c r="HAE130" s="25"/>
      <c r="HAF130" s="25"/>
      <c r="HAG130" s="25"/>
      <c r="HAH130" s="25"/>
      <c r="HAI130" s="25"/>
      <c r="HAJ130" s="25"/>
      <c r="HAK130" s="25"/>
      <c r="HAL130" s="25"/>
      <c r="HAM130" s="25"/>
      <c r="HAN130" s="25"/>
      <c r="HAO130" s="25"/>
      <c r="HAP130" s="25"/>
      <c r="HAQ130" s="25"/>
      <c r="HAR130" s="25"/>
      <c r="HAS130" s="25"/>
      <c r="HAT130" s="25"/>
      <c r="HAU130" s="25"/>
      <c r="HAV130" s="25"/>
      <c r="HAW130" s="25"/>
      <c r="HAX130" s="25"/>
      <c r="HAY130" s="25"/>
      <c r="HAZ130" s="25"/>
      <c r="HBA130" s="25"/>
      <c r="HBB130" s="25"/>
      <c r="HBC130" s="25"/>
      <c r="HBD130" s="25"/>
      <c r="HBE130" s="25"/>
      <c r="HBF130" s="25"/>
      <c r="HBG130" s="25"/>
      <c r="HBH130" s="25"/>
      <c r="HBI130" s="25"/>
      <c r="HBJ130" s="25"/>
      <c r="HBK130" s="25"/>
      <c r="HBL130" s="25"/>
      <c r="HBM130" s="25"/>
      <c r="HBN130" s="25"/>
      <c r="HBO130" s="25"/>
      <c r="HBP130" s="25"/>
      <c r="HBQ130" s="25"/>
      <c r="HBR130" s="25"/>
      <c r="HBS130" s="25"/>
      <c r="HBT130" s="25"/>
      <c r="HBU130" s="25"/>
      <c r="HBV130" s="25"/>
      <c r="HBW130" s="25"/>
      <c r="HBX130" s="25"/>
      <c r="HBY130" s="25"/>
      <c r="HBZ130" s="25"/>
      <c r="HCA130" s="25"/>
      <c r="HCB130" s="25"/>
      <c r="HCC130" s="25"/>
      <c r="HCD130" s="25"/>
      <c r="HCE130" s="25"/>
      <c r="HCF130" s="25"/>
      <c r="HCG130" s="25"/>
      <c r="HCH130" s="25"/>
      <c r="HCI130" s="25"/>
      <c r="HCJ130" s="25"/>
      <c r="HCK130" s="25"/>
      <c r="HCL130" s="25"/>
      <c r="HCM130" s="25"/>
      <c r="HCN130" s="25"/>
      <c r="HCO130" s="25"/>
      <c r="HCP130" s="25"/>
      <c r="HCQ130" s="25"/>
      <c r="HCR130" s="25"/>
      <c r="HCS130" s="25"/>
      <c r="HCT130" s="25"/>
      <c r="HCU130" s="25"/>
      <c r="HCV130" s="25"/>
      <c r="HCW130" s="25"/>
      <c r="HCX130" s="25"/>
      <c r="HCY130" s="25"/>
      <c r="HCZ130" s="25"/>
      <c r="HDA130" s="25"/>
      <c r="HDB130" s="25"/>
      <c r="HDC130" s="25"/>
      <c r="HDD130" s="25"/>
      <c r="HDE130" s="25"/>
      <c r="HDF130" s="25"/>
      <c r="HDG130" s="25"/>
      <c r="HDH130" s="25"/>
      <c r="HDI130" s="25"/>
      <c r="HDJ130" s="25"/>
      <c r="HDK130" s="25"/>
      <c r="HDL130" s="25"/>
      <c r="HDM130" s="25"/>
      <c r="HDN130" s="25"/>
      <c r="HDO130" s="25"/>
      <c r="HDP130" s="25"/>
      <c r="HDQ130" s="25"/>
      <c r="HDR130" s="25"/>
      <c r="HDS130" s="25"/>
      <c r="HDT130" s="25"/>
      <c r="HDU130" s="25"/>
      <c r="HDV130" s="25"/>
      <c r="HDW130" s="25"/>
      <c r="HDX130" s="25"/>
      <c r="HDY130" s="25"/>
      <c r="HDZ130" s="25"/>
      <c r="HEA130" s="25"/>
      <c r="HEB130" s="25"/>
      <c r="HEC130" s="25"/>
      <c r="HED130" s="25"/>
      <c r="HEE130" s="25"/>
      <c r="HEF130" s="25"/>
      <c r="HEG130" s="25"/>
      <c r="HEH130" s="25"/>
      <c r="HEI130" s="25"/>
      <c r="HEJ130" s="25"/>
      <c r="HEK130" s="25"/>
      <c r="HEL130" s="25"/>
      <c r="HEM130" s="25"/>
      <c r="HEN130" s="25"/>
      <c r="HEO130" s="25"/>
      <c r="HEP130" s="25"/>
      <c r="HEQ130" s="25"/>
      <c r="HER130" s="25"/>
      <c r="HES130" s="25"/>
      <c r="HET130" s="25"/>
      <c r="HEU130" s="25"/>
      <c r="HEV130" s="25"/>
      <c r="HEW130" s="25"/>
      <c r="HEX130" s="25"/>
      <c r="HEY130" s="25"/>
      <c r="HEZ130" s="25"/>
      <c r="HFA130" s="25"/>
      <c r="HFB130" s="25"/>
      <c r="HFC130" s="25"/>
      <c r="HFD130" s="25"/>
      <c r="HFE130" s="25"/>
      <c r="HFF130" s="25"/>
      <c r="HFG130" s="25"/>
      <c r="HFH130" s="25"/>
      <c r="HFI130" s="25"/>
      <c r="HFJ130" s="25"/>
      <c r="HFK130" s="25"/>
      <c r="HFL130" s="25"/>
      <c r="HFM130" s="25"/>
      <c r="HFN130" s="25"/>
      <c r="HFO130" s="25"/>
      <c r="HFP130" s="25"/>
      <c r="HFQ130" s="25"/>
      <c r="HFR130" s="25"/>
      <c r="HFS130" s="25"/>
      <c r="HFT130" s="25"/>
      <c r="HFU130" s="25"/>
      <c r="HFV130" s="25"/>
      <c r="HFW130" s="25"/>
      <c r="HFX130" s="25"/>
      <c r="HFY130" s="25"/>
      <c r="HFZ130" s="25"/>
      <c r="HGA130" s="25"/>
      <c r="HGB130" s="25"/>
      <c r="HGC130" s="25"/>
      <c r="HGD130" s="25"/>
      <c r="HGE130" s="25"/>
      <c r="HGF130" s="25"/>
      <c r="HGG130" s="25"/>
      <c r="HGH130" s="25"/>
      <c r="HGI130" s="25"/>
      <c r="HGJ130" s="25"/>
      <c r="HGK130" s="25"/>
      <c r="HGL130" s="25"/>
      <c r="HGM130" s="25"/>
      <c r="HGN130" s="25"/>
      <c r="HGO130" s="25"/>
      <c r="HGP130" s="25"/>
      <c r="HGQ130" s="25"/>
      <c r="HGR130" s="25"/>
      <c r="HGS130" s="25"/>
      <c r="HGT130" s="25"/>
      <c r="HGU130" s="25"/>
      <c r="HGV130" s="25"/>
      <c r="HGW130" s="25"/>
      <c r="HGX130" s="25"/>
      <c r="HGY130" s="25"/>
      <c r="HGZ130" s="25"/>
      <c r="HHA130" s="25"/>
      <c r="HHB130" s="25"/>
      <c r="HHC130" s="25"/>
      <c r="HHD130" s="25"/>
      <c r="HHE130" s="25"/>
      <c r="HHF130" s="25"/>
      <c r="HHG130" s="25"/>
      <c r="HHH130" s="25"/>
      <c r="HHI130" s="25"/>
      <c r="HHJ130" s="25"/>
      <c r="HHK130" s="25"/>
      <c r="HHL130" s="25"/>
      <c r="HHM130" s="25"/>
      <c r="HHN130" s="25"/>
      <c r="HHO130" s="25"/>
      <c r="HHP130" s="25"/>
      <c r="HHQ130" s="25"/>
      <c r="HHR130" s="25"/>
      <c r="HHS130" s="25"/>
      <c r="HHT130" s="25"/>
      <c r="HHU130" s="25"/>
      <c r="HHV130" s="25"/>
      <c r="HHW130" s="25"/>
      <c r="HHX130" s="25"/>
      <c r="HHY130" s="25"/>
      <c r="HHZ130" s="25"/>
      <c r="HIA130" s="25"/>
      <c r="HIB130" s="25"/>
      <c r="HIC130" s="25"/>
      <c r="HID130" s="25"/>
      <c r="HIE130" s="25"/>
      <c r="HIF130" s="25"/>
      <c r="HIG130" s="25"/>
      <c r="HIH130" s="25"/>
      <c r="HII130" s="25"/>
      <c r="HIJ130" s="25"/>
      <c r="HIK130" s="25"/>
      <c r="HIL130" s="25"/>
      <c r="HIM130" s="25"/>
      <c r="HIN130" s="25"/>
      <c r="HIO130" s="25"/>
      <c r="HIP130" s="25"/>
      <c r="HIQ130" s="25"/>
      <c r="HIR130" s="25"/>
      <c r="HIS130" s="25"/>
      <c r="HIT130" s="25"/>
      <c r="HIU130" s="25"/>
      <c r="HIV130" s="25"/>
      <c r="HIW130" s="25"/>
      <c r="HIX130" s="25"/>
      <c r="HIY130" s="25"/>
      <c r="HIZ130" s="25"/>
      <c r="HJA130" s="25"/>
      <c r="HJB130" s="25"/>
      <c r="HJC130" s="25"/>
      <c r="HJD130" s="25"/>
      <c r="HJE130" s="25"/>
      <c r="HJF130" s="25"/>
      <c r="HJG130" s="25"/>
      <c r="HJH130" s="25"/>
      <c r="HJI130" s="25"/>
      <c r="HJJ130" s="25"/>
      <c r="HJK130" s="25"/>
      <c r="HJL130" s="25"/>
      <c r="HJM130" s="25"/>
      <c r="HJN130" s="25"/>
      <c r="HJO130" s="25"/>
      <c r="HJP130" s="25"/>
      <c r="HJQ130" s="25"/>
      <c r="HJR130" s="25"/>
      <c r="HJS130" s="25"/>
      <c r="HJT130" s="25"/>
      <c r="HJU130" s="25"/>
      <c r="HJV130" s="25"/>
      <c r="HJW130" s="25"/>
      <c r="HJX130" s="25"/>
      <c r="HJY130" s="25"/>
      <c r="HJZ130" s="25"/>
      <c r="HKA130" s="25"/>
      <c r="HKB130" s="25"/>
      <c r="HKC130" s="25"/>
      <c r="HKD130" s="25"/>
      <c r="HKE130" s="25"/>
      <c r="HKF130" s="25"/>
      <c r="HKG130" s="25"/>
      <c r="HKH130" s="25"/>
      <c r="HKI130" s="25"/>
      <c r="HKJ130" s="25"/>
      <c r="HKK130" s="25"/>
      <c r="HKL130" s="25"/>
      <c r="HKM130" s="25"/>
      <c r="HKN130" s="25"/>
      <c r="HKO130" s="25"/>
      <c r="HKP130" s="25"/>
      <c r="HKQ130" s="25"/>
      <c r="HKR130" s="25"/>
      <c r="HKS130" s="25"/>
      <c r="HKT130" s="25"/>
      <c r="HKU130" s="25"/>
      <c r="HKV130" s="25"/>
      <c r="HKW130" s="25"/>
      <c r="HKX130" s="25"/>
      <c r="HKY130" s="25"/>
      <c r="HKZ130" s="25"/>
      <c r="HLA130" s="25"/>
      <c r="HLB130" s="25"/>
      <c r="HLC130" s="25"/>
      <c r="HLD130" s="25"/>
      <c r="HLE130" s="25"/>
      <c r="HLF130" s="25"/>
      <c r="HLG130" s="25"/>
      <c r="HLH130" s="25"/>
      <c r="HLI130" s="25"/>
      <c r="HLJ130" s="25"/>
      <c r="HLK130" s="25"/>
      <c r="HLL130" s="25"/>
      <c r="HLM130" s="25"/>
      <c r="HLN130" s="25"/>
      <c r="HLO130" s="25"/>
      <c r="HLP130" s="25"/>
      <c r="HLQ130" s="25"/>
      <c r="HLR130" s="25"/>
      <c r="HLS130" s="25"/>
      <c r="HLT130" s="25"/>
      <c r="HLU130" s="25"/>
      <c r="HLV130" s="25"/>
      <c r="HLW130" s="25"/>
      <c r="HLX130" s="25"/>
      <c r="HLY130" s="25"/>
      <c r="HLZ130" s="25"/>
      <c r="HMA130" s="25"/>
      <c r="HMB130" s="25"/>
      <c r="HMC130" s="25"/>
      <c r="HMD130" s="25"/>
      <c r="HME130" s="25"/>
      <c r="HMF130" s="25"/>
      <c r="HMG130" s="25"/>
      <c r="HMH130" s="25"/>
      <c r="HMI130" s="25"/>
      <c r="HMJ130" s="25"/>
      <c r="HMK130" s="25"/>
      <c r="HML130" s="25"/>
      <c r="HMM130" s="25"/>
      <c r="HMN130" s="25"/>
      <c r="HMO130" s="25"/>
      <c r="HMP130" s="25"/>
      <c r="HMQ130" s="25"/>
      <c r="HMR130" s="25"/>
      <c r="HMS130" s="25"/>
      <c r="HMT130" s="25"/>
      <c r="HMU130" s="25"/>
      <c r="HMV130" s="25"/>
      <c r="HMW130" s="25"/>
      <c r="HMX130" s="25"/>
      <c r="HMY130" s="25"/>
      <c r="HMZ130" s="25"/>
      <c r="HNA130" s="25"/>
      <c r="HNB130" s="25"/>
      <c r="HNC130" s="25"/>
      <c r="HND130" s="25"/>
      <c r="HNE130" s="25"/>
      <c r="HNF130" s="25"/>
      <c r="HNG130" s="25"/>
      <c r="HNH130" s="25"/>
      <c r="HNI130" s="25"/>
      <c r="HNJ130" s="25"/>
      <c r="HNK130" s="25"/>
      <c r="HNL130" s="25"/>
      <c r="HNM130" s="25"/>
      <c r="HNN130" s="25"/>
      <c r="HNO130" s="25"/>
      <c r="HNP130" s="25"/>
      <c r="HNQ130" s="25"/>
      <c r="HNR130" s="25"/>
      <c r="HNS130" s="25"/>
      <c r="HNT130" s="25"/>
      <c r="HNU130" s="25"/>
      <c r="HNV130" s="25"/>
      <c r="HNW130" s="25"/>
      <c r="HNX130" s="25"/>
      <c r="HNY130" s="25"/>
      <c r="HNZ130" s="25"/>
      <c r="HOA130" s="25"/>
      <c r="HOB130" s="25"/>
      <c r="HOC130" s="25"/>
      <c r="HOD130" s="25"/>
      <c r="HOE130" s="25"/>
      <c r="HOF130" s="25"/>
      <c r="HOG130" s="25"/>
      <c r="HOH130" s="25"/>
      <c r="HOI130" s="25"/>
      <c r="HOJ130" s="25"/>
      <c r="HOK130" s="25"/>
      <c r="HOL130" s="25"/>
      <c r="HOM130" s="25"/>
      <c r="HON130" s="25"/>
      <c r="HOO130" s="25"/>
      <c r="HOP130" s="25"/>
      <c r="HOQ130" s="25"/>
      <c r="HOR130" s="25"/>
      <c r="HOS130" s="25"/>
      <c r="HOT130" s="25"/>
      <c r="HOU130" s="25"/>
      <c r="HOV130" s="25"/>
      <c r="HOW130" s="25"/>
      <c r="HOX130" s="25"/>
      <c r="HOY130" s="25"/>
      <c r="HOZ130" s="25"/>
      <c r="HPA130" s="25"/>
      <c r="HPB130" s="25"/>
      <c r="HPC130" s="25"/>
      <c r="HPD130" s="25"/>
      <c r="HPE130" s="25"/>
      <c r="HPF130" s="25"/>
      <c r="HPG130" s="25"/>
      <c r="HPH130" s="25"/>
      <c r="HPI130" s="25"/>
      <c r="HPJ130" s="25"/>
      <c r="HPK130" s="25"/>
      <c r="HPL130" s="25"/>
      <c r="HPM130" s="25"/>
      <c r="HPN130" s="25"/>
      <c r="HPO130" s="25"/>
      <c r="HPP130" s="25"/>
      <c r="HPQ130" s="25"/>
      <c r="HPR130" s="25"/>
      <c r="HPS130" s="25"/>
      <c r="HPT130" s="25"/>
      <c r="HPU130" s="25"/>
      <c r="HPV130" s="25"/>
      <c r="HPW130" s="25"/>
      <c r="HPX130" s="25"/>
      <c r="HPY130" s="25"/>
      <c r="HPZ130" s="25"/>
      <c r="HQA130" s="25"/>
      <c r="HQB130" s="25"/>
      <c r="HQC130" s="25"/>
      <c r="HQD130" s="25"/>
      <c r="HQE130" s="25"/>
      <c r="HQF130" s="25"/>
      <c r="HQG130" s="25"/>
      <c r="HQH130" s="25"/>
      <c r="HQI130" s="25"/>
      <c r="HQJ130" s="25"/>
      <c r="HQK130" s="25"/>
      <c r="HQL130" s="25"/>
      <c r="HQM130" s="25"/>
      <c r="HQN130" s="25"/>
      <c r="HQO130" s="25"/>
      <c r="HQP130" s="25"/>
      <c r="HQQ130" s="25"/>
      <c r="HQR130" s="25"/>
      <c r="HQS130" s="25"/>
      <c r="HQT130" s="25"/>
      <c r="HQU130" s="25"/>
      <c r="HQV130" s="25"/>
      <c r="HQW130" s="25"/>
      <c r="HQX130" s="25"/>
      <c r="HQY130" s="25"/>
      <c r="HQZ130" s="25"/>
      <c r="HRA130" s="25"/>
      <c r="HRB130" s="25"/>
      <c r="HRC130" s="25"/>
      <c r="HRD130" s="25"/>
      <c r="HRE130" s="25"/>
      <c r="HRF130" s="25"/>
      <c r="HRG130" s="25"/>
      <c r="HRH130" s="25"/>
      <c r="HRI130" s="25"/>
      <c r="HRJ130" s="25"/>
      <c r="HRK130" s="25"/>
      <c r="HRL130" s="25"/>
      <c r="HRM130" s="25"/>
      <c r="HRN130" s="25"/>
      <c r="HRO130" s="25"/>
      <c r="HRP130" s="25"/>
      <c r="HRQ130" s="25"/>
      <c r="HRR130" s="25"/>
      <c r="HRS130" s="25"/>
      <c r="HRT130" s="25"/>
      <c r="HRU130" s="25"/>
      <c r="HRV130" s="25"/>
      <c r="HRW130" s="25"/>
      <c r="HRX130" s="25"/>
      <c r="HRY130" s="25"/>
      <c r="HRZ130" s="25"/>
      <c r="HSA130" s="25"/>
      <c r="HSB130" s="25"/>
      <c r="HSC130" s="25"/>
      <c r="HSD130" s="25"/>
      <c r="HSE130" s="25"/>
      <c r="HSF130" s="25"/>
      <c r="HSG130" s="25"/>
      <c r="HSH130" s="25"/>
      <c r="HSI130" s="25"/>
      <c r="HSJ130" s="25"/>
      <c r="HSK130" s="25"/>
      <c r="HSL130" s="25"/>
      <c r="HSM130" s="25"/>
      <c r="HSN130" s="25"/>
      <c r="HSO130" s="25"/>
      <c r="HSP130" s="25"/>
      <c r="HSQ130" s="25"/>
      <c r="HSR130" s="25"/>
      <c r="HSS130" s="25"/>
      <c r="HST130" s="25"/>
      <c r="HSU130" s="25"/>
      <c r="HSV130" s="25"/>
      <c r="HSW130" s="25"/>
      <c r="HSX130" s="25"/>
      <c r="HSY130" s="25"/>
      <c r="HSZ130" s="25"/>
      <c r="HTA130" s="25"/>
      <c r="HTB130" s="25"/>
      <c r="HTC130" s="25"/>
      <c r="HTD130" s="25"/>
      <c r="HTE130" s="25"/>
      <c r="HTF130" s="25"/>
      <c r="HTG130" s="25"/>
      <c r="HTH130" s="25"/>
      <c r="HTI130" s="25"/>
      <c r="HTJ130" s="25"/>
      <c r="HTK130" s="25"/>
      <c r="HTL130" s="25"/>
      <c r="HTM130" s="25"/>
      <c r="HTN130" s="25"/>
      <c r="HTO130" s="25"/>
      <c r="HTP130" s="25"/>
      <c r="HTQ130" s="25"/>
      <c r="HTR130" s="25"/>
      <c r="HTS130" s="25"/>
      <c r="HTT130" s="25"/>
      <c r="HTU130" s="25"/>
      <c r="HTV130" s="25"/>
      <c r="HTW130" s="25"/>
      <c r="HTX130" s="25"/>
      <c r="HTY130" s="25"/>
      <c r="HTZ130" s="25"/>
      <c r="HUA130" s="25"/>
      <c r="HUB130" s="25"/>
      <c r="HUC130" s="25"/>
      <c r="HUD130" s="25"/>
      <c r="HUE130" s="25"/>
      <c r="HUF130" s="25"/>
      <c r="HUG130" s="25"/>
      <c r="HUH130" s="25"/>
      <c r="HUI130" s="25"/>
      <c r="HUJ130" s="25"/>
      <c r="HUK130" s="25"/>
      <c r="HUL130" s="25"/>
      <c r="HUM130" s="25"/>
      <c r="HUN130" s="25"/>
      <c r="HUO130" s="25"/>
      <c r="HUP130" s="25"/>
      <c r="HUQ130" s="25"/>
      <c r="HUR130" s="25"/>
      <c r="HUS130" s="25"/>
      <c r="HUT130" s="25"/>
      <c r="HUU130" s="25"/>
      <c r="HUV130" s="25"/>
      <c r="HUW130" s="25"/>
      <c r="HUX130" s="25"/>
      <c r="HUY130" s="25"/>
      <c r="HUZ130" s="25"/>
      <c r="HVA130" s="25"/>
      <c r="HVB130" s="25"/>
      <c r="HVC130" s="25"/>
      <c r="HVD130" s="25"/>
      <c r="HVE130" s="25"/>
      <c r="HVF130" s="25"/>
      <c r="HVG130" s="25"/>
      <c r="HVH130" s="25"/>
      <c r="HVI130" s="25"/>
      <c r="HVJ130" s="25"/>
      <c r="HVK130" s="25"/>
      <c r="HVL130" s="25"/>
      <c r="HVM130" s="25"/>
      <c r="HVN130" s="25"/>
      <c r="HVO130" s="25"/>
      <c r="HVP130" s="25"/>
      <c r="HVQ130" s="25"/>
      <c r="HVR130" s="25"/>
      <c r="HVS130" s="25"/>
      <c r="HVT130" s="25"/>
      <c r="HVU130" s="25"/>
      <c r="HVV130" s="25"/>
      <c r="HVW130" s="25"/>
      <c r="HVX130" s="25"/>
      <c r="HVY130" s="25"/>
      <c r="HVZ130" s="25"/>
      <c r="HWA130" s="25"/>
      <c r="HWB130" s="25"/>
      <c r="HWC130" s="25"/>
      <c r="HWD130" s="25"/>
      <c r="HWE130" s="25"/>
      <c r="HWF130" s="25"/>
      <c r="HWG130" s="25"/>
      <c r="HWH130" s="25"/>
      <c r="HWI130" s="25"/>
      <c r="HWJ130" s="25"/>
      <c r="HWK130" s="25"/>
      <c r="HWL130" s="25"/>
      <c r="HWM130" s="25"/>
      <c r="HWN130" s="25"/>
      <c r="HWO130" s="25"/>
      <c r="HWP130" s="25"/>
      <c r="HWQ130" s="25"/>
      <c r="HWR130" s="25"/>
      <c r="HWS130" s="25"/>
      <c r="HWT130" s="25"/>
      <c r="HWU130" s="25"/>
      <c r="HWV130" s="25"/>
      <c r="HWW130" s="25"/>
      <c r="HWX130" s="25"/>
      <c r="HWY130" s="25"/>
      <c r="HWZ130" s="25"/>
      <c r="HXA130" s="25"/>
      <c r="HXB130" s="25"/>
      <c r="HXC130" s="25"/>
      <c r="HXD130" s="25"/>
      <c r="HXE130" s="25"/>
      <c r="HXF130" s="25"/>
      <c r="HXG130" s="25"/>
      <c r="HXH130" s="25"/>
      <c r="HXI130" s="25"/>
      <c r="HXJ130" s="25"/>
      <c r="HXK130" s="25"/>
      <c r="HXL130" s="25"/>
      <c r="HXM130" s="25"/>
      <c r="HXN130" s="25"/>
      <c r="HXO130" s="25"/>
      <c r="HXP130" s="25"/>
      <c r="HXQ130" s="25"/>
      <c r="HXR130" s="25"/>
      <c r="HXS130" s="25"/>
      <c r="HXT130" s="25"/>
      <c r="HXU130" s="25"/>
      <c r="HXV130" s="25"/>
      <c r="HXW130" s="25"/>
      <c r="HXX130" s="25"/>
      <c r="HXY130" s="25"/>
      <c r="HXZ130" s="25"/>
      <c r="HYA130" s="25"/>
      <c r="HYB130" s="25"/>
      <c r="HYC130" s="25"/>
      <c r="HYD130" s="25"/>
      <c r="HYE130" s="25"/>
      <c r="HYF130" s="25"/>
      <c r="HYG130" s="25"/>
      <c r="HYH130" s="25"/>
      <c r="HYI130" s="25"/>
      <c r="HYJ130" s="25"/>
      <c r="HYK130" s="25"/>
      <c r="HYL130" s="25"/>
      <c r="HYM130" s="25"/>
      <c r="HYN130" s="25"/>
      <c r="HYO130" s="25"/>
      <c r="HYP130" s="25"/>
      <c r="HYQ130" s="25"/>
      <c r="HYR130" s="25"/>
      <c r="HYS130" s="25"/>
      <c r="HYT130" s="25"/>
      <c r="HYU130" s="25"/>
      <c r="HYV130" s="25"/>
      <c r="HYW130" s="25"/>
      <c r="HYX130" s="25"/>
      <c r="HYY130" s="25"/>
      <c r="HYZ130" s="25"/>
      <c r="HZA130" s="25"/>
      <c r="HZB130" s="25"/>
      <c r="HZC130" s="25"/>
      <c r="HZD130" s="25"/>
      <c r="HZE130" s="25"/>
      <c r="HZF130" s="25"/>
      <c r="HZG130" s="25"/>
      <c r="HZH130" s="25"/>
      <c r="HZI130" s="25"/>
      <c r="HZJ130" s="25"/>
      <c r="HZK130" s="25"/>
      <c r="HZL130" s="25"/>
      <c r="HZM130" s="25"/>
      <c r="HZN130" s="25"/>
      <c r="HZO130" s="25"/>
      <c r="HZP130" s="25"/>
      <c r="HZQ130" s="25"/>
      <c r="HZR130" s="25"/>
      <c r="HZS130" s="25"/>
      <c r="HZT130" s="25"/>
      <c r="HZU130" s="25"/>
      <c r="HZV130" s="25"/>
      <c r="HZW130" s="25"/>
      <c r="HZX130" s="25"/>
      <c r="HZY130" s="25"/>
      <c r="HZZ130" s="25"/>
      <c r="IAA130" s="25"/>
      <c r="IAB130" s="25"/>
      <c r="IAC130" s="25"/>
      <c r="IAD130" s="25"/>
      <c r="IAE130" s="25"/>
      <c r="IAF130" s="25"/>
      <c r="IAG130" s="25"/>
      <c r="IAH130" s="25"/>
      <c r="IAI130" s="25"/>
      <c r="IAJ130" s="25"/>
      <c r="IAK130" s="25"/>
      <c r="IAL130" s="25"/>
      <c r="IAM130" s="25"/>
      <c r="IAN130" s="25"/>
      <c r="IAO130" s="25"/>
      <c r="IAP130" s="25"/>
      <c r="IAQ130" s="25"/>
      <c r="IAR130" s="25"/>
      <c r="IAS130" s="25"/>
      <c r="IAT130" s="25"/>
      <c r="IAU130" s="25"/>
      <c r="IAV130" s="25"/>
      <c r="IAW130" s="25"/>
      <c r="IAX130" s="25"/>
      <c r="IAY130" s="25"/>
      <c r="IAZ130" s="25"/>
      <c r="IBA130" s="25"/>
      <c r="IBB130" s="25"/>
      <c r="IBC130" s="25"/>
      <c r="IBD130" s="25"/>
      <c r="IBE130" s="25"/>
      <c r="IBF130" s="25"/>
      <c r="IBG130" s="25"/>
      <c r="IBH130" s="25"/>
      <c r="IBI130" s="25"/>
      <c r="IBJ130" s="25"/>
      <c r="IBK130" s="25"/>
      <c r="IBL130" s="25"/>
      <c r="IBM130" s="25"/>
      <c r="IBN130" s="25"/>
      <c r="IBO130" s="25"/>
      <c r="IBP130" s="25"/>
      <c r="IBQ130" s="25"/>
      <c r="IBR130" s="25"/>
      <c r="IBS130" s="25"/>
      <c r="IBT130" s="25"/>
      <c r="IBU130" s="25"/>
      <c r="IBV130" s="25"/>
      <c r="IBW130" s="25"/>
      <c r="IBX130" s="25"/>
      <c r="IBY130" s="25"/>
      <c r="IBZ130" s="25"/>
      <c r="ICA130" s="25"/>
      <c r="ICB130" s="25"/>
      <c r="ICC130" s="25"/>
      <c r="ICD130" s="25"/>
      <c r="ICE130" s="25"/>
      <c r="ICF130" s="25"/>
      <c r="ICG130" s="25"/>
      <c r="ICH130" s="25"/>
      <c r="ICI130" s="25"/>
      <c r="ICJ130" s="25"/>
      <c r="ICK130" s="25"/>
      <c r="ICL130" s="25"/>
      <c r="ICM130" s="25"/>
      <c r="ICN130" s="25"/>
      <c r="ICO130" s="25"/>
      <c r="ICP130" s="25"/>
      <c r="ICQ130" s="25"/>
      <c r="ICR130" s="25"/>
      <c r="ICS130" s="25"/>
      <c r="ICT130" s="25"/>
      <c r="ICU130" s="25"/>
      <c r="ICV130" s="25"/>
      <c r="ICW130" s="25"/>
      <c r="ICX130" s="25"/>
      <c r="ICY130" s="25"/>
      <c r="ICZ130" s="25"/>
      <c r="IDA130" s="25"/>
      <c r="IDB130" s="25"/>
      <c r="IDC130" s="25"/>
      <c r="IDD130" s="25"/>
      <c r="IDE130" s="25"/>
      <c r="IDF130" s="25"/>
      <c r="IDG130" s="25"/>
      <c r="IDH130" s="25"/>
      <c r="IDI130" s="25"/>
      <c r="IDJ130" s="25"/>
      <c r="IDK130" s="25"/>
      <c r="IDL130" s="25"/>
      <c r="IDM130" s="25"/>
      <c r="IDN130" s="25"/>
      <c r="IDO130" s="25"/>
      <c r="IDP130" s="25"/>
      <c r="IDQ130" s="25"/>
      <c r="IDR130" s="25"/>
      <c r="IDS130" s="25"/>
      <c r="IDT130" s="25"/>
      <c r="IDU130" s="25"/>
      <c r="IDV130" s="25"/>
      <c r="IDW130" s="25"/>
      <c r="IDX130" s="25"/>
      <c r="IDY130" s="25"/>
      <c r="IDZ130" s="25"/>
      <c r="IEA130" s="25"/>
      <c r="IEB130" s="25"/>
      <c r="IEC130" s="25"/>
      <c r="IED130" s="25"/>
      <c r="IEE130" s="25"/>
      <c r="IEF130" s="25"/>
      <c r="IEG130" s="25"/>
      <c r="IEH130" s="25"/>
      <c r="IEI130" s="25"/>
      <c r="IEJ130" s="25"/>
      <c r="IEK130" s="25"/>
      <c r="IEL130" s="25"/>
      <c r="IEM130" s="25"/>
      <c r="IEN130" s="25"/>
      <c r="IEO130" s="25"/>
      <c r="IEP130" s="25"/>
      <c r="IEQ130" s="25"/>
      <c r="IER130" s="25"/>
      <c r="IES130" s="25"/>
      <c r="IET130" s="25"/>
      <c r="IEU130" s="25"/>
      <c r="IEV130" s="25"/>
      <c r="IEW130" s="25"/>
      <c r="IEX130" s="25"/>
      <c r="IEY130" s="25"/>
      <c r="IEZ130" s="25"/>
      <c r="IFA130" s="25"/>
      <c r="IFB130" s="25"/>
      <c r="IFC130" s="25"/>
      <c r="IFD130" s="25"/>
      <c r="IFE130" s="25"/>
      <c r="IFF130" s="25"/>
      <c r="IFG130" s="25"/>
      <c r="IFH130" s="25"/>
      <c r="IFI130" s="25"/>
      <c r="IFJ130" s="25"/>
      <c r="IFK130" s="25"/>
      <c r="IFL130" s="25"/>
      <c r="IFM130" s="25"/>
      <c r="IFN130" s="25"/>
      <c r="IFO130" s="25"/>
      <c r="IFP130" s="25"/>
      <c r="IFQ130" s="25"/>
      <c r="IFR130" s="25"/>
      <c r="IFS130" s="25"/>
      <c r="IFT130" s="25"/>
      <c r="IFU130" s="25"/>
      <c r="IFV130" s="25"/>
      <c r="IFW130" s="25"/>
      <c r="IFX130" s="25"/>
      <c r="IFY130" s="25"/>
      <c r="IFZ130" s="25"/>
      <c r="IGA130" s="25"/>
      <c r="IGB130" s="25"/>
      <c r="IGC130" s="25"/>
      <c r="IGD130" s="25"/>
      <c r="IGE130" s="25"/>
      <c r="IGF130" s="25"/>
      <c r="IGG130" s="25"/>
      <c r="IGH130" s="25"/>
      <c r="IGI130" s="25"/>
      <c r="IGJ130" s="25"/>
      <c r="IGK130" s="25"/>
      <c r="IGL130" s="25"/>
      <c r="IGM130" s="25"/>
      <c r="IGN130" s="25"/>
      <c r="IGO130" s="25"/>
      <c r="IGP130" s="25"/>
      <c r="IGQ130" s="25"/>
      <c r="IGR130" s="25"/>
      <c r="IGS130" s="25"/>
      <c r="IGT130" s="25"/>
      <c r="IGU130" s="25"/>
      <c r="IGV130" s="25"/>
      <c r="IGW130" s="25"/>
      <c r="IGX130" s="25"/>
      <c r="IGY130" s="25"/>
      <c r="IGZ130" s="25"/>
      <c r="IHA130" s="25"/>
      <c r="IHB130" s="25"/>
      <c r="IHC130" s="25"/>
      <c r="IHD130" s="25"/>
      <c r="IHE130" s="25"/>
      <c r="IHF130" s="25"/>
      <c r="IHG130" s="25"/>
      <c r="IHH130" s="25"/>
      <c r="IHI130" s="25"/>
      <c r="IHJ130" s="25"/>
      <c r="IHK130" s="25"/>
      <c r="IHL130" s="25"/>
      <c r="IHM130" s="25"/>
      <c r="IHN130" s="25"/>
      <c r="IHO130" s="25"/>
      <c r="IHP130" s="25"/>
      <c r="IHQ130" s="25"/>
      <c r="IHR130" s="25"/>
      <c r="IHS130" s="25"/>
      <c r="IHT130" s="25"/>
      <c r="IHU130" s="25"/>
      <c r="IHV130" s="25"/>
      <c r="IHW130" s="25"/>
      <c r="IHX130" s="25"/>
      <c r="IHY130" s="25"/>
      <c r="IHZ130" s="25"/>
      <c r="IIA130" s="25"/>
      <c r="IIB130" s="25"/>
      <c r="IIC130" s="25"/>
      <c r="IID130" s="25"/>
      <c r="IIE130" s="25"/>
      <c r="IIF130" s="25"/>
      <c r="IIG130" s="25"/>
      <c r="IIH130" s="25"/>
      <c r="III130" s="25"/>
      <c r="IIJ130" s="25"/>
      <c r="IIK130" s="25"/>
      <c r="IIL130" s="25"/>
      <c r="IIM130" s="25"/>
      <c r="IIN130" s="25"/>
      <c r="IIO130" s="25"/>
      <c r="IIP130" s="25"/>
      <c r="IIQ130" s="25"/>
      <c r="IIR130" s="25"/>
      <c r="IIS130" s="25"/>
      <c r="IIT130" s="25"/>
      <c r="IIU130" s="25"/>
      <c r="IIV130" s="25"/>
      <c r="IIW130" s="25"/>
      <c r="IIX130" s="25"/>
      <c r="IIY130" s="25"/>
      <c r="IIZ130" s="25"/>
      <c r="IJA130" s="25"/>
      <c r="IJB130" s="25"/>
      <c r="IJC130" s="25"/>
      <c r="IJD130" s="25"/>
      <c r="IJE130" s="25"/>
      <c r="IJF130" s="25"/>
      <c r="IJG130" s="25"/>
      <c r="IJH130" s="25"/>
      <c r="IJI130" s="25"/>
      <c r="IJJ130" s="25"/>
      <c r="IJK130" s="25"/>
      <c r="IJL130" s="25"/>
      <c r="IJM130" s="25"/>
      <c r="IJN130" s="25"/>
      <c r="IJO130" s="25"/>
      <c r="IJP130" s="25"/>
      <c r="IJQ130" s="25"/>
      <c r="IJR130" s="25"/>
      <c r="IJS130" s="25"/>
      <c r="IJT130" s="25"/>
      <c r="IJU130" s="25"/>
      <c r="IJV130" s="25"/>
      <c r="IJW130" s="25"/>
      <c r="IJX130" s="25"/>
      <c r="IJY130" s="25"/>
      <c r="IJZ130" s="25"/>
      <c r="IKA130" s="25"/>
      <c r="IKB130" s="25"/>
      <c r="IKC130" s="25"/>
      <c r="IKD130" s="25"/>
      <c r="IKE130" s="25"/>
      <c r="IKF130" s="25"/>
      <c r="IKG130" s="25"/>
      <c r="IKH130" s="25"/>
      <c r="IKI130" s="25"/>
      <c r="IKJ130" s="25"/>
      <c r="IKK130" s="25"/>
      <c r="IKL130" s="25"/>
      <c r="IKM130" s="25"/>
      <c r="IKN130" s="25"/>
      <c r="IKO130" s="25"/>
      <c r="IKP130" s="25"/>
      <c r="IKQ130" s="25"/>
      <c r="IKR130" s="25"/>
      <c r="IKS130" s="25"/>
      <c r="IKT130" s="25"/>
      <c r="IKU130" s="25"/>
      <c r="IKV130" s="25"/>
      <c r="IKW130" s="25"/>
      <c r="IKX130" s="25"/>
      <c r="IKY130" s="25"/>
      <c r="IKZ130" s="25"/>
      <c r="ILA130" s="25"/>
      <c r="ILB130" s="25"/>
      <c r="ILC130" s="25"/>
      <c r="ILD130" s="25"/>
      <c r="ILE130" s="25"/>
      <c r="ILF130" s="25"/>
      <c r="ILG130" s="25"/>
      <c r="ILH130" s="25"/>
      <c r="ILI130" s="25"/>
      <c r="ILJ130" s="25"/>
      <c r="ILK130" s="25"/>
      <c r="ILL130" s="25"/>
      <c r="ILM130" s="25"/>
      <c r="ILN130" s="25"/>
      <c r="ILO130" s="25"/>
      <c r="ILP130" s="25"/>
      <c r="ILQ130" s="25"/>
      <c r="ILR130" s="25"/>
      <c r="ILS130" s="25"/>
      <c r="ILT130" s="25"/>
      <c r="ILU130" s="25"/>
      <c r="ILV130" s="25"/>
      <c r="ILW130" s="25"/>
      <c r="ILX130" s="25"/>
      <c r="ILY130" s="25"/>
      <c r="ILZ130" s="25"/>
      <c r="IMA130" s="25"/>
      <c r="IMB130" s="25"/>
      <c r="IMC130" s="25"/>
      <c r="IMD130" s="25"/>
      <c r="IME130" s="25"/>
      <c r="IMF130" s="25"/>
      <c r="IMG130" s="25"/>
      <c r="IMH130" s="25"/>
      <c r="IMI130" s="25"/>
      <c r="IMJ130" s="25"/>
      <c r="IMK130" s="25"/>
      <c r="IML130" s="25"/>
      <c r="IMM130" s="25"/>
      <c r="IMN130" s="25"/>
      <c r="IMO130" s="25"/>
      <c r="IMP130" s="25"/>
      <c r="IMQ130" s="25"/>
      <c r="IMR130" s="25"/>
      <c r="IMS130" s="25"/>
      <c r="IMT130" s="25"/>
      <c r="IMU130" s="25"/>
      <c r="IMV130" s="25"/>
      <c r="IMW130" s="25"/>
      <c r="IMX130" s="25"/>
      <c r="IMY130" s="25"/>
      <c r="IMZ130" s="25"/>
      <c r="INA130" s="25"/>
      <c r="INB130" s="25"/>
      <c r="INC130" s="25"/>
      <c r="IND130" s="25"/>
      <c r="INE130" s="25"/>
      <c r="INF130" s="25"/>
      <c r="ING130" s="25"/>
      <c r="INH130" s="25"/>
      <c r="INI130" s="25"/>
      <c r="INJ130" s="25"/>
      <c r="INK130" s="25"/>
      <c r="INL130" s="25"/>
      <c r="INM130" s="25"/>
      <c r="INN130" s="25"/>
      <c r="INO130" s="25"/>
      <c r="INP130" s="25"/>
      <c r="INQ130" s="25"/>
      <c r="INR130" s="25"/>
      <c r="INS130" s="25"/>
      <c r="INT130" s="25"/>
      <c r="INU130" s="25"/>
      <c r="INV130" s="25"/>
      <c r="INW130" s="25"/>
      <c r="INX130" s="25"/>
      <c r="INY130" s="25"/>
      <c r="INZ130" s="25"/>
      <c r="IOA130" s="25"/>
      <c r="IOB130" s="25"/>
      <c r="IOC130" s="25"/>
      <c r="IOD130" s="25"/>
      <c r="IOE130" s="25"/>
      <c r="IOF130" s="25"/>
      <c r="IOG130" s="25"/>
      <c r="IOH130" s="25"/>
      <c r="IOI130" s="25"/>
      <c r="IOJ130" s="25"/>
      <c r="IOK130" s="25"/>
      <c r="IOL130" s="25"/>
      <c r="IOM130" s="25"/>
      <c r="ION130" s="25"/>
      <c r="IOO130" s="25"/>
      <c r="IOP130" s="25"/>
      <c r="IOQ130" s="25"/>
      <c r="IOR130" s="25"/>
      <c r="IOS130" s="25"/>
      <c r="IOT130" s="25"/>
      <c r="IOU130" s="25"/>
      <c r="IOV130" s="25"/>
      <c r="IOW130" s="25"/>
      <c r="IOX130" s="25"/>
      <c r="IOY130" s="25"/>
      <c r="IOZ130" s="25"/>
      <c r="IPA130" s="25"/>
      <c r="IPB130" s="25"/>
      <c r="IPC130" s="25"/>
      <c r="IPD130" s="25"/>
      <c r="IPE130" s="25"/>
      <c r="IPF130" s="25"/>
      <c r="IPG130" s="25"/>
      <c r="IPH130" s="25"/>
      <c r="IPI130" s="25"/>
      <c r="IPJ130" s="25"/>
      <c r="IPK130" s="25"/>
      <c r="IPL130" s="25"/>
      <c r="IPM130" s="25"/>
      <c r="IPN130" s="25"/>
      <c r="IPO130" s="25"/>
      <c r="IPP130" s="25"/>
      <c r="IPQ130" s="25"/>
      <c r="IPR130" s="25"/>
      <c r="IPS130" s="25"/>
      <c r="IPT130" s="25"/>
      <c r="IPU130" s="25"/>
      <c r="IPV130" s="25"/>
      <c r="IPW130" s="25"/>
      <c r="IPX130" s="25"/>
      <c r="IPY130" s="25"/>
      <c r="IPZ130" s="25"/>
      <c r="IQA130" s="25"/>
      <c r="IQB130" s="25"/>
      <c r="IQC130" s="25"/>
      <c r="IQD130" s="25"/>
      <c r="IQE130" s="25"/>
      <c r="IQF130" s="25"/>
      <c r="IQG130" s="25"/>
      <c r="IQH130" s="25"/>
      <c r="IQI130" s="25"/>
      <c r="IQJ130" s="25"/>
      <c r="IQK130" s="25"/>
      <c r="IQL130" s="25"/>
      <c r="IQM130" s="25"/>
      <c r="IQN130" s="25"/>
      <c r="IQO130" s="25"/>
      <c r="IQP130" s="25"/>
      <c r="IQQ130" s="25"/>
      <c r="IQR130" s="25"/>
      <c r="IQS130" s="25"/>
      <c r="IQT130" s="25"/>
      <c r="IQU130" s="25"/>
      <c r="IQV130" s="25"/>
      <c r="IQW130" s="25"/>
      <c r="IQX130" s="25"/>
      <c r="IQY130" s="25"/>
      <c r="IQZ130" s="25"/>
      <c r="IRA130" s="25"/>
      <c r="IRB130" s="25"/>
      <c r="IRC130" s="25"/>
      <c r="IRD130" s="25"/>
      <c r="IRE130" s="25"/>
      <c r="IRF130" s="25"/>
      <c r="IRG130" s="25"/>
      <c r="IRH130" s="25"/>
      <c r="IRI130" s="25"/>
      <c r="IRJ130" s="25"/>
      <c r="IRK130" s="25"/>
      <c r="IRL130" s="25"/>
      <c r="IRM130" s="25"/>
      <c r="IRN130" s="25"/>
      <c r="IRO130" s="25"/>
      <c r="IRP130" s="25"/>
      <c r="IRQ130" s="25"/>
      <c r="IRR130" s="25"/>
      <c r="IRS130" s="25"/>
      <c r="IRT130" s="25"/>
      <c r="IRU130" s="25"/>
      <c r="IRV130" s="25"/>
      <c r="IRW130" s="25"/>
      <c r="IRX130" s="25"/>
      <c r="IRY130" s="25"/>
      <c r="IRZ130" s="25"/>
      <c r="ISA130" s="25"/>
      <c r="ISB130" s="25"/>
      <c r="ISC130" s="25"/>
      <c r="ISD130" s="25"/>
      <c r="ISE130" s="25"/>
      <c r="ISF130" s="25"/>
      <c r="ISG130" s="25"/>
      <c r="ISH130" s="25"/>
      <c r="ISI130" s="25"/>
      <c r="ISJ130" s="25"/>
      <c r="ISK130" s="25"/>
      <c r="ISL130" s="25"/>
      <c r="ISM130" s="25"/>
      <c r="ISN130" s="25"/>
      <c r="ISO130" s="25"/>
      <c r="ISP130" s="25"/>
      <c r="ISQ130" s="25"/>
      <c r="ISR130" s="25"/>
      <c r="ISS130" s="25"/>
      <c r="IST130" s="25"/>
      <c r="ISU130" s="25"/>
      <c r="ISV130" s="25"/>
      <c r="ISW130" s="25"/>
      <c r="ISX130" s="25"/>
      <c r="ISY130" s="25"/>
      <c r="ISZ130" s="25"/>
      <c r="ITA130" s="25"/>
      <c r="ITB130" s="25"/>
      <c r="ITC130" s="25"/>
      <c r="ITD130" s="25"/>
      <c r="ITE130" s="25"/>
      <c r="ITF130" s="25"/>
      <c r="ITG130" s="25"/>
      <c r="ITH130" s="25"/>
      <c r="ITI130" s="25"/>
      <c r="ITJ130" s="25"/>
      <c r="ITK130" s="25"/>
      <c r="ITL130" s="25"/>
      <c r="ITM130" s="25"/>
      <c r="ITN130" s="25"/>
      <c r="ITO130" s="25"/>
      <c r="ITP130" s="25"/>
      <c r="ITQ130" s="25"/>
      <c r="ITR130" s="25"/>
      <c r="ITS130" s="25"/>
      <c r="ITT130" s="25"/>
      <c r="ITU130" s="25"/>
      <c r="ITV130" s="25"/>
      <c r="ITW130" s="25"/>
      <c r="ITX130" s="25"/>
      <c r="ITY130" s="25"/>
      <c r="ITZ130" s="25"/>
      <c r="IUA130" s="25"/>
      <c r="IUB130" s="25"/>
      <c r="IUC130" s="25"/>
      <c r="IUD130" s="25"/>
      <c r="IUE130" s="25"/>
      <c r="IUF130" s="25"/>
      <c r="IUG130" s="25"/>
      <c r="IUH130" s="25"/>
      <c r="IUI130" s="25"/>
      <c r="IUJ130" s="25"/>
      <c r="IUK130" s="25"/>
      <c r="IUL130" s="25"/>
      <c r="IUM130" s="25"/>
      <c r="IUN130" s="25"/>
      <c r="IUO130" s="25"/>
      <c r="IUP130" s="25"/>
      <c r="IUQ130" s="25"/>
      <c r="IUR130" s="25"/>
      <c r="IUS130" s="25"/>
      <c r="IUT130" s="25"/>
      <c r="IUU130" s="25"/>
      <c r="IUV130" s="25"/>
      <c r="IUW130" s="25"/>
      <c r="IUX130" s="25"/>
      <c r="IUY130" s="25"/>
      <c r="IUZ130" s="25"/>
      <c r="IVA130" s="25"/>
      <c r="IVB130" s="25"/>
      <c r="IVC130" s="25"/>
      <c r="IVD130" s="25"/>
      <c r="IVE130" s="25"/>
      <c r="IVF130" s="25"/>
      <c r="IVG130" s="25"/>
      <c r="IVH130" s="25"/>
      <c r="IVI130" s="25"/>
      <c r="IVJ130" s="25"/>
      <c r="IVK130" s="25"/>
      <c r="IVL130" s="25"/>
      <c r="IVM130" s="25"/>
      <c r="IVN130" s="25"/>
      <c r="IVO130" s="25"/>
      <c r="IVP130" s="25"/>
      <c r="IVQ130" s="25"/>
      <c r="IVR130" s="25"/>
      <c r="IVS130" s="25"/>
      <c r="IVT130" s="25"/>
      <c r="IVU130" s="25"/>
      <c r="IVV130" s="25"/>
      <c r="IVW130" s="25"/>
      <c r="IVX130" s="25"/>
      <c r="IVY130" s="25"/>
      <c r="IVZ130" s="25"/>
      <c r="IWA130" s="25"/>
      <c r="IWB130" s="25"/>
      <c r="IWC130" s="25"/>
      <c r="IWD130" s="25"/>
      <c r="IWE130" s="25"/>
      <c r="IWF130" s="25"/>
      <c r="IWG130" s="25"/>
      <c r="IWH130" s="25"/>
      <c r="IWI130" s="25"/>
      <c r="IWJ130" s="25"/>
      <c r="IWK130" s="25"/>
      <c r="IWL130" s="25"/>
      <c r="IWM130" s="25"/>
      <c r="IWN130" s="25"/>
      <c r="IWO130" s="25"/>
      <c r="IWP130" s="25"/>
      <c r="IWQ130" s="25"/>
      <c r="IWR130" s="25"/>
      <c r="IWS130" s="25"/>
      <c r="IWT130" s="25"/>
      <c r="IWU130" s="25"/>
      <c r="IWV130" s="25"/>
      <c r="IWW130" s="25"/>
      <c r="IWX130" s="25"/>
      <c r="IWY130" s="25"/>
      <c r="IWZ130" s="25"/>
      <c r="IXA130" s="25"/>
      <c r="IXB130" s="25"/>
      <c r="IXC130" s="25"/>
      <c r="IXD130" s="25"/>
      <c r="IXE130" s="25"/>
      <c r="IXF130" s="25"/>
      <c r="IXG130" s="25"/>
      <c r="IXH130" s="25"/>
      <c r="IXI130" s="25"/>
      <c r="IXJ130" s="25"/>
      <c r="IXK130" s="25"/>
      <c r="IXL130" s="25"/>
      <c r="IXM130" s="25"/>
      <c r="IXN130" s="25"/>
      <c r="IXO130" s="25"/>
      <c r="IXP130" s="25"/>
      <c r="IXQ130" s="25"/>
      <c r="IXR130" s="25"/>
      <c r="IXS130" s="25"/>
      <c r="IXT130" s="25"/>
      <c r="IXU130" s="25"/>
      <c r="IXV130" s="25"/>
      <c r="IXW130" s="25"/>
      <c r="IXX130" s="25"/>
      <c r="IXY130" s="25"/>
      <c r="IXZ130" s="25"/>
      <c r="IYA130" s="25"/>
      <c r="IYB130" s="25"/>
      <c r="IYC130" s="25"/>
      <c r="IYD130" s="25"/>
      <c r="IYE130" s="25"/>
      <c r="IYF130" s="25"/>
      <c r="IYG130" s="25"/>
      <c r="IYH130" s="25"/>
      <c r="IYI130" s="25"/>
      <c r="IYJ130" s="25"/>
      <c r="IYK130" s="25"/>
      <c r="IYL130" s="25"/>
      <c r="IYM130" s="25"/>
      <c r="IYN130" s="25"/>
      <c r="IYO130" s="25"/>
      <c r="IYP130" s="25"/>
      <c r="IYQ130" s="25"/>
      <c r="IYR130" s="25"/>
      <c r="IYS130" s="25"/>
      <c r="IYT130" s="25"/>
      <c r="IYU130" s="25"/>
      <c r="IYV130" s="25"/>
      <c r="IYW130" s="25"/>
      <c r="IYX130" s="25"/>
      <c r="IYY130" s="25"/>
      <c r="IYZ130" s="25"/>
      <c r="IZA130" s="25"/>
      <c r="IZB130" s="25"/>
      <c r="IZC130" s="25"/>
      <c r="IZD130" s="25"/>
      <c r="IZE130" s="25"/>
      <c r="IZF130" s="25"/>
      <c r="IZG130" s="25"/>
      <c r="IZH130" s="25"/>
      <c r="IZI130" s="25"/>
      <c r="IZJ130" s="25"/>
      <c r="IZK130" s="25"/>
      <c r="IZL130" s="25"/>
      <c r="IZM130" s="25"/>
      <c r="IZN130" s="25"/>
      <c r="IZO130" s="25"/>
      <c r="IZP130" s="25"/>
      <c r="IZQ130" s="25"/>
      <c r="IZR130" s="25"/>
      <c r="IZS130" s="25"/>
      <c r="IZT130" s="25"/>
      <c r="IZU130" s="25"/>
      <c r="IZV130" s="25"/>
      <c r="IZW130" s="25"/>
      <c r="IZX130" s="25"/>
      <c r="IZY130" s="25"/>
      <c r="IZZ130" s="25"/>
      <c r="JAA130" s="25"/>
      <c r="JAB130" s="25"/>
      <c r="JAC130" s="25"/>
      <c r="JAD130" s="25"/>
      <c r="JAE130" s="25"/>
      <c r="JAF130" s="25"/>
      <c r="JAG130" s="25"/>
      <c r="JAH130" s="25"/>
      <c r="JAI130" s="25"/>
      <c r="JAJ130" s="25"/>
      <c r="JAK130" s="25"/>
      <c r="JAL130" s="25"/>
      <c r="JAM130" s="25"/>
      <c r="JAN130" s="25"/>
      <c r="JAO130" s="25"/>
      <c r="JAP130" s="25"/>
      <c r="JAQ130" s="25"/>
      <c r="JAR130" s="25"/>
      <c r="JAS130" s="25"/>
      <c r="JAT130" s="25"/>
      <c r="JAU130" s="25"/>
      <c r="JAV130" s="25"/>
      <c r="JAW130" s="25"/>
      <c r="JAX130" s="25"/>
      <c r="JAY130" s="25"/>
      <c r="JAZ130" s="25"/>
      <c r="JBA130" s="25"/>
      <c r="JBB130" s="25"/>
      <c r="JBC130" s="25"/>
      <c r="JBD130" s="25"/>
      <c r="JBE130" s="25"/>
      <c r="JBF130" s="25"/>
      <c r="JBG130" s="25"/>
      <c r="JBH130" s="25"/>
      <c r="JBI130" s="25"/>
      <c r="JBJ130" s="25"/>
      <c r="JBK130" s="25"/>
      <c r="JBL130" s="25"/>
      <c r="JBM130" s="25"/>
      <c r="JBN130" s="25"/>
      <c r="JBO130" s="25"/>
      <c r="JBP130" s="25"/>
      <c r="JBQ130" s="25"/>
      <c r="JBR130" s="25"/>
      <c r="JBS130" s="25"/>
      <c r="JBT130" s="25"/>
      <c r="JBU130" s="25"/>
      <c r="JBV130" s="25"/>
      <c r="JBW130" s="25"/>
      <c r="JBX130" s="25"/>
      <c r="JBY130" s="25"/>
      <c r="JBZ130" s="25"/>
      <c r="JCA130" s="25"/>
      <c r="JCB130" s="25"/>
      <c r="JCC130" s="25"/>
      <c r="JCD130" s="25"/>
      <c r="JCE130" s="25"/>
      <c r="JCF130" s="25"/>
      <c r="JCG130" s="25"/>
      <c r="JCH130" s="25"/>
      <c r="JCI130" s="25"/>
      <c r="JCJ130" s="25"/>
      <c r="JCK130" s="25"/>
      <c r="JCL130" s="25"/>
      <c r="JCM130" s="25"/>
      <c r="JCN130" s="25"/>
      <c r="JCO130" s="25"/>
      <c r="JCP130" s="25"/>
      <c r="JCQ130" s="25"/>
      <c r="JCR130" s="25"/>
      <c r="JCS130" s="25"/>
      <c r="JCT130" s="25"/>
      <c r="JCU130" s="25"/>
      <c r="JCV130" s="25"/>
      <c r="JCW130" s="25"/>
      <c r="JCX130" s="25"/>
      <c r="JCY130" s="25"/>
      <c r="JCZ130" s="25"/>
      <c r="JDA130" s="25"/>
      <c r="JDB130" s="25"/>
      <c r="JDC130" s="25"/>
      <c r="JDD130" s="25"/>
      <c r="JDE130" s="25"/>
      <c r="JDF130" s="25"/>
      <c r="JDG130" s="25"/>
      <c r="JDH130" s="25"/>
      <c r="JDI130" s="25"/>
      <c r="JDJ130" s="25"/>
      <c r="JDK130" s="25"/>
      <c r="JDL130" s="25"/>
      <c r="JDM130" s="25"/>
      <c r="JDN130" s="25"/>
      <c r="JDO130" s="25"/>
      <c r="JDP130" s="25"/>
      <c r="JDQ130" s="25"/>
      <c r="JDR130" s="25"/>
      <c r="JDS130" s="25"/>
      <c r="JDT130" s="25"/>
      <c r="JDU130" s="25"/>
      <c r="JDV130" s="25"/>
      <c r="JDW130" s="25"/>
      <c r="JDX130" s="25"/>
      <c r="JDY130" s="25"/>
      <c r="JDZ130" s="25"/>
      <c r="JEA130" s="25"/>
      <c r="JEB130" s="25"/>
      <c r="JEC130" s="25"/>
      <c r="JED130" s="25"/>
      <c r="JEE130" s="25"/>
      <c r="JEF130" s="25"/>
      <c r="JEG130" s="25"/>
      <c r="JEH130" s="25"/>
      <c r="JEI130" s="25"/>
      <c r="JEJ130" s="25"/>
      <c r="JEK130" s="25"/>
      <c r="JEL130" s="25"/>
      <c r="JEM130" s="25"/>
      <c r="JEN130" s="25"/>
      <c r="JEO130" s="25"/>
      <c r="JEP130" s="25"/>
      <c r="JEQ130" s="25"/>
      <c r="JER130" s="25"/>
      <c r="JES130" s="25"/>
      <c r="JET130" s="25"/>
      <c r="JEU130" s="25"/>
      <c r="JEV130" s="25"/>
      <c r="JEW130" s="25"/>
      <c r="JEX130" s="25"/>
      <c r="JEY130" s="25"/>
      <c r="JEZ130" s="25"/>
      <c r="JFA130" s="25"/>
      <c r="JFB130" s="25"/>
      <c r="JFC130" s="25"/>
      <c r="JFD130" s="25"/>
      <c r="JFE130" s="25"/>
      <c r="JFF130" s="25"/>
      <c r="JFG130" s="25"/>
      <c r="JFH130" s="25"/>
      <c r="JFI130" s="25"/>
      <c r="JFJ130" s="25"/>
      <c r="JFK130" s="25"/>
      <c r="JFL130" s="25"/>
      <c r="JFM130" s="25"/>
      <c r="JFN130" s="25"/>
      <c r="JFO130" s="25"/>
      <c r="JFP130" s="25"/>
      <c r="JFQ130" s="25"/>
      <c r="JFR130" s="25"/>
      <c r="JFS130" s="25"/>
      <c r="JFT130" s="25"/>
      <c r="JFU130" s="25"/>
      <c r="JFV130" s="25"/>
      <c r="JFW130" s="25"/>
      <c r="JFX130" s="25"/>
      <c r="JFY130" s="25"/>
      <c r="JFZ130" s="25"/>
      <c r="JGA130" s="25"/>
      <c r="JGB130" s="25"/>
      <c r="JGC130" s="25"/>
      <c r="JGD130" s="25"/>
      <c r="JGE130" s="25"/>
      <c r="JGF130" s="25"/>
      <c r="JGG130" s="25"/>
      <c r="JGH130" s="25"/>
      <c r="JGI130" s="25"/>
      <c r="JGJ130" s="25"/>
      <c r="JGK130" s="25"/>
      <c r="JGL130" s="25"/>
      <c r="JGM130" s="25"/>
      <c r="JGN130" s="25"/>
      <c r="JGO130" s="25"/>
      <c r="JGP130" s="25"/>
      <c r="JGQ130" s="25"/>
      <c r="JGR130" s="25"/>
      <c r="JGS130" s="25"/>
      <c r="JGT130" s="25"/>
      <c r="JGU130" s="25"/>
      <c r="JGV130" s="25"/>
      <c r="JGW130" s="25"/>
      <c r="JGX130" s="25"/>
      <c r="JGY130" s="25"/>
      <c r="JGZ130" s="25"/>
      <c r="JHA130" s="25"/>
      <c r="JHB130" s="25"/>
      <c r="JHC130" s="25"/>
      <c r="JHD130" s="25"/>
      <c r="JHE130" s="25"/>
      <c r="JHF130" s="25"/>
      <c r="JHG130" s="25"/>
      <c r="JHH130" s="25"/>
      <c r="JHI130" s="25"/>
      <c r="JHJ130" s="25"/>
      <c r="JHK130" s="25"/>
      <c r="JHL130" s="25"/>
      <c r="JHM130" s="25"/>
      <c r="JHN130" s="25"/>
      <c r="JHO130" s="25"/>
      <c r="JHP130" s="25"/>
      <c r="JHQ130" s="25"/>
      <c r="JHR130" s="25"/>
      <c r="JHS130" s="25"/>
      <c r="JHT130" s="25"/>
      <c r="JHU130" s="25"/>
      <c r="JHV130" s="25"/>
      <c r="JHW130" s="25"/>
      <c r="JHX130" s="25"/>
      <c r="JHY130" s="25"/>
      <c r="JHZ130" s="25"/>
      <c r="JIA130" s="25"/>
      <c r="JIB130" s="25"/>
      <c r="JIC130" s="25"/>
      <c r="JID130" s="25"/>
      <c r="JIE130" s="25"/>
      <c r="JIF130" s="25"/>
      <c r="JIG130" s="25"/>
      <c r="JIH130" s="25"/>
      <c r="JII130" s="25"/>
      <c r="JIJ130" s="25"/>
      <c r="JIK130" s="25"/>
      <c r="JIL130" s="25"/>
      <c r="JIM130" s="25"/>
      <c r="JIN130" s="25"/>
      <c r="JIO130" s="25"/>
      <c r="JIP130" s="25"/>
      <c r="JIQ130" s="25"/>
      <c r="JIR130" s="25"/>
      <c r="JIS130" s="25"/>
      <c r="JIT130" s="25"/>
      <c r="JIU130" s="25"/>
      <c r="JIV130" s="25"/>
      <c r="JIW130" s="25"/>
      <c r="JIX130" s="25"/>
      <c r="JIY130" s="25"/>
      <c r="JIZ130" s="25"/>
      <c r="JJA130" s="25"/>
      <c r="JJB130" s="25"/>
      <c r="JJC130" s="25"/>
      <c r="JJD130" s="25"/>
      <c r="JJE130" s="25"/>
      <c r="JJF130" s="25"/>
      <c r="JJG130" s="25"/>
      <c r="JJH130" s="25"/>
      <c r="JJI130" s="25"/>
      <c r="JJJ130" s="25"/>
      <c r="JJK130" s="25"/>
      <c r="JJL130" s="25"/>
      <c r="JJM130" s="25"/>
      <c r="JJN130" s="25"/>
      <c r="JJO130" s="25"/>
      <c r="JJP130" s="25"/>
      <c r="JJQ130" s="25"/>
      <c r="JJR130" s="25"/>
      <c r="JJS130" s="25"/>
      <c r="JJT130" s="25"/>
      <c r="JJU130" s="25"/>
      <c r="JJV130" s="25"/>
      <c r="JJW130" s="25"/>
      <c r="JJX130" s="25"/>
      <c r="JJY130" s="25"/>
      <c r="JJZ130" s="25"/>
      <c r="JKA130" s="25"/>
      <c r="JKB130" s="25"/>
      <c r="JKC130" s="25"/>
      <c r="JKD130" s="25"/>
      <c r="JKE130" s="25"/>
      <c r="JKF130" s="25"/>
      <c r="JKG130" s="25"/>
      <c r="JKH130" s="25"/>
      <c r="JKI130" s="25"/>
      <c r="JKJ130" s="25"/>
      <c r="JKK130" s="25"/>
      <c r="JKL130" s="25"/>
      <c r="JKM130" s="25"/>
      <c r="JKN130" s="25"/>
      <c r="JKO130" s="25"/>
      <c r="JKP130" s="25"/>
      <c r="JKQ130" s="25"/>
      <c r="JKR130" s="25"/>
      <c r="JKS130" s="25"/>
      <c r="JKT130" s="25"/>
      <c r="JKU130" s="25"/>
      <c r="JKV130" s="25"/>
      <c r="JKW130" s="25"/>
      <c r="JKX130" s="25"/>
      <c r="JKY130" s="25"/>
      <c r="JKZ130" s="25"/>
      <c r="JLA130" s="25"/>
      <c r="JLB130" s="25"/>
      <c r="JLC130" s="25"/>
      <c r="JLD130" s="25"/>
      <c r="JLE130" s="25"/>
      <c r="JLF130" s="25"/>
      <c r="JLG130" s="25"/>
      <c r="JLH130" s="25"/>
      <c r="JLI130" s="25"/>
      <c r="JLJ130" s="25"/>
      <c r="JLK130" s="25"/>
      <c r="JLL130" s="25"/>
      <c r="JLM130" s="25"/>
      <c r="JLN130" s="25"/>
      <c r="JLO130" s="25"/>
      <c r="JLP130" s="25"/>
      <c r="JLQ130" s="25"/>
      <c r="JLR130" s="25"/>
      <c r="JLS130" s="25"/>
      <c r="JLT130" s="25"/>
      <c r="JLU130" s="25"/>
      <c r="JLV130" s="25"/>
      <c r="JLW130" s="25"/>
      <c r="JLX130" s="25"/>
      <c r="JLY130" s="25"/>
      <c r="JLZ130" s="25"/>
      <c r="JMA130" s="25"/>
      <c r="JMB130" s="25"/>
      <c r="JMC130" s="25"/>
      <c r="JMD130" s="25"/>
      <c r="JME130" s="25"/>
      <c r="JMF130" s="25"/>
      <c r="JMG130" s="25"/>
      <c r="JMH130" s="25"/>
      <c r="JMI130" s="25"/>
      <c r="JMJ130" s="25"/>
      <c r="JMK130" s="25"/>
      <c r="JML130" s="25"/>
      <c r="JMM130" s="25"/>
      <c r="JMN130" s="25"/>
      <c r="JMO130" s="25"/>
      <c r="JMP130" s="25"/>
      <c r="JMQ130" s="25"/>
      <c r="JMR130" s="25"/>
      <c r="JMS130" s="25"/>
      <c r="JMT130" s="25"/>
      <c r="JMU130" s="25"/>
      <c r="JMV130" s="25"/>
      <c r="JMW130" s="25"/>
      <c r="JMX130" s="25"/>
      <c r="JMY130" s="25"/>
      <c r="JMZ130" s="25"/>
      <c r="JNA130" s="25"/>
      <c r="JNB130" s="25"/>
      <c r="JNC130" s="25"/>
      <c r="JND130" s="25"/>
      <c r="JNE130" s="25"/>
      <c r="JNF130" s="25"/>
      <c r="JNG130" s="25"/>
      <c r="JNH130" s="25"/>
      <c r="JNI130" s="25"/>
      <c r="JNJ130" s="25"/>
      <c r="JNK130" s="25"/>
      <c r="JNL130" s="25"/>
      <c r="JNM130" s="25"/>
      <c r="JNN130" s="25"/>
      <c r="JNO130" s="25"/>
      <c r="JNP130" s="25"/>
      <c r="JNQ130" s="25"/>
      <c r="JNR130" s="25"/>
      <c r="JNS130" s="25"/>
      <c r="JNT130" s="25"/>
      <c r="JNU130" s="25"/>
      <c r="JNV130" s="25"/>
      <c r="JNW130" s="25"/>
      <c r="JNX130" s="25"/>
      <c r="JNY130" s="25"/>
      <c r="JNZ130" s="25"/>
      <c r="JOA130" s="25"/>
      <c r="JOB130" s="25"/>
      <c r="JOC130" s="25"/>
      <c r="JOD130" s="25"/>
      <c r="JOE130" s="25"/>
      <c r="JOF130" s="25"/>
      <c r="JOG130" s="25"/>
      <c r="JOH130" s="25"/>
      <c r="JOI130" s="25"/>
      <c r="JOJ130" s="25"/>
      <c r="JOK130" s="25"/>
      <c r="JOL130" s="25"/>
      <c r="JOM130" s="25"/>
      <c r="JON130" s="25"/>
      <c r="JOO130" s="25"/>
      <c r="JOP130" s="25"/>
      <c r="JOQ130" s="25"/>
      <c r="JOR130" s="25"/>
      <c r="JOS130" s="25"/>
      <c r="JOT130" s="25"/>
      <c r="JOU130" s="25"/>
      <c r="JOV130" s="25"/>
      <c r="JOW130" s="25"/>
      <c r="JOX130" s="25"/>
      <c r="JOY130" s="25"/>
      <c r="JOZ130" s="25"/>
      <c r="JPA130" s="25"/>
      <c r="JPB130" s="25"/>
      <c r="JPC130" s="25"/>
      <c r="JPD130" s="25"/>
      <c r="JPE130" s="25"/>
      <c r="JPF130" s="25"/>
      <c r="JPG130" s="25"/>
      <c r="JPH130" s="25"/>
      <c r="JPI130" s="25"/>
      <c r="JPJ130" s="25"/>
      <c r="JPK130" s="25"/>
      <c r="JPL130" s="25"/>
      <c r="JPM130" s="25"/>
      <c r="JPN130" s="25"/>
      <c r="JPO130" s="25"/>
      <c r="JPP130" s="25"/>
      <c r="JPQ130" s="25"/>
      <c r="JPR130" s="25"/>
      <c r="JPS130" s="25"/>
      <c r="JPT130" s="25"/>
      <c r="JPU130" s="25"/>
      <c r="JPV130" s="25"/>
      <c r="JPW130" s="25"/>
      <c r="JPX130" s="25"/>
      <c r="JPY130" s="25"/>
      <c r="JPZ130" s="25"/>
      <c r="JQA130" s="25"/>
      <c r="JQB130" s="25"/>
      <c r="JQC130" s="25"/>
      <c r="JQD130" s="25"/>
      <c r="JQE130" s="25"/>
      <c r="JQF130" s="25"/>
      <c r="JQG130" s="25"/>
      <c r="JQH130" s="25"/>
      <c r="JQI130" s="25"/>
      <c r="JQJ130" s="25"/>
      <c r="JQK130" s="25"/>
      <c r="JQL130" s="25"/>
      <c r="JQM130" s="25"/>
      <c r="JQN130" s="25"/>
      <c r="JQO130" s="25"/>
      <c r="JQP130" s="25"/>
      <c r="JQQ130" s="25"/>
      <c r="JQR130" s="25"/>
      <c r="JQS130" s="25"/>
      <c r="JQT130" s="25"/>
      <c r="JQU130" s="25"/>
      <c r="JQV130" s="25"/>
      <c r="JQW130" s="25"/>
      <c r="JQX130" s="25"/>
      <c r="JQY130" s="25"/>
      <c r="JQZ130" s="25"/>
      <c r="JRA130" s="25"/>
      <c r="JRB130" s="25"/>
      <c r="JRC130" s="25"/>
      <c r="JRD130" s="25"/>
      <c r="JRE130" s="25"/>
      <c r="JRF130" s="25"/>
      <c r="JRG130" s="25"/>
      <c r="JRH130" s="25"/>
      <c r="JRI130" s="25"/>
      <c r="JRJ130" s="25"/>
      <c r="JRK130" s="25"/>
      <c r="JRL130" s="25"/>
      <c r="JRM130" s="25"/>
      <c r="JRN130" s="25"/>
      <c r="JRO130" s="25"/>
      <c r="JRP130" s="25"/>
      <c r="JRQ130" s="25"/>
      <c r="JRR130" s="25"/>
      <c r="JRS130" s="25"/>
      <c r="JRT130" s="25"/>
      <c r="JRU130" s="25"/>
      <c r="JRV130" s="25"/>
      <c r="JRW130" s="25"/>
      <c r="JRX130" s="25"/>
      <c r="JRY130" s="25"/>
      <c r="JRZ130" s="25"/>
      <c r="JSA130" s="25"/>
      <c r="JSB130" s="25"/>
      <c r="JSC130" s="25"/>
      <c r="JSD130" s="25"/>
      <c r="JSE130" s="25"/>
      <c r="JSF130" s="25"/>
      <c r="JSG130" s="25"/>
      <c r="JSH130" s="25"/>
      <c r="JSI130" s="25"/>
      <c r="JSJ130" s="25"/>
      <c r="JSK130" s="25"/>
      <c r="JSL130" s="25"/>
      <c r="JSM130" s="25"/>
      <c r="JSN130" s="25"/>
      <c r="JSO130" s="25"/>
      <c r="JSP130" s="25"/>
      <c r="JSQ130" s="25"/>
      <c r="JSR130" s="25"/>
      <c r="JSS130" s="25"/>
      <c r="JST130" s="25"/>
      <c r="JSU130" s="25"/>
      <c r="JSV130" s="25"/>
      <c r="JSW130" s="25"/>
      <c r="JSX130" s="25"/>
      <c r="JSY130" s="25"/>
      <c r="JSZ130" s="25"/>
      <c r="JTA130" s="25"/>
      <c r="JTB130" s="25"/>
      <c r="JTC130" s="25"/>
      <c r="JTD130" s="25"/>
      <c r="JTE130" s="25"/>
      <c r="JTF130" s="25"/>
      <c r="JTG130" s="25"/>
      <c r="JTH130" s="25"/>
      <c r="JTI130" s="25"/>
      <c r="JTJ130" s="25"/>
      <c r="JTK130" s="25"/>
      <c r="JTL130" s="25"/>
      <c r="JTM130" s="25"/>
      <c r="JTN130" s="25"/>
      <c r="JTO130" s="25"/>
      <c r="JTP130" s="25"/>
      <c r="JTQ130" s="25"/>
      <c r="JTR130" s="25"/>
      <c r="JTS130" s="25"/>
      <c r="JTT130" s="25"/>
      <c r="JTU130" s="25"/>
      <c r="JTV130" s="25"/>
      <c r="JTW130" s="25"/>
      <c r="JTX130" s="25"/>
      <c r="JTY130" s="25"/>
      <c r="JTZ130" s="25"/>
      <c r="JUA130" s="25"/>
      <c r="JUB130" s="25"/>
      <c r="JUC130" s="25"/>
      <c r="JUD130" s="25"/>
      <c r="JUE130" s="25"/>
      <c r="JUF130" s="25"/>
      <c r="JUG130" s="25"/>
      <c r="JUH130" s="25"/>
      <c r="JUI130" s="25"/>
      <c r="JUJ130" s="25"/>
      <c r="JUK130" s="25"/>
      <c r="JUL130" s="25"/>
      <c r="JUM130" s="25"/>
      <c r="JUN130" s="25"/>
      <c r="JUO130" s="25"/>
      <c r="JUP130" s="25"/>
      <c r="JUQ130" s="25"/>
      <c r="JUR130" s="25"/>
      <c r="JUS130" s="25"/>
      <c r="JUT130" s="25"/>
      <c r="JUU130" s="25"/>
      <c r="JUV130" s="25"/>
      <c r="JUW130" s="25"/>
      <c r="JUX130" s="25"/>
      <c r="JUY130" s="25"/>
      <c r="JUZ130" s="25"/>
      <c r="JVA130" s="25"/>
      <c r="JVB130" s="25"/>
      <c r="JVC130" s="25"/>
      <c r="JVD130" s="25"/>
      <c r="JVE130" s="25"/>
      <c r="JVF130" s="25"/>
      <c r="JVG130" s="25"/>
      <c r="JVH130" s="25"/>
      <c r="JVI130" s="25"/>
      <c r="JVJ130" s="25"/>
      <c r="JVK130" s="25"/>
      <c r="JVL130" s="25"/>
      <c r="JVM130" s="25"/>
      <c r="JVN130" s="25"/>
      <c r="JVO130" s="25"/>
      <c r="JVP130" s="25"/>
      <c r="JVQ130" s="25"/>
      <c r="JVR130" s="25"/>
      <c r="JVS130" s="25"/>
      <c r="JVT130" s="25"/>
      <c r="JVU130" s="25"/>
      <c r="JVV130" s="25"/>
      <c r="JVW130" s="25"/>
      <c r="JVX130" s="25"/>
      <c r="JVY130" s="25"/>
      <c r="JVZ130" s="25"/>
      <c r="JWA130" s="25"/>
      <c r="JWB130" s="25"/>
      <c r="JWC130" s="25"/>
      <c r="JWD130" s="25"/>
      <c r="JWE130" s="25"/>
      <c r="JWF130" s="25"/>
      <c r="JWG130" s="25"/>
      <c r="JWH130" s="25"/>
      <c r="JWI130" s="25"/>
      <c r="JWJ130" s="25"/>
      <c r="JWK130" s="25"/>
      <c r="JWL130" s="25"/>
      <c r="JWM130" s="25"/>
      <c r="JWN130" s="25"/>
      <c r="JWO130" s="25"/>
      <c r="JWP130" s="25"/>
      <c r="JWQ130" s="25"/>
      <c r="JWR130" s="25"/>
      <c r="JWS130" s="25"/>
      <c r="JWT130" s="25"/>
      <c r="JWU130" s="25"/>
      <c r="JWV130" s="25"/>
      <c r="JWW130" s="25"/>
      <c r="JWX130" s="25"/>
      <c r="JWY130" s="25"/>
      <c r="JWZ130" s="25"/>
      <c r="JXA130" s="25"/>
      <c r="JXB130" s="25"/>
      <c r="JXC130" s="25"/>
      <c r="JXD130" s="25"/>
      <c r="JXE130" s="25"/>
      <c r="JXF130" s="25"/>
      <c r="JXG130" s="25"/>
      <c r="JXH130" s="25"/>
      <c r="JXI130" s="25"/>
      <c r="JXJ130" s="25"/>
      <c r="JXK130" s="25"/>
      <c r="JXL130" s="25"/>
      <c r="JXM130" s="25"/>
      <c r="JXN130" s="25"/>
      <c r="JXO130" s="25"/>
      <c r="JXP130" s="25"/>
      <c r="JXQ130" s="25"/>
      <c r="JXR130" s="25"/>
      <c r="JXS130" s="25"/>
      <c r="JXT130" s="25"/>
      <c r="JXU130" s="25"/>
      <c r="JXV130" s="25"/>
      <c r="JXW130" s="25"/>
      <c r="JXX130" s="25"/>
      <c r="JXY130" s="25"/>
      <c r="JXZ130" s="25"/>
      <c r="JYA130" s="25"/>
      <c r="JYB130" s="25"/>
      <c r="JYC130" s="25"/>
      <c r="JYD130" s="25"/>
      <c r="JYE130" s="25"/>
      <c r="JYF130" s="25"/>
      <c r="JYG130" s="25"/>
      <c r="JYH130" s="25"/>
      <c r="JYI130" s="25"/>
      <c r="JYJ130" s="25"/>
      <c r="JYK130" s="25"/>
      <c r="JYL130" s="25"/>
      <c r="JYM130" s="25"/>
      <c r="JYN130" s="25"/>
      <c r="JYO130" s="25"/>
      <c r="JYP130" s="25"/>
      <c r="JYQ130" s="25"/>
      <c r="JYR130" s="25"/>
      <c r="JYS130" s="25"/>
      <c r="JYT130" s="25"/>
      <c r="JYU130" s="25"/>
      <c r="JYV130" s="25"/>
      <c r="JYW130" s="25"/>
      <c r="JYX130" s="25"/>
      <c r="JYY130" s="25"/>
      <c r="JYZ130" s="25"/>
      <c r="JZA130" s="25"/>
      <c r="JZB130" s="25"/>
      <c r="JZC130" s="25"/>
      <c r="JZD130" s="25"/>
      <c r="JZE130" s="25"/>
      <c r="JZF130" s="25"/>
      <c r="JZG130" s="25"/>
      <c r="JZH130" s="25"/>
      <c r="JZI130" s="25"/>
      <c r="JZJ130" s="25"/>
      <c r="JZK130" s="25"/>
      <c r="JZL130" s="25"/>
      <c r="JZM130" s="25"/>
      <c r="JZN130" s="25"/>
      <c r="JZO130" s="25"/>
      <c r="JZP130" s="25"/>
      <c r="JZQ130" s="25"/>
      <c r="JZR130" s="25"/>
      <c r="JZS130" s="25"/>
      <c r="JZT130" s="25"/>
      <c r="JZU130" s="25"/>
      <c r="JZV130" s="25"/>
      <c r="JZW130" s="25"/>
      <c r="JZX130" s="25"/>
      <c r="JZY130" s="25"/>
      <c r="JZZ130" s="25"/>
      <c r="KAA130" s="25"/>
      <c r="KAB130" s="25"/>
      <c r="KAC130" s="25"/>
      <c r="KAD130" s="25"/>
      <c r="KAE130" s="25"/>
      <c r="KAF130" s="25"/>
      <c r="KAG130" s="25"/>
      <c r="KAH130" s="25"/>
      <c r="KAI130" s="25"/>
      <c r="KAJ130" s="25"/>
      <c r="KAK130" s="25"/>
      <c r="KAL130" s="25"/>
      <c r="KAM130" s="25"/>
      <c r="KAN130" s="25"/>
      <c r="KAO130" s="25"/>
      <c r="KAP130" s="25"/>
      <c r="KAQ130" s="25"/>
      <c r="KAR130" s="25"/>
      <c r="KAS130" s="25"/>
      <c r="KAT130" s="25"/>
      <c r="KAU130" s="25"/>
      <c r="KAV130" s="25"/>
      <c r="KAW130" s="25"/>
      <c r="KAX130" s="25"/>
      <c r="KAY130" s="25"/>
      <c r="KAZ130" s="25"/>
      <c r="KBA130" s="25"/>
      <c r="KBB130" s="25"/>
      <c r="KBC130" s="25"/>
      <c r="KBD130" s="25"/>
      <c r="KBE130" s="25"/>
      <c r="KBF130" s="25"/>
      <c r="KBG130" s="25"/>
      <c r="KBH130" s="25"/>
      <c r="KBI130" s="25"/>
      <c r="KBJ130" s="25"/>
      <c r="KBK130" s="25"/>
      <c r="KBL130" s="25"/>
      <c r="KBM130" s="25"/>
      <c r="KBN130" s="25"/>
      <c r="KBO130" s="25"/>
      <c r="KBP130" s="25"/>
      <c r="KBQ130" s="25"/>
      <c r="KBR130" s="25"/>
      <c r="KBS130" s="25"/>
      <c r="KBT130" s="25"/>
      <c r="KBU130" s="25"/>
      <c r="KBV130" s="25"/>
      <c r="KBW130" s="25"/>
      <c r="KBX130" s="25"/>
      <c r="KBY130" s="25"/>
      <c r="KBZ130" s="25"/>
      <c r="KCA130" s="25"/>
      <c r="KCB130" s="25"/>
      <c r="KCC130" s="25"/>
      <c r="KCD130" s="25"/>
      <c r="KCE130" s="25"/>
      <c r="KCF130" s="25"/>
      <c r="KCG130" s="25"/>
      <c r="KCH130" s="25"/>
      <c r="KCI130" s="25"/>
      <c r="KCJ130" s="25"/>
      <c r="KCK130" s="25"/>
      <c r="KCL130" s="25"/>
      <c r="KCM130" s="25"/>
      <c r="KCN130" s="25"/>
      <c r="KCO130" s="25"/>
      <c r="KCP130" s="25"/>
      <c r="KCQ130" s="25"/>
      <c r="KCR130" s="25"/>
      <c r="KCS130" s="25"/>
      <c r="KCT130" s="25"/>
      <c r="KCU130" s="25"/>
      <c r="KCV130" s="25"/>
      <c r="KCW130" s="25"/>
      <c r="KCX130" s="25"/>
      <c r="KCY130" s="25"/>
      <c r="KCZ130" s="25"/>
      <c r="KDA130" s="25"/>
      <c r="KDB130" s="25"/>
      <c r="KDC130" s="25"/>
      <c r="KDD130" s="25"/>
      <c r="KDE130" s="25"/>
      <c r="KDF130" s="25"/>
      <c r="KDG130" s="25"/>
      <c r="KDH130" s="25"/>
      <c r="KDI130" s="25"/>
      <c r="KDJ130" s="25"/>
      <c r="KDK130" s="25"/>
      <c r="KDL130" s="25"/>
      <c r="KDM130" s="25"/>
      <c r="KDN130" s="25"/>
      <c r="KDO130" s="25"/>
      <c r="KDP130" s="25"/>
      <c r="KDQ130" s="25"/>
      <c r="KDR130" s="25"/>
      <c r="KDS130" s="25"/>
      <c r="KDT130" s="25"/>
      <c r="KDU130" s="25"/>
      <c r="KDV130" s="25"/>
      <c r="KDW130" s="25"/>
      <c r="KDX130" s="25"/>
      <c r="KDY130" s="25"/>
      <c r="KDZ130" s="25"/>
      <c r="KEA130" s="25"/>
      <c r="KEB130" s="25"/>
      <c r="KEC130" s="25"/>
      <c r="KED130" s="25"/>
      <c r="KEE130" s="25"/>
      <c r="KEF130" s="25"/>
      <c r="KEG130" s="25"/>
      <c r="KEH130" s="25"/>
      <c r="KEI130" s="25"/>
      <c r="KEJ130" s="25"/>
      <c r="KEK130" s="25"/>
      <c r="KEL130" s="25"/>
      <c r="KEM130" s="25"/>
      <c r="KEN130" s="25"/>
      <c r="KEO130" s="25"/>
      <c r="KEP130" s="25"/>
      <c r="KEQ130" s="25"/>
      <c r="KER130" s="25"/>
      <c r="KES130" s="25"/>
      <c r="KET130" s="25"/>
      <c r="KEU130" s="25"/>
      <c r="KEV130" s="25"/>
      <c r="KEW130" s="25"/>
      <c r="KEX130" s="25"/>
      <c r="KEY130" s="25"/>
      <c r="KEZ130" s="25"/>
      <c r="KFA130" s="25"/>
      <c r="KFB130" s="25"/>
      <c r="KFC130" s="25"/>
      <c r="KFD130" s="25"/>
      <c r="KFE130" s="25"/>
      <c r="KFF130" s="25"/>
      <c r="KFG130" s="25"/>
      <c r="KFH130" s="25"/>
      <c r="KFI130" s="25"/>
      <c r="KFJ130" s="25"/>
      <c r="KFK130" s="25"/>
      <c r="KFL130" s="25"/>
      <c r="KFM130" s="25"/>
      <c r="KFN130" s="25"/>
      <c r="KFO130" s="25"/>
      <c r="KFP130" s="25"/>
      <c r="KFQ130" s="25"/>
      <c r="KFR130" s="25"/>
      <c r="KFS130" s="25"/>
      <c r="KFT130" s="25"/>
      <c r="KFU130" s="25"/>
      <c r="KFV130" s="25"/>
      <c r="KFW130" s="25"/>
      <c r="KFX130" s="25"/>
      <c r="KFY130" s="25"/>
      <c r="KFZ130" s="25"/>
      <c r="KGA130" s="25"/>
      <c r="KGB130" s="25"/>
      <c r="KGC130" s="25"/>
      <c r="KGD130" s="25"/>
      <c r="KGE130" s="25"/>
      <c r="KGF130" s="25"/>
      <c r="KGG130" s="25"/>
      <c r="KGH130" s="25"/>
      <c r="KGI130" s="25"/>
      <c r="KGJ130" s="25"/>
      <c r="KGK130" s="25"/>
      <c r="KGL130" s="25"/>
      <c r="KGM130" s="25"/>
      <c r="KGN130" s="25"/>
      <c r="KGO130" s="25"/>
      <c r="KGP130" s="25"/>
      <c r="KGQ130" s="25"/>
      <c r="KGR130" s="25"/>
      <c r="KGS130" s="25"/>
      <c r="KGT130" s="25"/>
      <c r="KGU130" s="25"/>
      <c r="KGV130" s="25"/>
      <c r="KGW130" s="25"/>
      <c r="KGX130" s="25"/>
      <c r="KGY130" s="25"/>
      <c r="KGZ130" s="25"/>
      <c r="KHA130" s="25"/>
      <c r="KHB130" s="25"/>
      <c r="KHC130" s="25"/>
      <c r="KHD130" s="25"/>
      <c r="KHE130" s="25"/>
      <c r="KHF130" s="25"/>
      <c r="KHG130" s="25"/>
      <c r="KHH130" s="25"/>
      <c r="KHI130" s="25"/>
      <c r="KHJ130" s="25"/>
      <c r="KHK130" s="25"/>
      <c r="KHL130" s="25"/>
      <c r="KHM130" s="25"/>
      <c r="KHN130" s="25"/>
      <c r="KHO130" s="25"/>
      <c r="KHP130" s="25"/>
      <c r="KHQ130" s="25"/>
      <c r="KHR130" s="25"/>
      <c r="KHS130" s="25"/>
      <c r="KHT130" s="25"/>
      <c r="KHU130" s="25"/>
      <c r="KHV130" s="25"/>
      <c r="KHW130" s="25"/>
      <c r="KHX130" s="25"/>
      <c r="KHY130" s="25"/>
      <c r="KHZ130" s="25"/>
      <c r="KIA130" s="25"/>
      <c r="KIB130" s="25"/>
      <c r="KIC130" s="25"/>
      <c r="KID130" s="25"/>
      <c r="KIE130" s="25"/>
      <c r="KIF130" s="25"/>
      <c r="KIG130" s="25"/>
      <c r="KIH130" s="25"/>
      <c r="KII130" s="25"/>
      <c r="KIJ130" s="25"/>
      <c r="KIK130" s="25"/>
      <c r="KIL130" s="25"/>
      <c r="KIM130" s="25"/>
      <c r="KIN130" s="25"/>
      <c r="KIO130" s="25"/>
      <c r="KIP130" s="25"/>
      <c r="KIQ130" s="25"/>
      <c r="KIR130" s="25"/>
      <c r="KIS130" s="25"/>
      <c r="KIT130" s="25"/>
      <c r="KIU130" s="25"/>
      <c r="KIV130" s="25"/>
      <c r="KIW130" s="25"/>
      <c r="KIX130" s="25"/>
      <c r="KIY130" s="25"/>
      <c r="KIZ130" s="25"/>
      <c r="KJA130" s="25"/>
      <c r="KJB130" s="25"/>
      <c r="KJC130" s="25"/>
      <c r="KJD130" s="25"/>
      <c r="KJE130" s="25"/>
      <c r="KJF130" s="25"/>
      <c r="KJG130" s="25"/>
      <c r="KJH130" s="25"/>
      <c r="KJI130" s="25"/>
      <c r="KJJ130" s="25"/>
      <c r="KJK130" s="25"/>
      <c r="KJL130" s="25"/>
      <c r="KJM130" s="25"/>
      <c r="KJN130" s="25"/>
      <c r="KJO130" s="25"/>
      <c r="KJP130" s="25"/>
      <c r="KJQ130" s="25"/>
      <c r="KJR130" s="25"/>
      <c r="KJS130" s="25"/>
      <c r="KJT130" s="25"/>
      <c r="KJU130" s="25"/>
      <c r="KJV130" s="25"/>
      <c r="KJW130" s="25"/>
      <c r="KJX130" s="25"/>
      <c r="KJY130" s="25"/>
      <c r="KJZ130" s="25"/>
      <c r="KKA130" s="25"/>
      <c r="KKB130" s="25"/>
      <c r="KKC130" s="25"/>
      <c r="KKD130" s="25"/>
      <c r="KKE130" s="25"/>
      <c r="KKF130" s="25"/>
      <c r="KKG130" s="25"/>
      <c r="KKH130" s="25"/>
      <c r="KKI130" s="25"/>
      <c r="KKJ130" s="25"/>
      <c r="KKK130" s="25"/>
      <c r="KKL130" s="25"/>
      <c r="KKM130" s="25"/>
      <c r="KKN130" s="25"/>
      <c r="KKO130" s="25"/>
      <c r="KKP130" s="25"/>
      <c r="KKQ130" s="25"/>
      <c r="KKR130" s="25"/>
      <c r="KKS130" s="25"/>
      <c r="KKT130" s="25"/>
      <c r="KKU130" s="25"/>
      <c r="KKV130" s="25"/>
      <c r="KKW130" s="25"/>
      <c r="KKX130" s="25"/>
      <c r="KKY130" s="25"/>
      <c r="KKZ130" s="25"/>
      <c r="KLA130" s="25"/>
      <c r="KLB130" s="25"/>
      <c r="KLC130" s="25"/>
      <c r="KLD130" s="25"/>
      <c r="KLE130" s="25"/>
      <c r="KLF130" s="25"/>
      <c r="KLG130" s="25"/>
      <c r="KLH130" s="25"/>
      <c r="KLI130" s="25"/>
      <c r="KLJ130" s="25"/>
      <c r="KLK130" s="25"/>
      <c r="KLL130" s="25"/>
      <c r="KLM130" s="25"/>
      <c r="KLN130" s="25"/>
      <c r="KLO130" s="25"/>
      <c r="KLP130" s="25"/>
      <c r="KLQ130" s="25"/>
      <c r="KLR130" s="25"/>
      <c r="KLS130" s="25"/>
      <c r="KLT130" s="25"/>
      <c r="KLU130" s="25"/>
      <c r="KLV130" s="25"/>
      <c r="KLW130" s="25"/>
      <c r="KLX130" s="25"/>
      <c r="KLY130" s="25"/>
      <c r="KLZ130" s="25"/>
      <c r="KMA130" s="25"/>
      <c r="KMB130" s="25"/>
      <c r="KMC130" s="25"/>
      <c r="KMD130" s="25"/>
      <c r="KME130" s="25"/>
      <c r="KMF130" s="25"/>
      <c r="KMG130" s="25"/>
      <c r="KMH130" s="25"/>
      <c r="KMI130" s="25"/>
      <c r="KMJ130" s="25"/>
      <c r="KMK130" s="25"/>
      <c r="KML130" s="25"/>
      <c r="KMM130" s="25"/>
      <c r="KMN130" s="25"/>
      <c r="KMO130" s="25"/>
      <c r="KMP130" s="25"/>
      <c r="KMQ130" s="25"/>
      <c r="KMR130" s="25"/>
      <c r="KMS130" s="25"/>
      <c r="KMT130" s="25"/>
      <c r="KMU130" s="25"/>
      <c r="KMV130" s="25"/>
      <c r="KMW130" s="25"/>
      <c r="KMX130" s="25"/>
      <c r="KMY130" s="25"/>
      <c r="KMZ130" s="25"/>
      <c r="KNA130" s="25"/>
      <c r="KNB130" s="25"/>
      <c r="KNC130" s="25"/>
      <c r="KND130" s="25"/>
      <c r="KNE130" s="25"/>
      <c r="KNF130" s="25"/>
      <c r="KNG130" s="25"/>
      <c r="KNH130" s="25"/>
      <c r="KNI130" s="25"/>
      <c r="KNJ130" s="25"/>
      <c r="KNK130" s="25"/>
      <c r="KNL130" s="25"/>
      <c r="KNM130" s="25"/>
      <c r="KNN130" s="25"/>
      <c r="KNO130" s="25"/>
      <c r="KNP130" s="25"/>
      <c r="KNQ130" s="25"/>
      <c r="KNR130" s="25"/>
      <c r="KNS130" s="25"/>
      <c r="KNT130" s="25"/>
      <c r="KNU130" s="25"/>
      <c r="KNV130" s="25"/>
      <c r="KNW130" s="25"/>
      <c r="KNX130" s="25"/>
      <c r="KNY130" s="25"/>
      <c r="KNZ130" s="25"/>
      <c r="KOA130" s="25"/>
      <c r="KOB130" s="25"/>
      <c r="KOC130" s="25"/>
      <c r="KOD130" s="25"/>
      <c r="KOE130" s="25"/>
      <c r="KOF130" s="25"/>
      <c r="KOG130" s="25"/>
      <c r="KOH130" s="25"/>
      <c r="KOI130" s="25"/>
      <c r="KOJ130" s="25"/>
      <c r="KOK130" s="25"/>
      <c r="KOL130" s="25"/>
      <c r="KOM130" s="25"/>
      <c r="KON130" s="25"/>
      <c r="KOO130" s="25"/>
      <c r="KOP130" s="25"/>
      <c r="KOQ130" s="25"/>
      <c r="KOR130" s="25"/>
      <c r="KOS130" s="25"/>
      <c r="KOT130" s="25"/>
      <c r="KOU130" s="25"/>
      <c r="KOV130" s="25"/>
      <c r="KOW130" s="25"/>
      <c r="KOX130" s="25"/>
      <c r="KOY130" s="25"/>
      <c r="KOZ130" s="25"/>
      <c r="KPA130" s="25"/>
      <c r="KPB130" s="25"/>
      <c r="KPC130" s="25"/>
      <c r="KPD130" s="25"/>
      <c r="KPE130" s="25"/>
      <c r="KPF130" s="25"/>
      <c r="KPG130" s="25"/>
      <c r="KPH130" s="25"/>
      <c r="KPI130" s="25"/>
      <c r="KPJ130" s="25"/>
      <c r="KPK130" s="25"/>
      <c r="KPL130" s="25"/>
      <c r="KPM130" s="25"/>
      <c r="KPN130" s="25"/>
      <c r="KPO130" s="25"/>
      <c r="KPP130" s="25"/>
      <c r="KPQ130" s="25"/>
      <c r="KPR130" s="25"/>
      <c r="KPS130" s="25"/>
      <c r="KPT130" s="25"/>
      <c r="KPU130" s="25"/>
      <c r="KPV130" s="25"/>
      <c r="KPW130" s="25"/>
      <c r="KPX130" s="25"/>
      <c r="KPY130" s="25"/>
      <c r="KPZ130" s="25"/>
      <c r="KQA130" s="25"/>
      <c r="KQB130" s="25"/>
      <c r="KQC130" s="25"/>
      <c r="KQD130" s="25"/>
      <c r="KQE130" s="25"/>
      <c r="KQF130" s="25"/>
      <c r="KQG130" s="25"/>
      <c r="KQH130" s="25"/>
      <c r="KQI130" s="25"/>
      <c r="KQJ130" s="25"/>
      <c r="KQK130" s="25"/>
      <c r="KQL130" s="25"/>
      <c r="KQM130" s="25"/>
      <c r="KQN130" s="25"/>
      <c r="KQO130" s="25"/>
      <c r="KQP130" s="25"/>
      <c r="KQQ130" s="25"/>
      <c r="KQR130" s="25"/>
      <c r="KQS130" s="25"/>
      <c r="KQT130" s="25"/>
      <c r="KQU130" s="25"/>
      <c r="KQV130" s="25"/>
      <c r="KQW130" s="25"/>
      <c r="KQX130" s="25"/>
      <c r="KQY130" s="25"/>
      <c r="KQZ130" s="25"/>
      <c r="KRA130" s="25"/>
      <c r="KRB130" s="25"/>
      <c r="KRC130" s="25"/>
      <c r="KRD130" s="25"/>
      <c r="KRE130" s="25"/>
      <c r="KRF130" s="25"/>
      <c r="KRG130" s="25"/>
      <c r="KRH130" s="25"/>
      <c r="KRI130" s="25"/>
      <c r="KRJ130" s="25"/>
      <c r="KRK130" s="25"/>
      <c r="KRL130" s="25"/>
      <c r="KRM130" s="25"/>
      <c r="KRN130" s="25"/>
      <c r="KRO130" s="25"/>
      <c r="KRP130" s="25"/>
      <c r="KRQ130" s="25"/>
      <c r="KRR130" s="25"/>
      <c r="KRS130" s="25"/>
      <c r="KRT130" s="25"/>
      <c r="KRU130" s="25"/>
      <c r="KRV130" s="25"/>
      <c r="KRW130" s="25"/>
      <c r="KRX130" s="25"/>
      <c r="KRY130" s="25"/>
      <c r="KRZ130" s="25"/>
      <c r="KSA130" s="25"/>
      <c r="KSB130" s="25"/>
      <c r="KSC130" s="25"/>
      <c r="KSD130" s="25"/>
      <c r="KSE130" s="25"/>
      <c r="KSF130" s="25"/>
      <c r="KSG130" s="25"/>
      <c r="KSH130" s="25"/>
      <c r="KSI130" s="25"/>
      <c r="KSJ130" s="25"/>
      <c r="KSK130" s="25"/>
      <c r="KSL130" s="25"/>
      <c r="KSM130" s="25"/>
      <c r="KSN130" s="25"/>
      <c r="KSO130" s="25"/>
      <c r="KSP130" s="25"/>
      <c r="KSQ130" s="25"/>
      <c r="KSR130" s="25"/>
      <c r="KSS130" s="25"/>
      <c r="KST130" s="25"/>
      <c r="KSU130" s="25"/>
      <c r="KSV130" s="25"/>
      <c r="KSW130" s="25"/>
      <c r="KSX130" s="25"/>
      <c r="KSY130" s="25"/>
      <c r="KSZ130" s="25"/>
      <c r="KTA130" s="25"/>
      <c r="KTB130" s="25"/>
      <c r="KTC130" s="25"/>
      <c r="KTD130" s="25"/>
      <c r="KTE130" s="25"/>
      <c r="KTF130" s="25"/>
      <c r="KTG130" s="25"/>
      <c r="KTH130" s="25"/>
      <c r="KTI130" s="25"/>
      <c r="KTJ130" s="25"/>
      <c r="KTK130" s="25"/>
      <c r="KTL130" s="25"/>
      <c r="KTM130" s="25"/>
      <c r="KTN130" s="25"/>
      <c r="KTO130" s="25"/>
      <c r="KTP130" s="25"/>
      <c r="KTQ130" s="25"/>
      <c r="KTR130" s="25"/>
      <c r="KTS130" s="25"/>
      <c r="KTT130" s="25"/>
      <c r="KTU130" s="25"/>
      <c r="KTV130" s="25"/>
      <c r="KTW130" s="25"/>
      <c r="KTX130" s="25"/>
      <c r="KTY130" s="25"/>
      <c r="KTZ130" s="25"/>
      <c r="KUA130" s="25"/>
      <c r="KUB130" s="25"/>
      <c r="KUC130" s="25"/>
      <c r="KUD130" s="25"/>
      <c r="KUE130" s="25"/>
      <c r="KUF130" s="25"/>
      <c r="KUG130" s="25"/>
      <c r="KUH130" s="25"/>
      <c r="KUI130" s="25"/>
      <c r="KUJ130" s="25"/>
      <c r="KUK130" s="25"/>
      <c r="KUL130" s="25"/>
      <c r="KUM130" s="25"/>
      <c r="KUN130" s="25"/>
      <c r="KUO130" s="25"/>
      <c r="KUP130" s="25"/>
      <c r="KUQ130" s="25"/>
      <c r="KUR130" s="25"/>
      <c r="KUS130" s="25"/>
      <c r="KUT130" s="25"/>
      <c r="KUU130" s="25"/>
      <c r="KUV130" s="25"/>
      <c r="KUW130" s="25"/>
      <c r="KUX130" s="25"/>
      <c r="KUY130" s="25"/>
      <c r="KUZ130" s="25"/>
      <c r="KVA130" s="25"/>
      <c r="KVB130" s="25"/>
      <c r="KVC130" s="25"/>
      <c r="KVD130" s="25"/>
      <c r="KVE130" s="25"/>
      <c r="KVF130" s="25"/>
      <c r="KVG130" s="25"/>
      <c r="KVH130" s="25"/>
      <c r="KVI130" s="25"/>
      <c r="KVJ130" s="25"/>
      <c r="KVK130" s="25"/>
      <c r="KVL130" s="25"/>
      <c r="KVM130" s="25"/>
      <c r="KVN130" s="25"/>
      <c r="KVO130" s="25"/>
      <c r="KVP130" s="25"/>
      <c r="KVQ130" s="25"/>
      <c r="KVR130" s="25"/>
      <c r="KVS130" s="25"/>
      <c r="KVT130" s="25"/>
      <c r="KVU130" s="25"/>
      <c r="KVV130" s="25"/>
      <c r="KVW130" s="25"/>
      <c r="KVX130" s="25"/>
      <c r="KVY130" s="25"/>
      <c r="KVZ130" s="25"/>
      <c r="KWA130" s="25"/>
      <c r="KWB130" s="25"/>
      <c r="KWC130" s="25"/>
      <c r="KWD130" s="25"/>
      <c r="KWE130" s="25"/>
      <c r="KWF130" s="25"/>
      <c r="KWG130" s="25"/>
      <c r="KWH130" s="25"/>
      <c r="KWI130" s="25"/>
      <c r="KWJ130" s="25"/>
      <c r="KWK130" s="25"/>
      <c r="KWL130" s="25"/>
      <c r="KWM130" s="25"/>
      <c r="KWN130" s="25"/>
      <c r="KWO130" s="25"/>
      <c r="KWP130" s="25"/>
      <c r="KWQ130" s="25"/>
      <c r="KWR130" s="25"/>
      <c r="KWS130" s="25"/>
      <c r="KWT130" s="25"/>
      <c r="KWU130" s="25"/>
      <c r="KWV130" s="25"/>
      <c r="KWW130" s="25"/>
      <c r="KWX130" s="25"/>
      <c r="KWY130" s="25"/>
      <c r="KWZ130" s="25"/>
      <c r="KXA130" s="25"/>
      <c r="KXB130" s="25"/>
      <c r="KXC130" s="25"/>
      <c r="KXD130" s="25"/>
      <c r="KXE130" s="25"/>
      <c r="KXF130" s="25"/>
      <c r="KXG130" s="25"/>
      <c r="KXH130" s="25"/>
      <c r="KXI130" s="25"/>
      <c r="KXJ130" s="25"/>
      <c r="KXK130" s="25"/>
      <c r="KXL130" s="25"/>
      <c r="KXM130" s="25"/>
      <c r="KXN130" s="25"/>
      <c r="KXO130" s="25"/>
      <c r="KXP130" s="25"/>
      <c r="KXQ130" s="25"/>
      <c r="KXR130" s="25"/>
      <c r="KXS130" s="25"/>
      <c r="KXT130" s="25"/>
      <c r="KXU130" s="25"/>
      <c r="KXV130" s="25"/>
      <c r="KXW130" s="25"/>
      <c r="KXX130" s="25"/>
      <c r="KXY130" s="25"/>
      <c r="KXZ130" s="25"/>
      <c r="KYA130" s="25"/>
      <c r="KYB130" s="25"/>
      <c r="KYC130" s="25"/>
      <c r="KYD130" s="25"/>
      <c r="KYE130" s="25"/>
      <c r="KYF130" s="25"/>
      <c r="KYG130" s="25"/>
      <c r="KYH130" s="25"/>
      <c r="KYI130" s="25"/>
      <c r="KYJ130" s="25"/>
      <c r="KYK130" s="25"/>
      <c r="KYL130" s="25"/>
      <c r="KYM130" s="25"/>
      <c r="KYN130" s="25"/>
      <c r="KYO130" s="25"/>
      <c r="KYP130" s="25"/>
      <c r="KYQ130" s="25"/>
      <c r="KYR130" s="25"/>
      <c r="KYS130" s="25"/>
      <c r="KYT130" s="25"/>
      <c r="KYU130" s="25"/>
      <c r="KYV130" s="25"/>
      <c r="KYW130" s="25"/>
      <c r="KYX130" s="25"/>
      <c r="KYY130" s="25"/>
      <c r="KYZ130" s="25"/>
      <c r="KZA130" s="25"/>
      <c r="KZB130" s="25"/>
      <c r="KZC130" s="25"/>
      <c r="KZD130" s="25"/>
      <c r="KZE130" s="25"/>
      <c r="KZF130" s="25"/>
      <c r="KZG130" s="25"/>
      <c r="KZH130" s="25"/>
      <c r="KZI130" s="25"/>
      <c r="KZJ130" s="25"/>
      <c r="KZK130" s="25"/>
      <c r="KZL130" s="25"/>
      <c r="KZM130" s="25"/>
      <c r="KZN130" s="25"/>
      <c r="KZO130" s="25"/>
      <c r="KZP130" s="25"/>
      <c r="KZQ130" s="25"/>
      <c r="KZR130" s="25"/>
      <c r="KZS130" s="25"/>
      <c r="KZT130" s="25"/>
      <c r="KZU130" s="25"/>
      <c r="KZV130" s="25"/>
      <c r="KZW130" s="25"/>
      <c r="KZX130" s="25"/>
      <c r="KZY130" s="25"/>
      <c r="KZZ130" s="25"/>
      <c r="LAA130" s="25"/>
      <c r="LAB130" s="25"/>
      <c r="LAC130" s="25"/>
      <c r="LAD130" s="25"/>
      <c r="LAE130" s="25"/>
      <c r="LAF130" s="25"/>
      <c r="LAG130" s="25"/>
      <c r="LAH130" s="25"/>
      <c r="LAI130" s="25"/>
      <c r="LAJ130" s="25"/>
      <c r="LAK130" s="25"/>
      <c r="LAL130" s="25"/>
      <c r="LAM130" s="25"/>
      <c r="LAN130" s="25"/>
      <c r="LAO130" s="25"/>
      <c r="LAP130" s="25"/>
      <c r="LAQ130" s="25"/>
      <c r="LAR130" s="25"/>
      <c r="LAS130" s="25"/>
      <c r="LAT130" s="25"/>
      <c r="LAU130" s="25"/>
      <c r="LAV130" s="25"/>
      <c r="LAW130" s="25"/>
      <c r="LAX130" s="25"/>
      <c r="LAY130" s="25"/>
      <c r="LAZ130" s="25"/>
      <c r="LBA130" s="25"/>
      <c r="LBB130" s="25"/>
      <c r="LBC130" s="25"/>
      <c r="LBD130" s="25"/>
      <c r="LBE130" s="25"/>
      <c r="LBF130" s="25"/>
      <c r="LBG130" s="25"/>
      <c r="LBH130" s="25"/>
      <c r="LBI130" s="25"/>
      <c r="LBJ130" s="25"/>
      <c r="LBK130" s="25"/>
      <c r="LBL130" s="25"/>
      <c r="LBM130" s="25"/>
      <c r="LBN130" s="25"/>
      <c r="LBO130" s="25"/>
      <c r="LBP130" s="25"/>
      <c r="LBQ130" s="25"/>
      <c r="LBR130" s="25"/>
      <c r="LBS130" s="25"/>
      <c r="LBT130" s="25"/>
      <c r="LBU130" s="25"/>
      <c r="LBV130" s="25"/>
      <c r="LBW130" s="25"/>
      <c r="LBX130" s="25"/>
      <c r="LBY130" s="25"/>
      <c r="LBZ130" s="25"/>
      <c r="LCA130" s="25"/>
      <c r="LCB130" s="25"/>
      <c r="LCC130" s="25"/>
      <c r="LCD130" s="25"/>
      <c r="LCE130" s="25"/>
      <c r="LCF130" s="25"/>
      <c r="LCG130" s="25"/>
      <c r="LCH130" s="25"/>
      <c r="LCI130" s="25"/>
      <c r="LCJ130" s="25"/>
      <c r="LCK130" s="25"/>
      <c r="LCL130" s="25"/>
      <c r="LCM130" s="25"/>
      <c r="LCN130" s="25"/>
      <c r="LCO130" s="25"/>
      <c r="LCP130" s="25"/>
      <c r="LCQ130" s="25"/>
      <c r="LCR130" s="25"/>
      <c r="LCS130" s="25"/>
      <c r="LCT130" s="25"/>
      <c r="LCU130" s="25"/>
      <c r="LCV130" s="25"/>
      <c r="LCW130" s="25"/>
      <c r="LCX130" s="25"/>
      <c r="LCY130" s="25"/>
      <c r="LCZ130" s="25"/>
      <c r="LDA130" s="25"/>
      <c r="LDB130" s="25"/>
      <c r="LDC130" s="25"/>
      <c r="LDD130" s="25"/>
      <c r="LDE130" s="25"/>
      <c r="LDF130" s="25"/>
      <c r="LDG130" s="25"/>
      <c r="LDH130" s="25"/>
      <c r="LDI130" s="25"/>
      <c r="LDJ130" s="25"/>
      <c r="LDK130" s="25"/>
      <c r="LDL130" s="25"/>
      <c r="LDM130" s="25"/>
      <c r="LDN130" s="25"/>
      <c r="LDO130" s="25"/>
      <c r="LDP130" s="25"/>
      <c r="LDQ130" s="25"/>
      <c r="LDR130" s="25"/>
      <c r="LDS130" s="25"/>
      <c r="LDT130" s="25"/>
      <c r="LDU130" s="25"/>
      <c r="LDV130" s="25"/>
      <c r="LDW130" s="25"/>
      <c r="LDX130" s="25"/>
      <c r="LDY130" s="25"/>
      <c r="LDZ130" s="25"/>
      <c r="LEA130" s="25"/>
      <c r="LEB130" s="25"/>
      <c r="LEC130" s="25"/>
      <c r="LED130" s="25"/>
      <c r="LEE130" s="25"/>
      <c r="LEF130" s="25"/>
      <c r="LEG130" s="25"/>
      <c r="LEH130" s="25"/>
      <c r="LEI130" s="25"/>
      <c r="LEJ130" s="25"/>
      <c r="LEK130" s="25"/>
      <c r="LEL130" s="25"/>
      <c r="LEM130" s="25"/>
      <c r="LEN130" s="25"/>
      <c r="LEO130" s="25"/>
      <c r="LEP130" s="25"/>
      <c r="LEQ130" s="25"/>
      <c r="LER130" s="25"/>
      <c r="LES130" s="25"/>
      <c r="LET130" s="25"/>
      <c r="LEU130" s="25"/>
      <c r="LEV130" s="25"/>
      <c r="LEW130" s="25"/>
      <c r="LEX130" s="25"/>
      <c r="LEY130" s="25"/>
      <c r="LEZ130" s="25"/>
      <c r="LFA130" s="25"/>
      <c r="LFB130" s="25"/>
      <c r="LFC130" s="25"/>
      <c r="LFD130" s="25"/>
      <c r="LFE130" s="25"/>
      <c r="LFF130" s="25"/>
      <c r="LFG130" s="25"/>
      <c r="LFH130" s="25"/>
      <c r="LFI130" s="25"/>
      <c r="LFJ130" s="25"/>
      <c r="LFK130" s="25"/>
      <c r="LFL130" s="25"/>
      <c r="LFM130" s="25"/>
      <c r="LFN130" s="25"/>
      <c r="LFO130" s="25"/>
      <c r="LFP130" s="25"/>
      <c r="LFQ130" s="25"/>
      <c r="LFR130" s="25"/>
      <c r="LFS130" s="25"/>
      <c r="LFT130" s="25"/>
      <c r="LFU130" s="25"/>
      <c r="LFV130" s="25"/>
      <c r="LFW130" s="25"/>
      <c r="LFX130" s="25"/>
      <c r="LFY130" s="25"/>
      <c r="LFZ130" s="25"/>
      <c r="LGA130" s="25"/>
      <c r="LGB130" s="25"/>
      <c r="LGC130" s="25"/>
      <c r="LGD130" s="25"/>
      <c r="LGE130" s="25"/>
      <c r="LGF130" s="25"/>
      <c r="LGG130" s="25"/>
      <c r="LGH130" s="25"/>
      <c r="LGI130" s="25"/>
      <c r="LGJ130" s="25"/>
      <c r="LGK130" s="25"/>
      <c r="LGL130" s="25"/>
      <c r="LGM130" s="25"/>
      <c r="LGN130" s="25"/>
      <c r="LGO130" s="25"/>
      <c r="LGP130" s="25"/>
      <c r="LGQ130" s="25"/>
      <c r="LGR130" s="25"/>
      <c r="LGS130" s="25"/>
      <c r="LGT130" s="25"/>
      <c r="LGU130" s="25"/>
      <c r="LGV130" s="25"/>
      <c r="LGW130" s="25"/>
      <c r="LGX130" s="25"/>
      <c r="LGY130" s="25"/>
      <c r="LGZ130" s="25"/>
      <c r="LHA130" s="25"/>
      <c r="LHB130" s="25"/>
      <c r="LHC130" s="25"/>
      <c r="LHD130" s="25"/>
      <c r="LHE130" s="25"/>
      <c r="LHF130" s="25"/>
      <c r="LHG130" s="25"/>
      <c r="LHH130" s="25"/>
      <c r="LHI130" s="25"/>
      <c r="LHJ130" s="25"/>
      <c r="LHK130" s="25"/>
      <c r="LHL130" s="25"/>
      <c r="LHM130" s="25"/>
      <c r="LHN130" s="25"/>
      <c r="LHO130" s="25"/>
      <c r="LHP130" s="25"/>
      <c r="LHQ130" s="25"/>
      <c r="LHR130" s="25"/>
      <c r="LHS130" s="25"/>
      <c r="LHT130" s="25"/>
      <c r="LHU130" s="25"/>
      <c r="LHV130" s="25"/>
      <c r="LHW130" s="25"/>
      <c r="LHX130" s="25"/>
      <c r="LHY130" s="25"/>
      <c r="LHZ130" s="25"/>
      <c r="LIA130" s="25"/>
      <c r="LIB130" s="25"/>
      <c r="LIC130" s="25"/>
      <c r="LID130" s="25"/>
      <c r="LIE130" s="25"/>
      <c r="LIF130" s="25"/>
      <c r="LIG130" s="25"/>
      <c r="LIH130" s="25"/>
      <c r="LII130" s="25"/>
      <c r="LIJ130" s="25"/>
      <c r="LIK130" s="25"/>
      <c r="LIL130" s="25"/>
      <c r="LIM130" s="25"/>
      <c r="LIN130" s="25"/>
      <c r="LIO130" s="25"/>
      <c r="LIP130" s="25"/>
      <c r="LIQ130" s="25"/>
      <c r="LIR130" s="25"/>
      <c r="LIS130" s="25"/>
      <c r="LIT130" s="25"/>
      <c r="LIU130" s="25"/>
      <c r="LIV130" s="25"/>
      <c r="LIW130" s="25"/>
      <c r="LIX130" s="25"/>
      <c r="LIY130" s="25"/>
      <c r="LIZ130" s="25"/>
      <c r="LJA130" s="25"/>
      <c r="LJB130" s="25"/>
      <c r="LJC130" s="25"/>
      <c r="LJD130" s="25"/>
      <c r="LJE130" s="25"/>
      <c r="LJF130" s="25"/>
      <c r="LJG130" s="25"/>
      <c r="LJH130" s="25"/>
      <c r="LJI130" s="25"/>
      <c r="LJJ130" s="25"/>
      <c r="LJK130" s="25"/>
      <c r="LJL130" s="25"/>
      <c r="LJM130" s="25"/>
      <c r="LJN130" s="25"/>
      <c r="LJO130" s="25"/>
      <c r="LJP130" s="25"/>
      <c r="LJQ130" s="25"/>
      <c r="LJR130" s="25"/>
      <c r="LJS130" s="25"/>
      <c r="LJT130" s="25"/>
      <c r="LJU130" s="25"/>
      <c r="LJV130" s="25"/>
      <c r="LJW130" s="25"/>
      <c r="LJX130" s="25"/>
      <c r="LJY130" s="25"/>
      <c r="LJZ130" s="25"/>
      <c r="LKA130" s="25"/>
      <c r="LKB130" s="25"/>
      <c r="LKC130" s="25"/>
      <c r="LKD130" s="25"/>
      <c r="LKE130" s="25"/>
      <c r="LKF130" s="25"/>
      <c r="LKG130" s="25"/>
      <c r="LKH130" s="25"/>
      <c r="LKI130" s="25"/>
      <c r="LKJ130" s="25"/>
      <c r="LKK130" s="25"/>
      <c r="LKL130" s="25"/>
      <c r="LKM130" s="25"/>
      <c r="LKN130" s="25"/>
      <c r="LKO130" s="25"/>
      <c r="LKP130" s="25"/>
      <c r="LKQ130" s="25"/>
      <c r="LKR130" s="25"/>
      <c r="LKS130" s="25"/>
      <c r="LKT130" s="25"/>
      <c r="LKU130" s="25"/>
      <c r="LKV130" s="25"/>
      <c r="LKW130" s="25"/>
      <c r="LKX130" s="25"/>
      <c r="LKY130" s="25"/>
      <c r="LKZ130" s="25"/>
      <c r="LLA130" s="25"/>
      <c r="LLB130" s="25"/>
      <c r="LLC130" s="25"/>
      <c r="LLD130" s="25"/>
      <c r="LLE130" s="25"/>
      <c r="LLF130" s="25"/>
      <c r="LLG130" s="25"/>
      <c r="LLH130" s="25"/>
      <c r="LLI130" s="25"/>
      <c r="LLJ130" s="25"/>
      <c r="LLK130" s="25"/>
      <c r="LLL130" s="25"/>
      <c r="LLM130" s="25"/>
      <c r="LLN130" s="25"/>
      <c r="LLO130" s="25"/>
      <c r="LLP130" s="25"/>
      <c r="LLQ130" s="25"/>
      <c r="LLR130" s="25"/>
      <c r="LLS130" s="25"/>
      <c r="LLT130" s="25"/>
      <c r="LLU130" s="25"/>
      <c r="LLV130" s="25"/>
      <c r="LLW130" s="25"/>
      <c r="LLX130" s="25"/>
      <c r="LLY130" s="25"/>
      <c r="LLZ130" s="25"/>
      <c r="LMA130" s="25"/>
      <c r="LMB130" s="25"/>
      <c r="LMC130" s="25"/>
      <c r="LMD130" s="25"/>
      <c r="LME130" s="25"/>
      <c r="LMF130" s="25"/>
      <c r="LMG130" s="25"/>
      <c r="LMH130" s="25"/>
      <c r="LMI130" s="25"/>
      <c r="LMJ130" s="25"/>
      <c r="LMK130" s="25"/>
      <c r="LML130" s="25"/>
      <c r="LMM130" s="25"/>
      <c r="LMN130" s="25"/>
      <c r="LMO130" s="25"/>
      <c r="LMP130" s="25"/>
      <c r="LMQ130" s="25"/>
      <c r="LMR130" s="25"/>
      <c r="LMS130" s="25"/>
      <c r="LMT130" s="25"/>
      <c r="LMU130" s="25"/>
      <c r="LMV130" s="25"/>
      <c r="LMW130" s="25"/>
      <c r="LMX130" s="25"/>
      <c r="LMY130" s="25"/>
      <c r="LMZ130" s="25"/>
      <c r="LNA130" s="25"/>
      <c r="LNB130" s="25"/>
      <c r="LNC130" s="25"/>
      <c r="LND130" s="25"/>
      <c r="LNE130" s="25"/>
      <c r="LNF130" s="25"/>
      <c r="LNG130" s="25"/>
      <c r="LNH130" s="25"/>
      <c r="LNI130" s="25"/>
      <c r="LNJ130" s="25"/>
      <c r="LNK130" s="25"/>
      <c r="LNL130" s="25"/>
      <c r="LNM130" s="25"/>
      <c r="LNN130" s="25"/>
      <c r="LNO130" s="25"/>
      <c r="LNP130" s="25"/>
      <c r="LNQ130" s="25"/>
      <c r="LNR130" s="25"/>
      <c r="LNS130" s="25"/>
      <c r="LNT130" s="25"/>
      <c r="LNU130" s="25"/>
      <c r="LNV130" s="25"/>
      <c r="LNW130" s="25"/>
      <c r="LNX130" s="25"/>
      <c r="LNY130" s="25"/>
      <c r="LNZ130" s="25"/>
      <c r="LOA130" s="25"/>
      <c r="LOB130" s="25"/>
      <c r="LOC130" s="25"/>
      <c r="LOD130" s="25"/>
      <c r="LOE130" s="25"/>
      <c r="LOF130" s="25"/>
      <c r="LOG130" s="25"/>
      <c r="LOH130" s="25"/>
      <c r="LOI130" s="25"/>
      <c r="LOJ130" s="25"/>
      <c r="LOK130" s="25"/>
      <c r="LOL130" s="25"/>
      <c r="LOM130" s="25"/>
      <c r="LON130" s="25"/>
      <c r="LOO130" s="25"/>
      <c r="LOP130" s="25"/>
      <c r="LOQ130" s="25"/>
      <c r="LOR130" s="25"/>
      <c r="LOS130" s="25"/>
      <c r="LOT130" s="25"/>
      <c r="LOU130" s="25"/>
      <c r="LOV130" s="25"/>
      <c r="LOW130" s="25"/>
      <c r="LOX130" s="25"/>
      <c r="LOY130" s="25"/>
      <c r="LOZ130" s="25"/>
      <c r="LPA130" s="25"/>
      <c r="LPB130" s="25"/>
      <c r="LPC130" s="25"/>
      <c r="LPD130" s="25"/>
      <c r="LPE130" s="25"/>
      <c r="LPF130" s="25"/>
      <c r="LPG130" s="25"/>
      <c r="LPH130" s="25"/>
      <c r="LPI130" s="25"/>
      <c r="LPJ130" s="25"/>
      <c r="LPK130" s="25"/>
      <c r="LPL130" s="25"/>
      <c r="LPM130" s="25"/>
      <c r="LPN130" s="25"/>
      <c r="LPO130" s="25"/>
      <c r="LPP130" s="25"/>
      <c r="LPQ130" s="25"/>
      <c r="LPR130" s="25"/>
      <c r="LPS130" s="25"/>
      <c r="LPT130" s="25"/>
      <c r="LPU130" s="25"/>
      <c r="LPV130" s="25"/>
      <c r="LPW130" s="25"/>
      <c r="LPX130" s="25"/>
      <c r="LPY130" s="25"/>
      <c r="LPZ130" s="25"/>
      <c r="LQA130" s="25"/>
      <c r="LQB130" s="25"/>
      <c r="LQC130" s="25"/>
      <c r="LQD130" s="25"/>
      <c r="LQE130" s="25"/>
      <c r="LQF130" s="25"/>
      <c r="LQG130" s="25"/>
      <c r="LQH130" s="25"/>
      <c r="LQI130" s="25"/>
      <c r="LQJ130" s="25"/>
      <c r="LQK130" s="25"/>
      <c r="LQL130" s="25"/>
      <c r="LQM130" s="25"/>
      <c r="LQN130" s="25"/>
      <c r="LQO130" s="25"/>
      <c r="LQP130" s="25"/>
      <c r="LQQ130" s="25"/>
      <c r="LQR130" s="25"/>
      <c r="LQS130" s="25"/>
      <c r="LQT130" s="25"/>
      <c r="LQU130" s="25"/>
      <c r="LQV130" s="25"/>
      <c r="LQW130" s="25"/>
      <c r="LQX130" s="25"/>
      <c r="LQY130" s="25"/>
      <c r="LQZ130" s="25"/>
      <c r="LRA130" s="25"/>
      <c r="LRB130" s="25"/>
      <c r="LRC130" s="25"/>
      <c r="LRD130" s="25"/>
      <c r="LRE130" s="25"/>
      <c r="LRF130" s="25"/>
      <c r="LRG130" s="25"/>
      <c r="LRH130" s="25"/>
      <c r="LRI130" s="25"/>
      <c r="LRJ130" s="25"/>
      <c r="LRK130" s="25"/>
      <c r="LRL130" s="25"/>
      <c r="LRM130" s="25"/>
      <c r="LRN130" s="25"/>
      <c r="LRO130" s="25"/>
      <c r="LRP130" s="25"/>
      <c r="LRQ130" s="25"/>
      <c r="LRR130" s="25"/>
      <c r="LRS130" s="25"/>
      <c r="LRT130" s="25"/>
      <c r="LRU130" s="25"/>
      <c r="LRV130" s="25"/>
      <c r="LRW130" s="25"/>
      <c r="LRX130" s="25"/>
      <c r="LRY130" s="25"/>
      <c r="LRZ130" s="25"/>
      <c r="LSA130" s="25"/>
      <c r="LSB130" s="25"/>
      <c r="LSC130" s="25"/>
      <c r="LSD130" s="25"/>
      <c r="LSE130" s="25"/>
      <c r="LSF130" s="25"/>
      <c r="LSG130" s="25"/>
      <c r="LSH130" s="25"/>
      <c r="LSI130" s="25"/>
      <c r="LSJ130" s="25"/>
      <c r="LSK130" s="25"/>
      <c r="LSL130" s="25"/>
      <c r="LSM130" s="25"/>
      <c r="LSN130" s="25"/>
      <c r="LSO130" s="25"/>
      <c r="LSP130" s="25"/>
      <c r="LSQ130" s="25"/>
      <c r="LSR130" s="25"/>
      <c r="LSS130" s="25"/>
      <c r="LST130" s="25"/>
      <c r="LSU130" s="25"/>
      <c r="LSV130" s="25"/>
      <c r="LSW130" s="25"/>
      <c r="LSX130" s="25"/>
      <c r="LSY130" s="25"/>
      <c r="LSZ130" s="25"/>
      <c r="LTA130" s="25"/>
      <c r="LTB130" s="25"/>
      <c r="LTC130" s="25"/>
      <c r="LTD130" s="25"/>
      <c r="LTE130" s="25"/>
      <c r="LTF130" s="25"/>
      <c r="LTG130" s="25"/>
      <c r="LTH130" s="25"/>
      <c r="LTI130" s="25"/>
      <c r="LTJ130" s="25"/>
      <c r="LTK130" s="25"/>
      <c r="LTL130" s="25"/>
      <c r="LTM130" s="25"/>
      <c r="LTN130" s="25"/>
      <c r="LTO130" s="25"/>
      <c r="LTP130" s="25"/>
      <c r="LTQ130" s="25"/>
      <c r="LTR130" s="25"/>
      <c r="LTS130" s="25"/>
      <c r="LTT130" s="25"/>
      <c r="LTU130" s="25"/>
      <c r="LTV130" s="25"/>
      <c r="LTW130" s="25"/>
      <c r="LTX130" s="25"/>
      <c r="LTY130" s="25"/>
      <c r="LTZ130" s="25"/>
      <c r="LUA130" s="25"/>
      <c r="LUB130" s="25"/>
      <c r="LUC130" s="25"/>
      <c r="LUD130" s="25"/>
      <c r="LUE130" s="25"/>
      <c r="LUF130" s="25"/>
      <c r="LUG130" s="25"/>
      <c r="LUH130" s="25"/>
      <c r="LUI130" s="25"/>
      <c r="LUJ130" s="25"/>
      <c r="LUK130" s="25"/>
      <c r="LUL130" s="25"/>
      <c r="LUM130" s="25"/>
      <c r="LUN130" s="25"/>
      <c r="LUO130" s="25"/>
      <c r="LUP130" s="25"/>
      <c r="LUQ130" s="25"/>
      <c r="LUR130" s="25"/>
      <c r="LUS130" s="25"/>
      <c r="LUT130" s="25"/>
      <c r="LUU130" s="25"/>
      <c r="LUV130" s="25"/>
      <c r="LUW130" s="25"/>
      <c r="LUX130" s="25"/>
      <c r="LUY130" s="25"/>
      <c r="LUZ130" s="25"/>
      <c r="LVA130" s="25"/>
      <c r="LVB130" s="25"/>
      <c r="LVC130" s="25"/>
      <c r="LVD130" s="25"/>
      <c r="LVE130" s="25"/>
      <c r="LVF130" s="25"/>
      <c r="LVG130" s="25"/>
      <c r="LVH130" s="25"/>
      <c r="LVI130" s="25"/>
      <c r="LVJ130" s="25"/>
      <c r="LVK130" s="25"/>
      <c r="LVL130" s="25"/>
      <c r="LVM130" s="25"/>
      <c r="LVN130" s="25"/>
      <c r="LVO130" s="25"/>
      <c r="LVP130" s="25"/>
      <c r="LVQ130" s="25"/>
      <c r="LVR130" s="25"/>
      <c r="LVS130" s="25"/>
      <c r="LVT130" s="25"/>
      <c r="LVU130" s="25"/>
      <c r="LVV130" s="25"/>
      <c r="LVW130" s="25"/>
      <c r="LVX130" s="25"/>
      <c r="LVY130" s="25"/>
      <c r="LVZ130" s="25"/>
      <c r="LWA130" s="25"/>
      <c r="LWB130" s="25"/>
      <c r="LWC130" s="25"/>
      <c r="LWD130" s="25"/>
      <c r="LWE130" s="25"/>
      <c r="LWF130" s="25"/>
      <c r="LWG130" s="25"/>
      <c r="LWH130" s="25"/>
      <c r="LWI130" s="25"/>
      <c r="LWJ130" s="25"/>
      <c r="LWK130" s="25"/>
      <c r="LWL130" s="25"/>
      <c r="LWM130" s="25"/>
      <c r="LWN130" s="25"/>
      <c r="LWO130" s="25"/>
      <c r="LWP130" s="25"/>
      <c r="LWQ130" s="25"/>
      <c r="LWR130" s="25"/>
      <c r="LWS130" s="25"/>
      <c r="LWT130" s="25"/>
      <c r="LWU130" s="25"/>
      <c r="LWV130" s="25"/>
      <c r="LWW130" s="25"/>
      <c r="LWX130" s="25"/>
      <c r="LWY130" s="25"/>
      <c r="LWZ130" s="25"/>
      <c r="LXA130" s="25"/>
      <c r="LXB130" s="25"/>
      <c r="LXC130" s="25"/>
      <c r="LXD130" s="25"/>
      <c r="LXE130" s="25"/>
      <c r="LXF130" s="25"/>
      <c r="LXG130" s="25"/>
      <c r="LXH130" s="25"/>
      <c r="LXI130" s="25"/>
      <c r="LXJ130" s="25"/>
      <c r="LXK130" s="25"/>
      <c r="LXL130" s="25"/>
      <c r="LXM130" s="25"/>
      <c r="LXN130" s="25"/>
      <c r="LXO130" s="25"/>
      <c r="LXP130" s="25"/>
      <c r="LXQ130" s="25"/>
      <c r="LXR130" s="25"/>
      <c r="LXS130" s="25"/>
      <c r="LXT130" s="25"/>
      <c r="LXU130" s="25"/>
      <c r="LXV130" s="25"/>
      <c r="LXW130" s="25"/>
      <c r="LXX130" s="25"/>
      <c r="LXY130" s="25"/>
      <c r="LXZ130" s="25"/>
      <c r="LYA130" s="25"/>
      <c r="LYB130" s="25"/>
      <c r="LYC130" s="25"/>
      <c r="LYD130" s="25"/>
      <c r="LYE130" s="25"/>
      <c r="LYF130" s="25"/>
      <c r="LYG130" s="25"/>
      <c r="LYH130" s="25"/>
      <c r="LYI130" s="25"/>
      <c r="LYJ130" s="25"/>
      <c r="LYK130" s="25"/>
      <c r="LYL130" s="25"/>
      <c r="LYM130" s="25"/>
      <c r="LYN130" s="25"/>
      <c r="LYO130" s="25"/>
      <c r="LYP130" s="25"/>
      <c r="LYQ130" s="25"/>
      <c r="LYR130" s="25"/>
      <c r="LYS130" s="25"/>
      <c r="LYT130" s="25"/>
      <c r="LYU130" s="25"/>
      <c r="LYV130" s="25"/>
      <c r="LYW130" s="25"/>
      <c r="LYX130" s="25"/>
      <c r="LYY130" s="25"/>
      <c r="LYZ130" s="25"/>
      <c r="LZA130" s="25"/>
      <c r="LZB130" s="25"/>
      <c r="LZC130" s="25"/>
      <c r="LZD130" s="25"/>
      <c r="LZE130" s="25"/>
      <c r="LZF130" s="25"/>
      <c r="LZG130" s="25"/>
      <c r="LZH130" s="25"/>
      <c r="LZI130" s="25"/>
      <c r="LZJ130" s="25"/>
      <c r="LZK130" s="25"/>
      <c r="LZL130" s="25"/>
      <c r="LZM130" s="25"/>
      <c r="LZN130" s="25"/>
      <c r="LZO130" s="25"/>
      <c r="LZP130" s="25"/>
      <c r="LZQ130" s="25"/>
      <c r="LZR130" s="25"/>
      <c r="LZS130" s="25"/>
      <c r="LZT130" s="25"/>
      <c r="LZU130" s="25"/>
      <c r="LZV130" s="25"/>
      <c r="LZW130" s="25"/>
      <c r="LZX130" s="25"/>
      <c r="LZY130" s="25"/>
      <c r="LZZ130" s="25"/>
      <c r="MAA130" s="25"/>
      <c r="MAB130" s="25"/>
      <c r="MAC130" s="25"/>
      <c r="MAD130" s="25"/>
      <c r="MAE130" s="25"/>
      <c r="MAF130" s="25"/>
      <c r="MAG130" s="25"/>
      <c r="MAH130" s="25"/>
      <c r="MAI130" s="25"/>
      <c r="MAJ130" s="25"/>
      <c r="MAK130" s="25"/>
      <c r="MAL130" s="25"/>
      <c r="MAM130" s="25"/>
      <c r="MAN130" s="25"/>
      <c r="MAO130" s="25"/>
      <c r="MAP130" s="25"/>
      <c r="MAQ130" s="25"/>
      <c r="MAR130" s="25"/>
      <c r="MAS130" s="25"/>
      <c r="MAT130" s="25"/>
      <c r="MAU130" s="25"/>
      <c r="MAV130" s="25"/>
      <c r="MAW130" s="25"/>
      <c r="MAX130" s="25"/>
      <c r="MAY130" s="25"/>
      <c r="MAZ130" s="25"/>
      <c r="MBA130" s="25"/>
      <c r="MBB130" s="25"/>
      <c r="MBC130" s="25"/>
      <c r="MBD130" s="25"/>
      <c r="MBE130" s="25"/>
      <c r="MBF130" s="25"/>
      <c r="MBG130" s="25"/>
      <c r="MBH130" s="25"/>
      <c r="MBI130" s="25"/>
      <c r="MBJ130" s="25"/>
      <c r="MBK130" s="25"/>
      <c r="MBL130" s="25"/>
      <c r="MBM130" s="25"/>
      <c r="MBN130" s="25"/>
      <c r="MBO130" s="25"/>
      <c r="MBP130" s="25"/>
      <c r="MBQ130" s="25"/>
      <c r="MBR130" s="25"/>
      <c r="MBS130" s="25"/>
      <c r="MBT130" s="25"/>
      <c r="MBU130" s="25"/>
      <c r="MBV130" s="25"/>
      <c r="MBW130" s="25"/>
      <c r="MBX130" s="25"/>
      <c r="MBY130" s="25"/>
      <c r="MBZ130" s="25"/>
      <c r="MCA130" s="25"/>
      <c r="MCB130" s="25"/>
      <c r="MCC130" s="25"/>
      <c r="MCD130" s="25"/>
      <c r="MCE130" s="25"/>
      <c r="MCF130" s="25"/>
      <c r="MCG130" s="25"/>
      <c r="MCH130" s="25"/>
      <c r="MCI130" s="25"/>
      <c r="MCJ130" s="25"/>
      <c r="MCK130" s="25"/>
      <c r="MCL130" s="25"/>
      <c r="MCM130" s="25"/>
      <c r="MCN130" s="25"/>
      <c r="MCO130" s="25"/>
      <c r="MCP130" s="25"/>
      <c r="MCQ130" s="25"/>
      <c r="MCR130" s="25"/>
      <c r="MCS130" s="25"/>
      <c r="MCT130" s="25"/>
      <c r="MCU130" s="25"/>
      <c r="MCV130" s="25"/>
      <c r="MCW130" s="25"/>
      <c r="MCX130" s="25"/>
      <c r="MCY130" s="25"/>
      <c r="MCZ130" s="25"/>
      <c r="MDA130" s="25"/>
      <c r="MDB130" s="25"/>
      <c r="MDC130" s="25"/>
      <c r="MDD130" s="25"/>
      <c r="MDE130" s="25"/>
      <c r="MDF130" s="25"/>
      <c r="MDG130" s="25"/>
      <c r="MDH130" s="25"/>
      <c r="MDI130" s="25"/>
      <c r="MDJ130" s="25"/>
      <c r="MDK130" s="25"/>
      <c r="MDL130" s="25"/>
      <c r="MDM130" s="25"/>
      <c r="MDN130" s="25"/>
      <c r="MDO130" s="25"/>
      <c r="MDP130" s="25"/>
      <c r="MDQ130" s="25"/>
      <c r="MDR130" s="25"/>
      <c r="MDS130" s="25"/>
      <c r="MDT130" s="25"/>
      <c r="MDU130" s="25"/>
      <c r="MDV130" s="25"/>
      <c r="MDW130" s="25"/>
      <c r="MDX130" s="25"/>
      <c r="MDY130" s="25"/>
      <c r="MDZ130" s="25"/>
      <c r="MEA130" s="25"/>
      <c r="MEB130" s="25"/>
      <c r="MEC130" s="25"/>
      <c r="MED130" s="25"/>
      <c r="MEE130" s="25"/>
      <c r="MEF130" s="25"/>
      <c r="MEG130" s="25"/>
      <c r="MEH130" s="25"/>
      <c r="MEI130" s="25"/>
      <c r="MEJ130" s="25"/>
      <c r="MEK130" s="25"/>
      <c r="MEL130" s="25"/>
      <c r="MEM130" s="25"/>
      <c r="MEN130" s="25"/>
      <c r="MEO130" s="25"/>
      <c r="MEP130" s="25"/>
      <c r="MEQ130" s="25"/>
      <c r="MER130" s="25"/>
      <c r="MES130" s="25"/>
      <c r="MET130" s="25"/>
      <c r="MEU130" s="25"/>
      <c r="MEV130" s="25"/>
      <c r="MEW130" s="25"/>
      <c r="MEX130" s="25"/>
      <c r="MEY130" s="25"/>
      <c r="MEZ130" s="25"/>
      <c r="MFA130" s="25"/>
      <c r="MFB130" s="25"/>
      <c r="MFC130" s="25"/>
      <c r="MFD130" s="25"/>
      <c r="MFE130" s="25"/>
      <c r="MFF130" s="25"/>
      <c r="MFG130" s="25"/>
      <c r="MFH130" s="25"/>
      <c r="MFI130" s="25"/>
      <c r="MFJ130" s="25"/>
      <c r="MFK130" s="25"/>
      <c r="MFL130" s="25"/>
      <c r="MFM130" s="25"/>
      <c r="MFN130" s="25"/>
      <c r="MFO130" s="25"/>
      <c r="MFP130" s="25"/>
      <c r="MFQ130" s="25"/>
      <c r="MFR130" s="25"/>
      <c r="MFS130" s="25"/>
      <c r="MFT130" s="25"/>
      <c r="MFU130" s="25"/>
      <c r="MFV130" s="25"/>
      <c r="MFW130" s="25"/>
      <c r="MFX130" s="25"/>
      <c r="MFY130" s="25"/>
      <c r="MFZ130" s="25"/>
      <c r="MGA130" s="25"/>
      <c r="MGB130" s="25"/>
      <c r="MGC130" s="25"/>
      <c r="MGD130" s="25"/>
      <c r="MGE130" s="25"/>
      <c r="MGF130" s="25"/>
      <c r="MGG130" s="25"/>
      <c r="MGH130" s="25"/>
      <c r="MGI130" s="25"/>
      <c r="MGJ130" s="25"/>
      <c r="MGK130" s="25"/>
      <c r="MGL130" s="25"/>
      <c r="MGM130" s="25"/>
      <c r="MGN130" s="25"/>
      <c r="MGO130" s="25"/>
      <c r="MGP130" s="25"/>
      <c r="MGQ130" s="25"/>
      <c r="MGR130" s="25"/>
      <c r="MGS130" s="25"/>
      <c r="MGT130" s="25"/>
      <c r="MGU130" s="25"/>
      <c r="MGV130" s="25"/>
      <c r="MGW130" s="25"/>
      <c r="MGX130" s="25"/>
      <c r="MGY130" s="25"/>
      <c r="MGZ130" s="25"/>
      <c r="MHA130" s="25"/>
      <c r="MHB130" s="25"/>
      <c r="MHC130" s="25"/>
      <c r="MHD130" s="25"/>
      <c r="MHE130" s="25"/>
      <c r="MHF130" s="25"/>
      <c r="MHG130" s="25"/>
      <c r="MHH130" s="25"/>
      <c r="MHI130" s="25"/>
      <c r="MHJ130" s="25"/>
      <c r="MHK130" s="25"/>
      <c r="MHL130" s="25"/>
      <c r="MHM130" s="25"/>
      <c r="MHN130" s="25"/>
      <c r="MHO130" s="25"/>
      <c r="MHP130" s="25"/>
      <c r="MHQ130" s="25"/>
      <c r="MHR130" s="25"/>
      <c r="MHS130" s="25"/>
      <c r="MHT130" s="25"/>
      <c r="MHU130" s="25"/>
      <c r="MHV130" s="25"/>
      <c r="MHW130" s="25"/>
      <c r="MHX130" s="25"/>
      <c r="MHY130" s="25"/>
      <c r="MHZ130" s="25"/>
      <c r="MIA130" s="25"/>
      <c r="MIB130" s="25"/>
      <c r="MIC130" s="25"/>
      <c r="MID130" s="25"/>
      <c r="MIE130" s="25"/>
      <c r="MIF130" s="25"/>
      <c r="MIG130" s="25"/>
      <c r="MIH130" s="25"/>
      <c r="MII130" s="25"/>
      <c r="MIJ130" s="25"/>
      <c r="MIK130" s="25"/>
      <c r="MIL130" s="25"/>
      <c r="MIM130" s="25"/>
      <c r="MIN130" s="25"/>
      <c r="MIO130" s="25"/>
      <c r="MIP130" s="25"/>
      <c r="MIQ130" s="25"/>
      <c r="MIR130" s="25"/>
      <c r="MIS130" s="25"/>
      <c r="MIT130" s="25"/>
      <c r="MIU130" s="25"/>
      <c r="MIV130" s="25"/>
      <c r="MIW130" s="25"/>
      <c r="MIX130" s="25"/>
      <c r="MIY130" s="25"/>
      <c r="MIZ130" s="25"/>
      <c r="MJA130" s="25"/>
      <c r="MJB130" s="25"/>
      <c r="MJC130" s="25"/>
      <c r="MJD130" s="25"/>
      <c r="MJE130" s="25"/>
      <c r="MJF130" s="25"/>
      <c r="MJG130" s="25"/>
      <c r="MJH130" s="25"/>
      <c r="MJI130" s="25"/>
      <c r="MJJ130" s="25"/>
      <c r="MJK130" s="25"/>
      <c r="MJL130" s="25"/>
      <c r="MJM130" s="25"/>
      <c r="MJN130" s="25"/>
      <c r="MJO130" s="25"/>
      <c r="MJP130" s="25"/>
      <c r="MJQ130" s="25"/>
      <c r="MJR130" s="25"/>
      <c r="MJS130" s="25"/>
      <c r="MJT130" s="25"/>
      <c r="MJU130" s="25"/>
      <c r="MJV130" s="25"/>
      <c r="MJW130" s="25"/>
      <c r="MJX130" s="25"/>
      <c r="MJY130" s="25"/>
      <c r="MJZ130" s="25"/>
      <c r="MKA130" s="25"/>
      <c r="MKB130" s="25"/>
      <c r="MKC130" s="25"/>
      <c r="MKD130" s="25"/>
      <c r="MKE130" s="25"/>
      <c r="MKF130" s="25"/>
      <c r="MKG130" s="25"/>
      <c r="MKH130" s="25"/>
      <c r="MKI130" s="25"/>
      <c r="MKJ130" s="25"/>
      <c r="MKK130" s="25"/>
      <c r="MKL130" s="25"/>
      <c r="MKM130" s="25"/>
      <c r="MKN130" s="25"/>
      <c r="MKO130" s="25"/>
      <c r="MKP130" s="25"/>
      <c r="MKQ130" s="25"/>
      <c r="MKR130" s="25"/>
      <c r="MKS130" s="25"/>
      <c r="MKT130" s="25"/>
      <c r="MKU130" s="25"/>
      <c r="MKV130" s="25"/>
      <c r="MKW130" s="25"/>
      <c r="MKX130" s="25"/>
      <c r="MKY130" s="25"/>
      <c r="MKZ130" s="25"/>
      <c r="MLA130" s="25"/>
      <c r="MLB130" s="25"/>
      <c r="MLC130" s="25"/>
      <c r="MLD130" s="25"/>
      <c r="MLE130" s="25"/>
      <c r="MLF130" s="25"/>
      <c r="MLG130" s="25"/>
      <c r="MLH130" s="25"/>
      <c r="MLI130" s="25"/>
      <c r="MLJ130" s="25"/>
      <c r="MLK130" s="25"/>
      <c r="MLL130" s="25"/>
      <c r="MLM130" s="25"/>
      <c r="MLN130" s="25"/>
      <c r="MLO130" s="25"/>
      <c r="MLP130" s="25"/>
      <c r="MLQ130" s="25"/>
      <c r="MLR130" s="25"/>
      <c r="MLS130" s="25"/>
      <c r="MLT130" s="25"/>
      <c r="MLU130" s="25"/>
      <c r="MLV130" s="25"/>
      <c r="MLW130" s="25"/>
      <c r="MLX130" s="25"/>
      <c r="MLY130" s="25"/>
      <c r="MLZ130" s="25"/>
      <c r="MMA130" s="25"/>
      <c r="MMB130" s="25"/>
      <c r="MMC130" s="25"/>
      <c r="MMD130" s="25"/>
      <c r="MME130" s="25"/>
      <c r="MMF130" s="25"/>
      <c r="MMG130" s="25"/>
      <c r="MMH130" s="25"/>
      <c r="MMI130" s="25"/>
      <c r="MMJ130" s="25"/>
      <c r="MMK130" s="25"/>
      <c r="MML130" s="25"/>
      <c r="MMM130" s="25"/>
      <c r="MMN130" s="25"/>
      <c r="MMO130" s="25"/>
      <c r="MMP130" s="25"/>
      <c r="MMQ130" s="25"/>
      <c r="MMR130" s="25"/>
      <c r="MMS130" s="25"/>
      <c r="MMT130" s="25"/>
      <c r="MMU130" s="25"/>
      <c r="MMV130" s="25"/>
      <c r="MMW130" s="25"/>
      <c r="MMX130" s="25"/>
      <c r="MMY130" s="25"/>
      <c r="MMZ130" s="25"/>
      <c r="MNA130" s="25"/>
      <c r="MNB130" s="25"/>
      <c r="MNC130" s="25"/>
      <c r="MND130" s="25"/>
      <c r="MNE130" s="25"/>
      <c r="MNF130" s="25"/>
      <c r="MNG130" s="25"/>
      <c r="MNH130" s="25"/>
      <c r="MNI130" s="25"/>
      <c r="MNJ130" s="25"/>
      <c r="MNK130" s="25"/>
      <c r="MNL130" s="25"/>
      <c r="MNM130" s="25"/>
      <c r="MNN130" s="25"/>
      <c r="MNO130" s="25"/>
      <c r="MNP130" s="25"/>
      <c r="MNQ130" s="25"/>
      <c r="MNR130" s="25"/>
      <c r="MNS130" s="25"/>
      <c r="MNT130" s="25"/>
      <c r="MNU130" s="25"/>
      <c r="MNV130" s="25"/>
      <c r="MNW130" s="25"/>
      <c r="MNX130" s="25"/>
      <c r="MNY130" s="25"/>
      <c r="MNZ130" s="25"/>
      <c r="MOA130" s="25"/>
      <c r="MOB130" s="25"/>
      <c r="MOC130" s="25"/>
      <c r="MOD130" s="25"/>
      <c r="MOE130" s="25"/>
      <c r="MOF130" s="25"/>
      <c r="MOG130" s="25"/>
      <c r="MOH130" s="25"/>
      <c r="MOI130" s="25"/>
      <c r="MOJ130" s="25"/>
      <c r="MOK130" s="25"/>
      <c r="MOL130" s="25"/>
      <c r="MOM130" s="25"/>
      <c r="MON130" s="25"/>
      <c r="MOO130" s="25"/>
      <c r="MOP130" s="25"/>
      <c r="MOQ130" s="25"/>
      <c r="MOR130" s="25"/>
      <c r="MOS130" s="25"/>
      <c r="MOT130" s="25"/>
      <c r="MOU130" s="25"/>
      <c r="MOV130" s="25"/>
      <c r="MOW130" s="25"/>
      <c r="MOX130" s="25"/>
      <c r="MOY130" s="25"/>
      <c r="MOZ130" s="25"/>
      <c r="MPA130" s="25"/>
      <c r="MPB130" s="25"/>
      <c r="MPC130" s="25"/>
      <c r="MPD130" s="25"/>
      <c r="MPE130" s="25"/>
      <c r="MPF130" s="25"/>
      <c r="MPG130" s="25"/>
      <c r="MPH130" s="25"/>
      <c r="MPI130" s="25"/>
      <c r="MPJ130" s="25"/>
      <c r="MPK130" s="25"/>
      <c r="MPL130" s="25"/>
      <c r="MPM130" s="25"/>
      <c r="MPN130" s="25"/>
      <c r="MPO130" s="25"/>
      <c r="MPP130" s="25"/>
      <c r="MPQ130" s="25"/>
      <c r="MPR130" s="25"/>
      <c r="MPS130" s="25"/>
      <c r="MPT130" s="25"/>
      <c r="MPU130" s="25"/>
      <c r="MPV130" s="25"/>
      <c r="MPW130" s="25"/>
      <c r="MPX130" s="25"/>
      <c r="MPY130" s="25"/>
      <c r="MPZ130" s="25"/>
      <c r="MQA130" s="25"/>
      <c r="MQB130" s="25"/>
      <c r="MQC130" s="25"/>
      <c r="MQD130" s="25"/>
      <c r="MQE130" s="25"/>
      <c r="MQF130" s="25"/>
      <c r="MQG130" s="25"/>
      <c r="MQH130" s="25"/>
      <c r="MQI130" s="25"/>
      <c r="MQJ130" s="25"/>
      <c r="MQK130" s="25"/>
      <c r="MQL130" s="25"/>
      <c r="MQM130" s="25"/>
      <c r="MQN130" s="25"/>
      <c r="MQO130" s="25"/>
      <c r="MQP130" s="25"/>
      <c r="MQQ130" s="25"/>
      <c r="MQR130" s="25"/>
      <c r="MQS130" s="25"/>
      <c r="MQT130" s="25"/>
      <c r="MQU130" s="25"/>
      <c r="MQV130" s="25"/>
      <c r="MQW130" s="25"/>
      <c r="MQX130" s="25"/>
      <c r="MQY130" s="25"/>
      <c r="MQZ130" s="25"/>
      <c r="MRA130" s="25"/>
      <c r="MRB130" s="25"/>
      <c r="MRC130" s="25"/>
      <c r="MRD130" s="25"/>
      <c r="MRE130" s="25"/>
      <c r="MRF130" s="25"/>
      <c r="MRG130" s="25"/>
      <c r="MRH130" s="25"/>
      <c r="MRI130" s="25"/>
      <c r="MRJ130" s="25"/>
      <c r="MRK130" s="25"/>
      <c r="MRL130" s="25"/>
      <c r="MRM130" s="25"/>
      <c r="MRN130" s="25"/>
      <c r="MRO130" s="25"/>
      <c r="MRP130" s="25"/>
      <c r="MRQ130" s="25"/>
      <c r="MRR130" s="25"/>
      <c r="MRS130" s="25"/>
      <c r="MRT130" s="25"/>
      <c r="MRU130" s="25"/>
      <c r="MRV130" s="25"/>
      <c r="MRW130" s="25"/>
      <c r="MRX130" s="25"/>
      <c r="MRY130" s="25"/>
      <c r="MRZ130" s="25"/>
      <c r="MSA130" s="25"/>
      <c r="MSB130" s="25"/>
      <c r="MSC130" s="25"/>
      <c r="MSD130" s="25"/>
      <c r="MSE130" s="25"/>
      <c r="MSF130" s="25"/>
      <c r="MSG130" s="25"/>
      <c r="MSH130" s="25"/>
      <c r="MSI130" s="25"/>
      <c r="MSJ130" s="25"/>
      <c r="MSK130" s="25"/>
      <c r="MSL130" s="25"/>
      <c r="MSM130" s="25"/>
      <c r="MSN130" s="25"/>
      <c r="MSO130" s="25"/>
      <c r="MSP130" s="25"/>
      <c r="MSQ130" s="25"/>
      <c r="MSR130" s="25"/>
      <c r="MSS130" s="25"/>
      <c r="MST130" s="25"/>
      <c r="MSU130" s="25"/>
      <c r="MSV130" s="25"/>
      <c r="MSW130" s="25"/>
      <c r="MSX130" s="25"/>
      <c r="MSY130" s="25"/>
      <c r="MSZ130" s="25"/>
      <c r="MTA130" s="25"/>
      <c r="MTB130" s="25"/>
      <c r="MTC130" s="25"/>
      <c r="MTD130" s="25"/>
      <c r="MTE130" s="25"/>
      <c r="MTF130" s="25"/>
      <c r="MTG130" s="25"/>
      <c r="MTH130" s="25"/>
      <c r="MTI130" s="25"/>
      <c r="MTJ130" s="25"/>
      <c r="MTK130" s="25"/>
      <c r="MTL130" s="25"/>
      <c r="MTM130" s="25"/>
      <c r="MTN130" s="25"/>
      <c r="MTO130" s="25"/>
      <c r="MTP130" s="25"/>
      <c r="MTQ130" s="25"/>
      <c r="MTR130" s="25"/>
      <c r="MTS130" s="25"/>
      <c r="MTT130" s="25"/>
      <c r="MTU130" s="25"/>
      <c r="MTV130" s="25"/>
      <c r="MTW130" s="25"/>
      <c r="MTX130" s="25"/>
      <c r="MTY130" s="25"/>
      <c r="MTZ130" s="25"/>
      <c r="MUA130" s="25"/>
      <c r="MUB130" s="25"/>
      <c r="MUC130" s="25"/>
      <c r="MUD130" s="25"/>
      <c r="MUE130" s="25"/>
      <c r="MUF130" s="25"/>
      <c r="MUG130" s="25"/>
      <c r="MUH130" s="25"/>
      <c r="MUI130" s="25"/>
      <c r="MUJ130" s="25"/>
      <c r="MUK130" s="25"/>
      <c r="MUL130" s="25"/>
      <c r="MUM130" s="25"/>
      <c r="MUN130" s="25"/>
      <c r="MUO130" s="25"/>
      <c r="MUP130" s="25"/>
      <c r="MUQ130" s="25"/>
      <c r="MUR130" s="25"/>
      <c r="MUS130" s="25"/>
      <c r="MUT130" s="25"/>
      <c r="MUU130" s="25"/>
      <c r="MUV130" s="25"/>
      <c r="MUW130" s="25"/>
      <c r="MUX130" s="25"/>
      <c r="MUY130" s="25"/>
      <c r="MUZ130" s="25"/>
      <c r="MVA130" s="25"/>
      <c r="MVB130" s="25"/>
      <c r="MVC130" s="25"/>
      <c r="MVD130" s="25"/>
      <c r="MVE130" s="25"/>
      <c r="MVF130" s="25"/>
      <c r="MVG130" s="25"/>
      <c r="MVH130" s="25"/>
      <c r="MVI130" s="25"/>
      <c r="MVJ130" s="25"/>
      <c r="MVK130" s="25"/>
      <c r="MVL130" s="25"/>
      <c r="MVM130" s="25"/>
      <c r="MVN130" s="25"/>
      <c r="MVO130" s="25"/>
      <c r="MVP130" s="25"/>
      <c r="MVQ130" s="25"/>
      <c r="MVR130" s="25"/>
      <c r="MVS130" s="25"/>
      <c r="MVT130" s="25"/>
      <c r="MVU130" s="25"/>
      <c r="MVV130" s="25"/>
      <c r="MVW130" s="25"/>
      <c r="MVX130" s="25"/>
      <c r="MVY130" s="25"/>
      <c r="MVZ130" s="25"/>
      <c r="MWA130" s="25"/>
      <c r="MWB130" s="25"/>
      <c r="MWC130" s="25"/>
      <c r="MWD130" s="25"/>
      <c r="MWE130" s="25"/>
      <c r="MWF130" s="25"/>
      <c r="MWG130" s="25"/>
      <c r="MWH130" s="25"/>
      <c r="MWI130" s="25"/>
      <c r="MWJ130" s="25"/>
      <c r="MWK130" s="25"/>
      <c r="MWL130" s="25"/>
      <c r="MWM130" s="25"/>
      <c r="MWN130" s="25"/>
      <c r="MWO130" s="25"/>
      <c r="MWP130" s="25"/>
      <c r="MWQ130" s="25"/>
      <c r="MWR130" s="25"/>
      <c r="MWS130" s="25"/>
      <c r="MWT130" s="25"/>
      <c r="MWU130" s="25"/>
      <c r="MWV130" s="25"/>
      <c r="MWW130" s="25"/>
      <c r="MWX130" s="25"/>
      <c r="MWY130" s="25"/>
      <c r="MWZ130" s="25"/>
      <c r="MXA130" s="25"/>
      <c r="MXB130" s="25"/>
      <c r="MXC130" s="25"/>
      <c r="MXD130" s="25"/>
      <c r="MXE130" s="25"/>
      <c r="MXF130" s="25"/>
      <c r="MXG130" s="25"/>
      <c r="MXH130" s="25"/>
      <c r="MXI130" s="25"/>
      <c r="MXJ130" s="25"/>
      <c r="MXK130" s="25"/>
      <c r="MXL130" s="25"/>
      <c r="MXM130" s="25"/>
      <c r="MXN130" s="25"/>
      <c r="MXO130" s="25"/>
      <c r="MXP130" s="25"/>
      <c r="MXQ130" s="25"/>
      <c r="MXR130" s="25"/>
      <c r="MXS130" s="25"/>
      <c r="MXT130" s="25"/>
      <c r="MXU130" s="25"/>
      <c r="MXV130" s="25"/>
      <c r="MXW130" s="25"/>
      <c r="MXX130" s="25"/>
      <c r="MXY130" s="25"/>
      <c r="MXZ130" s="25"/>
      <c r="MYA130" s="25"/>
      <c r="MYB130" s="25"/>
      <c r="MYC130" s="25"/>
      <c r="MYD130" s="25"/>
      <c r="MYE130" s="25"/>
      <c r="MYF130" s="25"/>
      <c r="MYG130" s="25"/>
      <c r="MYH130" s="25"/>
      <c r="MYI130" s="25"/>
      <c r="MYJ130" s="25"/>
      <c r="MYK130" s="25"/>
      <c r="MYL130" s="25"/>
      <c r="MYM130" s="25"/>
      <c r="MYN130" s="25"/>
      <c r="MYO130" s="25"/>
      <c r="MYP130" s="25"/>
      <c r="MYQ130" s="25"/>
      <c r="MYR130" s="25"/>
      <c r="MYS130" s="25"/>
      <c r="MYT130" s="25"/>
      <c r="MYU130" s="25"/>
      <c r="MYV130" s="25"/>
      <c r="MYW130" s="25"/>
      <c r="MYX130" s="25"/>
      <c r="MYY130" s="25"/>
      <c r="MYZ130" s="25"/>
      <c r="MZA130" s="25"/>
      <c r="MZB130" s="25"/>
      <c r="MZC130" s="25"/>
      <c r="MZD130" s="25"/>
      <c r="MZE130" s="25"/>
      <c r="MZF130" s="25"/>
      <c r="MZG130" s="25"/>
      <c r="MZH130" s="25"/>
      <c r="MZI130" s="25"/>
      <c r="MZJ130" s="25"/>
      <c r="MZK130" s="25"/>
      <c r="MZL130" s="25"/>
      <c r="MZM130" s="25"/>
      <c r="MZN130" s="25"/>
      <c r="MZO130" s="25"/>
      <c r="MZP130" s="25"/>
      <c r="MZQ130" s="25"/>
      <c r="MZR130" s="25"/>
      <c r="MZS130" s="25"/>
      <c r="MZT130" s="25"/>
      <c r="MZU130" s="25"/>
      <c r="MZV130" s="25"/>
      <c r="MZW130" s="25"/>
      <c r="MZX130" s="25"/>
      <c r="MZY130" s="25"/>
      <c r="MZZ130" s="25"/>
      <c r="NAA130" s="25"/>
      <c r="NAB130" s="25"/>
      <c r="NAC130" s="25"/>
      <c r="NAD130" s="25"/>
      <c r="NAE130" s="25"/>
      <c r="NAF130" s="25"/>
      <c r="NAG130" s="25"/>
      <c r="NAH130" s="25"/>
      <c r="NAI130" s="25"/>
      <c r="NAJ130" s="25"/>
      <c r="NAK130" s="25"/>
      <c r="NAL130" s="25"/>
      <c r="NAM130" s="25"/>
      <c r="NAN130" s="25"/>
      <c r="NAO130" s="25"/>
      <c r="NAP130" s="25"/>
      <c r="NAQ130" s="25"/>
      <c r="NAR130" s="25"/>
      <c r="NAS130" s="25"/>
      <c r="NAT130" s="25"/>
      <c r="NAU130" s="25"/>
      <c r="NAV130" s="25"/>
      <c r="NAW130" s="25"/>
      <c r="NAX130" s="25"/>
      <c r="NAY130" s="25"/>
      <c r="NAZ130" s="25"/>
      <c r="NBA130" s="25"/>
      <c r="NBB130" s="25"/>
      <c r="NBC130" s="25"/>
      <c r="NBD130" s="25"/>
      <c r="NBE130" s="25"/>
      <c r="NBF130" s="25"/>
      <c r="NBG130" s="25"/>
      <c r="NBH130" s="25"/>
      <c r="NBI130" s="25"/>
      <c r="NBJ130" s="25"/>
      <c r="NBK130" s="25"/>
      <c r="NBL130" s="25"/>
      <c r="NBM130" s="25"/>
      <c r="NBN130" s="25"/>
      <c r="NBO130" s="25"/>
      <c r="NBP130" s="25"/>
      <c r="NBQ130" s="25"/>
      <c r="NBR130" s="25"/>
      <c r="NBS130" s="25"/>
      <c r="NBT130" s="25"/>
      <c r="NBU130" s="25"/>
      <c r="NBV130" s="25"/>
      <c r="NBW130" s="25"/>
      <c r="NBX130" s="25"/>
      <c r="NBY130" s="25"/>
      <c r="NBZ130" s="25"/>
      <c r="NCA130" s="25"/>
      <c r="NCB130" s="25"/>
      <c r="NCC130" s="25"/>
      <c r="NCD130" s="25"/>
      <c r="NCE130" s="25"/>
      <c r="NCF130" s="25"/>
      <c r="NCG130" s="25"/>
      <c r="NCH130" s="25"/>
      <c r="NCI130" s="25"/>
      <c r="NCJ130" s="25"/>
      <c r="NCK130" s="25"/>
      <c r="NCL130" s="25"/>
      <c r="NCM130" s="25"/>
      <c r="NCN130" s="25"/>
      <c r="NCO130" s="25"/>
      <c r="NCP130" s="25"/>
      <c r="NCQ130" s="25"/>
      <c r="NCR130" s="25"/>
      <c r="NCS130" s="25"/>
      <c r="NCT130" s="25"/>
      <c r="NCU130" s="25"/>
      <c r="NCV130" s="25"/>
      <c r="NCW130" s="25"/>
      <c r="NCX130" s="25"/>
      <c r="NCY130" s="25"/>
      <c r="NCZ130" s="25"/>
      <c r="NDA130" s="25"/>
      <c r="NDB130" s="25"/>
      <c r="NDC130" s="25"/>
      <c r="NDD130" s="25"/>
      <c r="NDE130" s="25"/>
      <c r="NDF130" s="25"/>
      <c r="NDG130" s="25"/>
      <c r="NDH130" s="25"/>
      <c r="NDI130" s="25"/>
      <c r="NDJ130" s="25"/>
      <c r="NDK130" s="25"/>
      <c r="NDL130" s="25"/>
      <c r="NDM130" s="25"/>
      <c r="NDN130" s="25"/>
      <c r="NDO130" s="25"/>
      <c r="NDP130" s="25"/>
      <c r="NDQ130" s="25"/>
      <c r="NDR130" s="25"/>
      <c r="NDS130" s="25"/>
      <c r="NDT130" s="25"/>
      <c r="NDU130" s="25"/>
      <c r="NDV130" s="25"/>
      <c r="NDW130" s="25"/>
      <c r="NDX130" s="25"/>
      <c r="NDY130" s="25"/>
      <c r="NDZ130" s="25"/>
      <c r="NEA130" s="25"/>
      <c r="NEB130" s="25"/>
      <c r="NEC130" s="25"/>
      <c r="NED130" s="25"/>
      <c r="NEE130" s="25"/>
      <c r="NEF130" s="25"/>
      <c r="NEG130" s="25"/>
      <c r="NEH130" s="25"/>
      <c r="NEI130" s="25"/>
      <c r="NEJ130" s="25"/>
      <c r="NEK130" s="25"/>
      <c r="NEL130" s="25"/>
      <c r="NEM130" s="25"/>
      <c r="NEN130" s="25"/>
      <c r="NEO130" s="25"/>
      <c r="NEP130" s="25"/>
      <c r="NEQ130" s="25"/>
      <c r="NER130" s="25"/>
      <c r="NES130" s="25"/>
      <c r="NET130" s="25"/>
      <c r="NEU130" s="25"/>
      <c r="NEV130" s="25"/>
      <c r="NEW130" s="25"/>
      <c r="NEX130" s="25"/>
      <c r="NEY130" s="25"/>
      <c r="NEZ130" s="25"/>
      <c r="NFA130" s="25"/>
      <c r="NFB130" s="25"/>
      <c r="NFC130" s="25"/>
      <c r="NFD130" s="25"/>
      <c r="NFE130" s="25"/>
      <c r="NFF130" s="25"/>
      <c r="NFG130" s="25"/>
      <c r="NFH130" s="25"/>
      <c r="NFI130" s="25"/>
      <c r="NFJ130" s="25"/>
      <c r="NFK130" s="25"/>
      <c r="NFL130" s="25"/>
      <c r="NFM130" s="25"/>
      <c r="NFN130" s="25"/>
      <c r="NFO130" s="25"/>
      <c r="NFP130" s="25"/>
      <c r="NFQ130" s="25"/>
      <c r="NFR130" s="25"/>
      <c r="NFS130" s="25"/>
      <c r="NFT130" s="25"/>
      <c r="NFU130" s="25"/>
      <c r="NFV130" s="25"/>
      <c r="NFW130" s="25"/>
      <c r="NFX130" s="25"/>
      <c r="NFY130" s="25"/>
      <c r="NFZ130" s="25"/>
      <c r="NGA130" s="25"/>
      <c r="NGB130" s="25"/>
      <c r="NGC130" s="25"/>
      <c r="NGD130" s="25"/>
      <c r="NGE130" s="25"/>
      <c r="NGF130" s="25"/>
      <c r="NGG130" s="25"/>
      <c r="NGH130" s="25"/>
      <c r="NGI130" s="25"/>
      <c r="NGJ130" s="25"/>
      <c r="NGK130" s="25"/>
      <c r="NGL130" s="25"/>
      <c r="NGM130" s="25"/>
      <c r="NGN130" s="25"/>
      <c r="NGO130" s="25"/>
      <c r="NGP130" s="25"/>
      <c r="NGQ130" s="25"/>
      <c r="NGR130" s="25"/>
      <c r="NGS130" s="25"/>
      <c r="NGT130" s="25"/>
      <c r="NGU130" s="25"/>
      <c r="NGV130" s="25"/>
      <c r="NGW130" s="25"/>
      <c r="NGX130" s="25"/>
      <c r="NGY130" s="25"/>
      <c r="NGZ130" s="25"/>
      <c r="NHA130" s="25"/>
      <c r="NHB130" s="25"/>
      <c r="NHC130" s="25"/>
      <c r="NHD130" s="25"/>
      <c r="NHE130" s="25"/>
      <c r="NHF130" s="25"/>
      <c r="NHG130" s="25"/>
      <c r="NHH130" s="25"/>
      <c r="NHI130" s="25"/>
      <c r="NHJ130" s="25"/>
      <c r="NHK130" s="25"/>
      <c r="NHL130" s="25"/>
      <c r="NHM130" s="25"/>
      <c r="NHN130" s="25"/>
      <c r="NHO130" s="25"/>
      <c r="NHP130" s="25"/>
      <c r="NHQ130" s="25"/>
      <c r="NHR130" s="25"/>
      <c r="NHS130" s="25"/>
      <c r="NHT130" s="25"/>
      <c r="NHU130" s="25"/>
      <c r="NHV130" s="25"/>
      <c r="NHW130" s="25"/>
      <c r="NHX130" s="25"/>
      <c r="NHY130" s="25"/>
      <c r="NHZ130" s="25"/>
      <c r="NIA130" s="25"/>
      <c r="NIB130" s="25"/>
      <c r="NIC130" s="25"/>
      <c r="NID130" s="25"/>
      <c r="NIE130" s="25"/>
      <c r="NIF130" s="25"/>
      <c r="NIG130" s="25"/>
      <c r="NIH130" s="25"/>
      <c r="NII130" s="25"/>
      <c r="NIJ130" s="25"/>
      <c r="NIK130" s="25"/>
      <c r="NIL130" s="25"/>
      <c r="NIM130" s="25"/>
      <c r="NIN130" s="25"/>
      <c r="NIO130" s="25"/>
      <c r="NIP130" s="25"/>
      <c r="NIQ130" s="25"/>
      <c r="NIR130" s="25"/>
      <c r="NIS130" s="25"/>
      <c r="NIT130" s="25"/>
      <c r="NIU130" s="25"/>
      <c r="NIV130" s="25"/>
      <c r="NIW130" s="25"/>
      <c r="NIX130" s="25"/>
      <c r="NIY130" s="25"/>
      <c r="NIZ130" s="25"/>
      <c r="NJA130" s="25"/>
      <c r="NJB130" s="25"/>
      <c r="NJC130" s="25"/>
      <c r="NJD130" s="25"/>
      <c r="NJE130" s="25"/>
      <c r="NJF130" s="25"/>
      <c r="NJG130" s="25"/>
      <c r="NJH130" s="25"/>
      <c r="NJI130" s="25"/>
      <c r="NJJ130" s="25"/>
      <c r="NJK130" s="25"/>
      <c r="NJL130" s="25"/>
      <c r="NJM130" s="25"/>
      <c r="NJN130" s="25"/>
      <c r="NJO130" s="25"/>
      <c r="NJP130" s="25"/>
      <c r="NJQ130" s="25"/>
      <c r="NJR130" s="25"/>
      <c r="NJS130" s="25"/>
      <c r="NJT130" s="25"/>
      <c r="NJU130" s="25"/>
      <c r="NJV130" s="25"/>
      <c r="NJW130" s="25"/>
      <c r="NJX130" s="25"/>
      <c r="NJY130" s="25"/>
      <c r="NJZ130" s="25"/>
      <c r="NKA130" s="25"/>
      <c r="NKB130" s="25"/>
      <c r="NKC130" s="25"/>
      <c r="NKD130" s="25"/>
      <c r="NKE130" s="25"/>
      <c r="NKF130" s="25"/>
      <c r="NKG130" s="25"/>
      <c r="NKH130" s="25"/>
      <c r="NKI130" s="25"/>
      <c r="NKJ130" s="25"/>
      <c r="NKK130" s="25"/>
      <c r="NKL130" s="25"/>
      <c r="NKM130" s="25"/>
      <c r="NKN130" s="25"/>
      <c r="NKO130" s="25"/>
      <c r="NKP130" s="25"/>
      <c r="NKQ130" s="25"/>
      <c r="NKR130" s="25"/>
      <c r="NKS130" s="25"/>
      <c r="NKT130" s="25"/>
      <c r="NKU130" s="25"/>
      <c r="NKV130" s="25"/>
      <c r="NKW130" s="25"/>
      <c r="NKX130" s="25"/>
      <c r="NKY130" s="25"/>
      <c r="NKZ130" s="25"/>
      <c r="NLA130" s="25"/>
      <c r="NLB130" s="25"/>
      <c r="NLC130" s="25"/>
      <c r="NLD130" s="25"/>
      <c r="NLE130" s="25"/>
      <c r="NLF130" s="25"/>
      <c r="NLG130" s="25"/>
      <c r="NLH130" s="25"/>
      <c r="NLI130" s="25"/>
      <c r="NLJ130" s="25"/>
      <c r="NLK130" s="25"/>
      <c r="NLL130" s="25"/>
      <c r="NLM130" s="25"/>
      <c r="NLN130" s="25"/>
      <c r="NLO130" s="25"/>
      <c r="NLP130" s="25"/>
      <c r="NLQ130" s="25"/>
      <c r="NLR130" s="25"/>
      <c r="NLS130" s="25"/>
      <c r="NLT130" s="25"/>
      <c r="NLU130" s="25"/>
      <c r="NLV130" s="25"/>
      <c r="NLW130" s="25"/>
      <c r="NLX130" s="25"/>
      <c r="NLY130" s="25"/>
      <c r="NLZ130" s="25"/>
      <c r="NMA130" s="25"/>
      <c r="NMB130" s="25"/>
      <c r="NMC130" s="25"/>
      <c r="NMD130" s="25"/>
      <c r="NME130" s="25"/>
      <c r="NMF130" s="25"/>
      <c r="NMG130" s="25"/>
      <c r="NMH130" s="25"/>
      <c r="NMI130" s="25"/>
      <c r="NMJ130" s="25"/>
      <c r="NMK130" s="25"/>
      <c r="NML130" s="25"/>
      <c r="NMM130" s="25"/>
      <c r="NMN130" s="25"/>
      <c r="NMO130" s="25"/>
      <c r="NMP130" s="25"/>
      <c r="NMQ130" s="25"/>
      <c r="NMR130" s="25"/>
      <c r="NMS130" s="25"/>
      <c r="NMT130" s="25"/>
      <c r="NMU130" s="25"/>
      <c r="NMV130" s="25"/>
      <c r="NMW130" s="25"/>
      <c r="NMX130" s="25"/>
      <c r="NMY130" s="25"/>
      <c r="NMZ130" s="25"/>
      <c r="NNA130" s="25"/>
      <c r="NNB130" s="25"/>
      <c r="NNC130" s="25"/>
      <c r="NND130" s="25"/>
      <c r="NNE130" s="25"/>
      <c r="NNF130" s="25"/>
      <c r="NNG130" s="25"/>
      <c r="NNH130" s="25"/>
      <c r="NNI130" s="25"/>
      <c r="NNJ130" s="25"/>
      <c r="NNK130" s="25"/>
      <c r="NNL130" s="25"/>
      <c r="NNM130" s="25"/>
      <c r="NNN130" s="25"/>
      <c r="NNO130" s="25"/>
      <c r="NNP130" s="25"/>
      <c r="NNQ130" s="25"/>
      <c r="NNR130" s="25"/>
      <c r="NNS130" s="25"/>
      <c r="NNT130" s="25"/>
      <c r="NNU130" s="25"/>
      <c r="NNV130" s="25"/>
      <c r="NNW130" s="25"/>
      <c r="NNX130" s="25"/>
      <c r="NNY130" s="25"/>
      <c r="NNZ130" s="25"/>
      <c r="NOA130" s="25"/>
      <c r="NOB130" s="25"/>
      <c r="NOC130" s="25"/>
      <c r="NOD130" s="25"/>
      <c r="NOE130" s="25"/>
      <c r="NOF130" s="25"/>
      <c r="NOG130" s="25"/>
      <c r="NOH130" s="25"/>
      <c r="NOI130" s="25"/>
      <c r="NOJ130" s="25"/>
      <c r="NOK130" s="25"/>
      <c r="NOL130" s="25"/>
      <c r="NOM130" s="25"/>
      <c r="NON130" s="25"/>
      <c r="NOO130" s="25"/>
      <c r="NOP130" s="25"/>
      <c r="NOQ130" s="25"/>
      <c r="NOR130" s="25"/>
      <c r="NOS130" s="25"/>
      <c r="NOT130" s="25"/>
      <c r="NOU130" s="25"/>
      <c r="NOV130" s="25"/>
      <c r="NOW130" s="25"/>
      <c r="NOX130" s="25"/>
      <c r="NOY130" s="25"/>
      <c r="NOZ130" s="25"/>
      <c r="NPA130" s="25"/>
      <c r="NPB130" s="25"/>
      <c r="NPC130" s="25"/>
      <c r="NPD130" s="25"/>
      <c r="NPE130" s="25"/>
      <c r="NPF130" s="25"/>
      <c r="NPG130" s="25"/>
      <c r="NPH130" s="25"/>
      <c r="NPI130" s="25"/>
      <c r="NPJ130" s="25"/>
      <c r="NPK130" s="25"/>
      <c r="NPL130" s="25"/>
      <c r="NPM130" s="25"/>
      <c r="NPN130" s="25"/>
      <c r="NPO130" s="25"/>
      <c r="NPP130" s="25"/>
      <c r="NPQ130" s="25"/>
      <c r="NPR130" s="25"/>
      <c r="NPS130" s="25"/>
      <c r="NPT130" s="25"/>
      <c r="NPU130" s="25"/>
      <c r="NPV130" s="25"/>
      <c r="NPW130" s="25"/>
      <c r="NPX130" s="25"/>
      <c r="NPY130" s="25"/>
      <c r="NPZ130" s="25"/>
      <c r="NQA130" s="25"/>
      <c r="NQB130" s="25"/>
      <c r="NQC130" s="25"/>
      <c r="NQD130" s="25"/>
      <c r="NQE130" s="25"/>
      <c r="NQF130" s="25"/>
      <c r="NQG130" s="25"/>
      <c r="NQH130" s="25"/>
      <c r="NQI130" s="25"/>
      <c r="NQJ130" s="25"/>
      <c r="NQK130" s="25"/>
      <c r="NQL130" s="25"/>
      <c r="NQM130" s="25"/>
      <c r="NQN130" s="25"/>
      <c r="NQO130" s="25"/>
      <c r="NQP130" s="25"/>
      <c r="NQQ130" s="25"/>
      <c r="NQR130" s="25"/>
      <c r="NQS130" s="25"/>
      <c r="NQT130" s="25"/>
      <c r="NQU130" s="25"/>
      <c r="NQV130" s="25"/>
      <c r="NQW130" s="25"/>
      <c r="NQX130" s="25"/>
      <c r="NQY130" s="25"/>
      <c r="NQZ130" s="25"/>
      <c r="NRA130" s="25"/>
      <c r="NRB130" s="25"/>
      <c r="NRC130" s="25"/>
      <c r="NRD130" s="25"/>
      <c r="NRE130" s="25"/>
      <c r="NRF130" s="25"/>
      <c r="NRG130" s="25"/>
      <c r="NRH130" s="25"/>
      <c r="NRI130" s="25"/>
      <c r="NRJ130" s="25"/>
      <c r="NRK130" s="25"/>
      <c r="NRL130" s="25"/>
      <c r="NRM130" s="25"/>
      <c r="NRN130" s="25"/>
      <c r="NRO130" s="25"/>
      <c r="NRP130" s="25"/>
      <c r="NRQ130" s="25"/>
      <c r="NRR130" s="25"/>
      <c r="NRS130" s="25"/>
      <c r="NRT130" s="25"/>
      <c r="NRU130" s="25"/>
      <c r="NRV130" s="25"/>
      <c r="NRW130" s="25"/>
      <c r="NRX130" s="25"/>
      <c r="NRY130" s="25"/>
      <c r="NRZ130" s="25"/>
      <c r="NSA130" s="25"/>
      <c r="NSB130" s="25"/>
      <c r="NSC130" s="25"/>
      <c r="NSD130" s="25"/>
      <c r="NSE130" s="25"/>
      <c r="NSF130" s="25"/>
      <c r="NSG130" s="25"/>
      <c r="NSH130" s="25"/>
      <c r="NSI130" s="25"/>
      <c r="NSJ130" s="25"/>
      <c r="NSK130" s="25"/>
      <c r="NSL130" s="25"/>
      <c r="NSM130" s="25"/>
      <c r="NSN130" s="25"/>
      <c r="NSO130" s="25"/>
      <c r="NSP130" s="25"/>
      <c r="NSQ130" s="25"/>
      <c r="NSR130" s="25"/>
      <c r="NSS130" s="25"/>
      <c r="NST130" s="25"/>
      <c r="NSU130" s="25"/>
      <c r="NSV130" s="25"/>
      <c r="NSW130" s="25"/>
      <c r="NSX130" s="25"/>
      <c r="NSY130" s="25"/>
      <c r="NSZ130" s="25"/>
      <c r="NTA130" s="25"/>
      <c r="NTB130" s="25"/>
      <c r="NTC130" s="25"/>
      <c r="NTD130" s="25"/>
      <c r="NTE130" s="25"/>
      <c r="NTF130" s="25"/>
      <c r="NTG130" s="25"/>
      <c r="NTH130" s="25"/>
      <c r="NTI130" s="25"/>
      <c r="NTJ130" s="25"/>
      <c r="NTK130" s="25"/>
      <c r="NTL130" s="25"/>
      <c r="NTM130" s="25"/>
      <c r="NTN130" s="25"/>
      <c r="NTO130" s="25"/>
      <c r="NTP130" s="25"/>
      <c r="NTQ130" s="25"/>
      <c r="NTR130" s="25"/>
      <c r="NTS130" s="25"/>
      <c r="NTT130" s="25"/>
      <c r="NTU130" s="25"/>
      <c r="NTV130" s="25"/>
      <c r="NTW130" s="25"/>
      <c r="NTX130" s="25"/>
      <c r="NTY130" s="25"/>
      <c r="NTZ130" s="25"/>
      <c r="NUA130" s="25"/>
      <c r="NUB130" s="25"/>
      <c r="NUC130" s="25"/>
      <c r="NUD130" s="25"/>
      <c r="NUE130" s="25"/>
      <c r="NUF130" s="25"/>
      <c r="NUG130" s="25"/>
      <c r="NUH130" s="25"/>
      <c r="NUI130" s="25"/>
      <c r="NUJ130" s="25"/>
      <c r="NUK130" s="25"/>
      <c r="NUL130" s="25"/>
      <c r="NUM130" s="25"/>
      <c r="NUN130" s="25"/>
      <c r="NUO130" s="25"/>
      <c r="NUP130" s="25"/>
      <c r="NUQ130" s="25"/>
      <c r="NUR130" s="25"/>
      <c r="NUS130" s="25"/>
      <c r="NUT130" s="25"/>
      <c r="NUU130" s="25"/>
      <c r="NUV130" s="25"/>
      <c r="NUW130" s="25"/>
      <c r="NUX130" s="25"/>
      <c r="NUY130" s="25"/>
      <c r="NUZ130" s="25"/>
      <c r="NVA130" s="25"/>
      <c r="NVB130" s="25"/>
      <c r="NVC130" s="25"/>
      <c r="NVD130" s="25"/>
      <c r="NVE130" s="25"/>
      <c r="NVF130" s="25"/>
      <c r="NVG130" s="25"/>
      <c r="NVH130" s="25"/>
      <c r="NVI130" s="25"/>
      <c r="NVJ130" s="25"/>
      <c r="NVK130" s="25"/>
      <c r="NVL130" s="25"/>
      <c r="NVM130" s="25"/>
      <c r="NVN130" s="25"/>
      <c r="NVO130" s="25"/>
      <c r="NVP130" s="25"/>
      <c r="NVQ130" s="25"/>
      <c r="NVR130" s="25"/>
      <c r="NVS130" s="25"/>
      <c r="NVT130" s="25"/>
      <c r="NVU130" s="25"/>
      <c r="NVV130" s="25"/>
      <c r="NVW130" s="25"/>
      <c r="NVX130" s="25"/>
      <c r="NVY130" s="25"/>
      <c r="NVZ130" s="25"/>
      <c r="NWA130" s="25"/>
      <c r="NWB130" s="25"/>
      <c r="NWC130" s="25"/>
      <c r="NWD130" s="25"/>
      <c r="NWE130" s="25"/>
      <c r="NWF130" s="25"/>
      <c r="NWG130" s="25"/>
      <c r="NWH130" s="25"/>
      <c r="NWI130" s="25"/>
      <c r="NWJ130" s="25"/>
      <c r="NWK130" s="25"/>
      <c r="NWL130" s="25"/>
      <c r="NWM130" s="25"/>
      <c r="NWN130" s="25"/>
      <c r="NWO130" s="25"/>
      <c r="NWP130" s="25"/>
      <c r="NWQ130" s="25"/>
      <c r="NWR130" s="25"/>
      <c r="NWS130" s="25"/>
      <c r="NWT130" s="25"/>
      <c r="NWU130" s="25"/>
      <c r="NWV130" s="25"/>
      <c r="NWW130" s="25"/>
      <c r="NWX130" s="25"/>
      <c r="NWY130" s="25"/>
      <c r="NWZ130" s="25"/>
      <c r="NXA130" s="25"/>
      <c r="NXB130" s="25"/>
      <c r="NXC130" s="25"/>
      <c r="NXD130" s="25"/>
      <c r="NXE130" s="25"/>
      <c r="NXF130" s="25"/>
      <c r="NXG130" s="25"/>
      <c r="NXH130" s="25"/>
      <c r="NXI130" s="25"/>
      <c r="NXJ130" s="25"/>
      <c r="NXK130" s="25"/>
      <c r="NXL130" s="25"/>
      <c r="NXM130" s="25"/>
      <c r="NXN130" s="25"/>
      <c r="NXO130" s="25"/>
      <c r="NXP130" s="25"/>
      <c r="NXQ130" s="25"/>
      <c r="NXR130" s="25"/>
      <c r="NXS130" s="25"/>
      <c r="NXT130" s="25"/>
      <c r="NXU130" s="25"/>
      <c r="NXV130" s="25"/>
      <c r="NXW130" s="25"/>
      <c r="NXX130" s="25"/>
      <c r="NXY130" s="25"/>
      <c r="NXZ130" s="25"/>
      <c r="NYA130" s="25"/>
      <c r="NYB130" s="25"/>
      <c r="NYC130" s="25"/>
      <c r="NYD130" s="25"/>
      <c r="NYE130" s="25"/>
      <c r="NYF130" s="25"/>
      <c r="NYG130" s="25"/>
      <c r="NYH130" s="25"/>
      <c r="NYI130" s="25"/>
      <c r="NYJ130" s="25"/>
      <c r="NYK130" s="25"/>
      <c r="NYL130" s="25"/>
      <c r="NYM130" s="25"/>
      <c r="NYN130" s="25"/>
      <c r="NYO130" s="25"/>
      <c r="NYP130" s="25"/>
      <c r="NYQ130" s="25"/>
      <c r="NYR130" s="25"/>
      <c r="NYS130" s="25"/>
      <c r="NYT130" s="25"/>
      <c r="NYU130" s="25"/>
      <c r="NYV130" s="25"/>
      <c r="NYW130" s="25"/>
      <c r="NYX130" s="25"/>
      <c r="NYY130" s="25"/>
      <c r="NYZ130" s="25"/>
      <c r="NZA130" s="25"/>
      <c r="NZB130" s="25"/>
      <c r="NZC130" s="25"/>
      <c r="NZD130" s="25"/>
      <c r="NZE130" s="25"/>
      <c r="NZF130" s="25"/>
      <c r="NZG130" s="25"/>
      <c r="NZH130" s="25"/>
      <c r="NZI130" s="25"/>
      <c r="NZJ130" s="25"/>
      <c r="NZK130" s="25"/>
      <c r="NZL130" s="25"/>
      <c r="NZM130" s="25"/>
      <c r="NZN130" s="25"/>
      <c r="NZO130" s="25"/>
      <c r="NZP130" s="25"/>
      <c r="NZQ130" s="25"/>
      <c r="NZR130" s="25"/>
      <c r="NZS130" s="25"/>
      <c r="NZT130" s="25"/>
      <c r="NZU130" s="25"/>
      <c r="NZV130" s="25"/>
      <c r="NZW130" s="25"/>
      <c r="NZX130" s="25"/>
      <c r="NZY130" s="25"/>
      <c r="NZZ130" s="25"/>
      <c r="OAA130" s="25"/>
      <c r="OAB130" s="25"/>
      <c r="OAC130" s="25"/>
      <c r="OAD130" s="25"/>
      <c r="OAE130" s="25"/>
      <c r="OAF130" s="25"/>
      <c r="OAG130" s="25"/>
      <c r="OAH130" s="25"/>
      <c r="OAI130" s="25"/>
      <c r="OAJ130" s="25"/>
      <c r="OAK130" s="25"/>
      <c r="OAL130" s="25"/>
      <c r="OAM130" s="25"/>
      <c r="OAN130" s="25"/>
      <c r="OAO130" s="25"/>
      <c r="OAP130" s="25"/>
      <c r="OAQ130" s="25"/>
      <c r="OAR130" s="25"/>
      <c r="OAS130" s="25"/>
      <c r="OAT130" s="25"/>
      <c r="OAU130" s="25"/>
      <c r="OAV130" s="25"/>
      <c r="OAW130" s="25"/>
      <c r="OAX130" s="25"/>
      <c r="OAY130" s="25"/>
      <c r="OAZ130" s="25"/>
      <c r="OBA130" s="25"/>
      <c r="OBB130" s="25"/>
      <c r="OBC130" s="25"/>
      <c r="OBD130" s="25"/>
      <c r="OBE130" s="25"/>
      <c r="OBF130" s="25"/>
      <c r="OBG130" s="25"/>
      <c r="OBH130" s="25"/>
      <c r="OBI130" s="25"/>
      <c r="OBJ130" s="25"/>
      <c r="OBK130" s="25"/>
      <c r="OBL130" s="25"/>
      <c r="OBM130" s="25"/>
      <c r="OBN130" s="25"/>
      <c r="OBO130" s="25"/>
      <c r="OBP130" s="25"/>
      <c r="OBQ130" s="25"/>
      <c r="OBR130" s="25"/>
      <c r="OBS130" s="25"/>
      <c r="OBT130" s="25"/>
      <c r="OBU130" s="25"/>
      <c r="OBV130" s="25"/>
      <c r="OBW130" s="25"/>
      <c r="OBX130" s="25"/>
      <c r="OBY130" s="25"/>
      <c r="OBZ130" s="25"/>
      <c r="OCA130" s="25"/>
      <c r="OCB130" s="25"/>
      <c r="OCC130" s="25"/>
      <c r="OCD130" s="25"/>
      <c r="OCE130" s="25"/>
      <c r="OCF130" s="25"/>
      <c r="OCG130" s="25"/>
      <c r="OCH130" s="25"/>
      <c r="OCI130" s="25"/>
      <c r="OCJ130" s="25"/>
      <c r="OCK130" s="25"/>
      <c r="OCL130" s="25"/>
      <c r="OCM130" s="25"/>
      <c r="OCN130" s="25"/>
      <c r="OCO130" s="25"/>
      <c r="OCP130" s="25"/>
      <c r="OCQ130" s="25"/>
      <c r="OCR130" s="25"/>
      <c r="OCS130" s="25"/>
      <c r="OCT130" s="25"/>
      <c r="OCU130" s="25"/>
      <c r="OCV130" s="25"/>
      <c r="OCW130" s="25"/>
      <c r="OCX130" s="25"/>
      <c r="OCY130" s="25"/>
      <c r="OCZ130" s="25"/>
      <c r="ODA130" s="25"/>
      <c r="ODB130" s="25"/>
      <c r="ODC130" s="25"/>
      <c r="ODD130" s="25"/>
      <c r="ODE130" s="25"/>
      <c r="ODF130" s="25"/>
      <c r="ODG130" s="25"/>
      <c r="ODH130" s="25"/>
      <c r="ODI130" s="25"/>
      <c r="ODJ130" s="25"/>
      <c r="ODK130" s="25"/>
      <c r="ODL130" s="25"/>
      <c r="ODM130" s="25"/>
      <c r="ODN130" s="25"/>
      <c r="ODO130" s="25"/>
      <c r="ODP130" s="25"/>
      <c r="ODQ130" s="25"/>
      <c r="ODR130" s="25"/>
      <c r="ODS130" s="25"/>
      <c r="ODT130" s="25"/>
      <c r="ODU130" s="25"/>
      <c r="ODV130" s="25"/>
      <c r="ODW130" s="25"/>
      <c r="ODX130" s="25"/>
      <c r="ODY130" s="25"/>
      <c r="ODZ130" s="25"/>
      <c r="OEA130" s="25"/>
      <c r="OEB130" s="25"/>
      <c r="OEC130" s="25"/>
      <c r="OED130" s="25"/>
      <c r="OEE130" s="25"/>
      <c r="OEF130" s="25"/>
      <c r="OEG130" s="25"/>
      <c r="OEH130" s="25"/>
      <c r="OEI130" s="25"/>
      <c r="OEJ130" s="25"/>
      <c r="OEK130" s="25"/>
      <c r="OEL130" s="25"/>
      <c r="OEM130" s="25"/>
      <c r="OEN130" s="25"/>
      <c r="OEO130" s="25"/>
      <c r="OEP130" s="25"/>
      <c r="OEQ130" s="25"/>
      <c r="OER130" s="25"/>
      <c r="OES130" s="25"/>
      <c r="OET130" s="25"/>
      <c r="OEU130" s="25"/>
      <c r="OEV130" s="25"/>
      <c r="OEW130" s="25"/>
      <c r="OEX130" s="25"/>
      <c r="OEY130" s="25"/>
      <c r="OEZ130" s="25"/>
      <c r="OFA130" s="25"/>
      <c r="OFB130" s="25"/>
      <c r="OFC130" s="25"/>
      <c r="OFD130" s="25"/>
      <c r="OFE130" s="25"/>
      <c r="OFF130" s="25"/>
      <c r="OFG130" s="25"/>
      <c r="OFH130" s="25"/>
      <c r="OFI130" s="25"/>
      <c r="OFJ130" s="25"/>
      <c r="OFK130" s="25"/>
      <c r="OFL130" s="25"/>
      <c r="OFM130" s="25"/>
      <c r="OFN130" s="25"/>
      <c r="OFO130" s="25"/>
      <c r="OFP130" s="25"/>
      <c r="OFQ130" s="25"/>
      <c r="OFR130" s="25"/>
      <c r="OFS130" s="25"/>
      <c r="OFT130" s="25"/>
      <c r="OFU130" s="25"/>
      <c r="OFV130" s="25"/>
      <c r="OFW130" s="25"/>
      <c r="OFX130" s="25"/>
      <c r="OFY130" s="25"/>
      <c r="OFZ130" s="25"/>
      <c r="OGA130" s="25"/>
      <c r="OGB130" s="25"/>
      <c r="OGC130" s="25"/>
      <c r="OGD130" s="25"/>
      <c r="OGE130" s="25"/>
      <c r="OGF130" s="25"/>
      <c r="OGG130" s="25"/>
      <c r="OGH130" s="25"/>
      <c r="OGI130" s="25"/>
      <c r="OGJ130" s="25"/>
      <c r="OGK130" s="25"/>
      <c r="OGL130" s="25"/>
      <c r="OGM130" s="25"/>
      <c r="OGN130" s="25"/>
      <c r="OGO130" s="25"/>
      <c r="OGP130" s="25"/>
      <c r="OGQ130" s="25"/>
      <c r="OGR130" s="25"/>
      <c r="OGS130" s="25"/>
      <c r="OGT130" s="25"/>
      <c r="OGU130" s="25"/>
      <c r="OGV130" s="25"/>
      <c r="OGW130" s="25"/>
      <c r="OGX130" s="25"/>
      <c r="OGY130" s="25"/>
      <c r="OGZ130" s="25"/>
      <c r="OHA130" s="25"/>
      <c r="OHB130" s="25"/>
      <c r="OHC130" s="25"/>
      <c r="OHD130" s="25"/>
      <c r="OHE130" s="25"/>
      <c r="OHF130" s="25"/>
      <c r="OHG130" s="25"/>
      <c r="OHH130" s="25"/>
      <c r="OHI130" s="25"/>
      <c r="OHJ130" s="25"/>
      <c r="OHK130" s="25"/>
      <c r="OHL130" s="25"/>
      <c r="OHM130" s="25"/>
      <c r="OHN130" s="25"/>
      <c r="OHO130" s="25"/>
      <c r="OHP130" s="25"/>
      <c r="OHQ130" s="25"/>
      <c r="OHR130" s="25"/>
      <c r="OHS130" s="25"/>
      <c r="OHT130" s="25"/>
      <c r="OHU130" s="25"/>
      <c r="OHV130" s="25"/>
      <c r="OHW130" s="25"/>
      <c r="OHX130" s="25"/>
      <c r="OHY130" s="25"/>
      <c r="OHZ130" s="25"/>
      <c r="OIA130" s="25"/>
      <c r="OIB130" s="25"/>
      <c r="OIC130" s="25"/>
      <c r="OID130" s="25"/>
      <c r="OIE130" s="25"/>
      <c r="OIF130" s="25"/>
      <c r="OIG130" s="25"/>
      <c r="OIH130" s="25"/>
      <c r="OII130" s="25"/>
      <c r="OIJ130" s="25"/>
      <c r="OIK130" s="25"/>
      <c r="OIL130" s="25"/>
      <c r="OIM130" s="25"/>
      <c r="OIN130" s="25"/>
      <c r="OIO130" s="25"/>
      <c r="OIP130" s="25"/>
      <c r="OIQ130" s="25"/>
      <c r="OIR130" s="25"/>
      <c r="OIS130" s="25"/>
      <c r="OIT130" s="25"/>
      <c r="OIU130" s="25"/>
      <c r="OIV130" s="25"/>
      <c r="OIW130" s="25"/>
      <c r="OIX130" s="25"/>
      <c r="OIY130" s="25"/>
      <c r="OIZ130" s="25"/>
      <c r="OJA130" s="25"/>
      <c r="OJB130" s="25"/>
      <c r="OJC130" s="25"/>
      <c r="OJD130" s="25"/>
      <c r="OJE130" s="25"/>
      <c r="OJF130" s="25"/>
      <c r="OJG130" s="25"/>
      <c r="OJH130" s="25"/>
      <c r="OJI130" s="25"/>
      <c r="OJJ130" s="25"/>
      <c r="OJK130" s="25"/>
      <c r="OJL130" s="25"/>
      <c r="OJM130" s="25"/>
      <c r="OJN130" s="25"/>
      <c r="OJO130" s="25"/>
      <c r="OJP130" s="25"/>
      <c r="OJQ130" s="25"/>
      <c r="OJR130" s="25"/>
      <c r="OJS130" s="25"/>
      <c r="OJT130" s="25"/>
      <c r="OJU130" s="25"/>
      <c r="OJV130" s="25"/>
      <c r="OJW130" s="25"/>
      <c r="OJX130" s="25"/>
      <c r="OJY130" s="25"/>
      <c r="OJZ130" s="25"/>
      <c r="OKA130" s="25"/>
      <c r="OKB130" s="25"/>
      <c r="OKC130" s="25"/>
      <c r="OKD130" s="25"/>
      <c r="OKE130" s="25"/>
      <c r="OKF130" s="25"/>
      <c r="OKG130" s="25"/>
      <c r="OKH130" s="25"/>
      <c r="OKI130" s="25"/>
      <c r="OKJ130" s="25"/>
      <c r="OKK130" s="25"/>
      <c r="OKL130" s="25"/>
      <c r="OKM130" s="25"/>
      <c r="OKN130" s="25"/>
      <c r="OKO130" s="25"/>
      <c r="OKP130" s="25"/>
      <c r="OKQ130" s="25"/>
      <c r="OKR130" s="25"/>
      <c r="OKS130" s="25"/>
      <c r="OKT130" s="25"/>
      <c r="OKU130" s="25"/>
      <c r="OKV130" s="25"/>
      <c r="OKW130" s="25"/>
      <c r="OKX130" s="25"/>
      <c r="OKY130" s="25"/>
      <c r="OKZ130" s="25"/>
      <c r="OLA130" s="25"/>
      <c r="OLB130" s="25"/>
      <c r="OLC130" s="25"/>
      <c r="OLD130" s="25"/>
      <c r="OLE130" s="25"/>
      <c r="OLF130" s="25"/>
      <c r="OLG130" s="25"/>
      <c r="OLH130" s="25"/>
      <c r="OLI130" s="25"/>
      <c r="OLJ130" s="25"/>
      <c r="OLK130" s="25"/>
      <c r="OLL130" s="25"/>
      <c r="OLM130" s="25"/>
      <c r="OLN130" s="25"/>
      <c r="OLO130" s="25"/>
      <c r="OLP130" s="25"/>
      <c r="OLQ130" s="25"/>
      <c r="OLR130" s="25"/>
      <c r="OLS130" s="25"/>
      <c r="OLT130" s="25"/>
      <c r="OLU130" s="25"/>
      <c r="OLV130" s="25"/>
      <c r="OLW130" s="25"/>
      <c r="OLX130" s="25"/>
      <c r="OLY130" s="25"/>
      <c r="OLZ130" s="25"/>
      <c r="OMA130" s="25"/>
      <c r="OMB130" s="25"/>
      <c r="OMC130" s="25"/>
      <c r="OMD130" s="25"/>
      <c r="OME130" s="25"/>
      <c r="OMF130" s="25"/>
      <c r="OMG130" s="25"/>
      <c r="OMH130" s="25"/>
      <c r="OMI130" s="25"/>
      <c r="OMJ130" s="25"/>
      <c r="OMK130" s="25"/>
      <c r="OML130" s="25"/>
      <c r="OMM130" s="25"/>
      <c r="OMN130" s="25"/>
      <c r="OMO130" s="25"/>
      <c r="OMP130" s="25"/>
      <c r="OMQ130" s="25"/>
      <c r="OMR130" s="25"/>
      <c r="OMS130" s="25"/>
      <c r="OMT130" s="25"/>
      <c r="OMU130" s="25"/>
      <c r="OMV130" s="25"/>
      <c r="OMW130" s="25"/>
      <c r="OMX130" s="25"/>
      <c r="OMY130" s="25"/>
      <c r="OMZ130" s="25"/>
      <c r="ONA130" s="25"/>
      <c r="ONB130" s="25"/>
      <c r="ONC130" s="25"/>
      <c r="OND130" s="25"/>
      <c r="ONE130" s="25"/>
      <c r="ONF130" s="25"/>
      <c r="ONG130" s="25"/>
      <c r="ONH130" s="25"/>
      <c r="ONI130" s="25"/>
      <c r="ONJ130" s="25"/>
      <c r="ONK130" s="25"/>
      <c r="ONL130" s="25"/>
      <c r="ONM130" s="25"/>
      <c r="ONN130" s="25"/>
      <c r="ONO130" s="25"/>
      <c r="ONP130" s="25"/>
      <c r="ONQ130" s="25"/>
      <c r="ONR130" s="25"/>
      <c r="ONS130" s="25"/>
      <c r="ONT130" s="25"/>
      <c r="ONU130" s="25"/>
      <c r="ONV130" s="25"/>
      <c r="ONW130" s="25"/>
      <c r="ONX130" s="25"/>
      <c r="ONY130" s="25"/>
      <c r="ONZ130" s="25"/>
      <c r="OOA130" s="25"/>
      <c r="OOB130" s="25"/>
      <c r="OOC130" s="25"/>
      <c r="OOD130" s="25"/>
      <c r="OOE130" s="25"/>
      <c r="OOF130" s="25"/>
      <c r="OOG130" s="25"/>
      <c r="OOH130" s="25"/>
      <c r="OOI130" s="25"/>
      <c r="OOJ130" s="25"/>
      <c r="OOK130" s="25"/>
      <c r="OOL130" s="25"/>
      <c r="OOM130" s="25"/>
      <c r="OON130" s="25"/>
      <c r="OOO130" s="25"/>
      <c r="OOP130" s="25"/>
      <c r="OOQ130" s="25"/>
      <c r="OOR130" s="25"/>
      <c r="OOS130" s="25"/>
      <c r="OOT130" s="25"/>
      <c r="OOU130" s="25"/>
      <c r="OOV130" s="25"/>
      <c r="OOW130" s="25"/>
      <c r="OOX130" s="25"/>
      <c r="OOY130" s="25"/>
      <c r="OOZ130" s="25"/>
      <c r="OPA130" s="25"/>
      <c r="OPB130" s="25"/>
      <c r="OPC130" s="25"/>
      <c r="OPD130" s="25"/>
      <c r="OPE130" s="25"/>
      <c r="OPF130" s="25"/>
      <c r="OPG130" s="25"/>
      <c r="OPH130" s="25"/>
      <c r="OPI130" s="25"/>
      <c r="OPJ130" s="25"/>
      <c r="OPK130" s="25"/>
      <c r="OPL130" s="25"/>
      <c r="OPM130" s="25"/>
      <c r="OPN130" s="25"/>
      <c r="OPO130" s="25"/>
      <c r="OPP130" s="25"/>
      <c r="OPQ130" s="25"/>
      <c r="OPR130" s="25"/>
      <c r="OPS130" s="25"/>
      <c r="OPT130" s="25"/>
      <c r="OPU130" s="25"/>
      <c r="OPV130" s="25"/>
      <c r="OPW130" s="25"/>
      <c r="OPX130" s="25"/>
      <c r="OPY130" s="25"/>
      <c r="OPZ130" s="25"/>
      <c r="OQA130" s="25"/>
      <c r="OQB130" s="25"/>
      <c r="OQC130" s="25"/>
      <c r="OQD130" s="25"/>
      <c r="OQE130" s="25"/>
      <c r="OQF130" s="25"/>
      <c r="OQG130" s="25"/>
      <c r="OQH130" s="25"/>
      <c r="OQI130" s="25"/>
      <c r="OQJ130" s="25"/>
      <c r="OQK130" s="25"/>
      <c r="OQL130" s="25"/>
      <c r="OQM130" s="25"/>
      <c r="OQN130" s="25"/>
      <c r="OQO130" s="25"/>
      <c r="OQP130" s="25"/>
      <c r="OQQ130" s="25"/>
      <c r="OQR130" s="25"/>
      <c r="OQS130" s="25"/>
      <c r="OQT130" s="25"/>
      <c r="OQU130" s="25"/>
      <c r="OQV130" s="25"/>
      <c r="OQW130" s="25"/>
      <c r="OQX130" s="25"/>
      <c r="OQY130" s="25"/>
      <c r="OQZ130" s="25"/>
      <c r="ORA130" s="25"/>
      <c r="ORB130" s="25"/>
      <c r="ORC130" s="25"/>
      <c r="ORD130" s="25"/>
      <c r="ORE130" s="25"/>
      <c r="ORF130" s="25"/>
      <c r="ORG130" s="25"/>
      <c r="ORH130" s="25"/>
      <c r="ORI130" s="25"/>
      <c r="ORJ130" s="25"/>
      <c r="ORK130" s="25"/>
      <c r="ORL130" s="25"/>
      <c r="ORM130" s="25"/>
      <c r="ORN130" s="25"/>
      <c r="ORO130" s="25"/>
      <c r="ORP130" s="25"/>
      <c r="ORQ130" s="25"/>
      <c r="ORR130" s="25"/>
      <c r="ORS130" s="25"/>
      <c r="ORT130" s="25"/>
      <c r="ORU130" s="25"/>
      <c r="ORV130" s="25"/>
      <c r="ORW130" s="25"/>
      <c r="ORX130" s="25"/>
      <c r="ORY130" s="25"/>
      <c r="ORZ130" s="25"/>
      <c r="OSA130" s="25"/>
      <c r="OSB130" s="25"/>
      <c r="OSC130" s="25"/>
      <c r="OSD130" s="25"/>
      <c r="OSE130" s="25"/>
      <c r="OSF130" s="25"/>
      <c r="OSG130" s="25"/>
      <c r="OSH130" s="25"/>
      <c r="OSI130" s="25"/>
      <c r="OSJ130" s="25"/>
      <c r="OSK130" s="25"/>
      <c r="OSL130" s="25"/>
      <c r="OSM130" s="25"/>
      <c r="OSN130" s="25"/>
      <c r="OSO130" s="25"/>
      <c r="OSP130" s="25"/>
      <c r="OSQ130" s="25"/>
      <c r="OSR130" s="25"/>
      <c r="OSS130" s="25"/>
      <c r="OST130" s="25"/>
      <c r="OSU130" s="25"/>
      <c r="OSV130" s="25"/>
      <c r="OSW130" s="25"/>
      <c r="OSX130" s="25"/>
      <c r="OSY130" s="25"/>
      <c r="OSZ130" s="25"/>
      <c r="OTA130" s="25"/>
      <c r="OTB130" s="25"/>
      <c r="OTC130" s="25"/>
      <c r="OTD130" s="25"/>
      <c r="OTE130" s="25"/>
      <c r="OTF130" s="25"/>
      <c r="OTG130" s="25"/>
      <c r="OTH130" s="25"/>
      <c r="OTI130" s="25"/>
      <c r="OTJ130" s="25"/>
      <c r="OTK130" s="25"/>
      <c r="OTL130" s="25"/>
      <c r="OTM130" s="25"/>
      <c r="OTN130" s="25"/>
      <c r="OTO130" s="25"/>
      <c r="OTP130" s="25"/>
      <c r="OTQ130" s="25"/>
      <c r="OTR130" s="25"/>
      <c r="OTS130" s="25"/>
      <c r="OTT130" s="25"/>
      <c r="OTU130" s="25"/>
      <c r="OTV130" s="25"/>
      <c r="OTW130" s="25"/>
      <c r="OTX130" s="25"/>
      <c r="OTY130" s="25"/>
      <c r="OTZ130" s="25"/>
      <c r="OUA130" s="25"/>
      <c r="OUB130" s="25"/>
      <c r="OUC130" s="25"/>
      <c r="OUD130" s="25"/>
      <c r="OUE130" s="25"/>
      <c r="OUF130" s="25"/>
      <c r="OUG130" s="25"/>
      <c r="OUH130" s="25"/>
      <c r="OUI130" s="25"/>
      <c r="OUJ130" s="25"/>
      <c r="OUK130" s="25"/>
      <c r="OUL130" s="25"/>
      <c r="OUM130" s="25"/>
      <c r="OUN130" s="25"/>
      <c r="OUO130" s="25"/>
      <c r="OUP130" s="25"/>
      <c r="OUQ130" s="25"/>
      <c r="OUR130" s="25"/>
      <c r="OUS130" s="25"/>
      <c r="OUT130" s="25"/>
      <c r="OUU130" s="25"/>
      <c r="OUV130" s="25"/>
      <c r="OUW130" s="25"/>
      <c r="OUX130" s="25"/>
      <c r="OUY130" s="25"/>
      <c r="OUZ130" s="25"/>
      <c r="OVA130" s="25"/>
      <c r="OVB130" s="25"/>
      <c r="OVC130" s="25"/>
      <c r="OVD130" s="25"/>
      <c r="OVE130" s="25"/>
      <c r="OVF130" s="25"/>
      <c r="OVG130" s="25"/>
      <c r="OVH130" s="25"/>
      <c r="OVI130" s="25"/>
      <c r="OVJ130" s="25"/>
      <c r="OVK130" s="25"/>
      <c r="OVL130" s="25"/>
      <c r="OVM130" s="25"/>
      <c r="OVN130" s="25"/>
      <c r="OVO130" s="25"/>
      <c r="OVP130" s="25"/>
      <c r="OVQ130" s="25"/>
      <c r="OVR130" s="25"/>
      <c r="OVS130" s="25"/>
      <c r="OVT130" s="25"/>
      <c r="OVU130" s="25"/>
      <c r="OVV130" s="25"/>
      <c r="OVW130" s="25"/>
      <c r="OVX130" s="25"/>
      <c r="OVY130" s="25"/>
      <c r="OVZ130" s="25"/>
      <c r="OWA130" s="25"/>
      <c r="OWB130" s="25"/>
      <c r="OWC130" s="25"/>
      <c r="OWD130" s="25"/>
      <c r="OWE130" s="25"/>
      <c r="OWF130" s="25"/>
      <c r="OWG130" s="25"/>
      <c r="OWH130" s="25"/>
      <c r="OWI130" s="25"/>
      <c r="OWJ130" s="25"/>
      <c r="OWK130" s="25"/>
      <c r="OWL130" s="25"/>
      <c r="OWM130" s="25"/>
      <c r="OWN130" s="25"/>
      <c r="OWO130" s="25"/>
      <c r="OWP130" s="25"/>
      <c r="OWQ130" s="25"/>
      <c r="OWR130" s="25"/>
      <c r="OWS130" s="25"/>
      <c r="OWT130" s="25"/>
      <c r="OWU130" s="25"/>
      <c r="OWV130" s="25"/>
      <c r="OWW130" s="25"/>
      <c r="OWX130" s="25"/>
      <c r="OWY130" s="25"/>
      <c r="OWZ130" s="25"/>
      <c r="OXA130" s="25"/>
      <c r="OXB130" s="25"/>
      <c r="OXC130" s="25"/>
      <c r="OXD130" s="25"/>
      <c r="OXE130" s="25"/>
      <c r="OXF130" s="25"/>
      <c r="OXG130" s="25"/>
      <c r="OXH130" s="25"/>
      <c r="OXI130" s="25"/>
      <c r="OXJ130" s="25"/>
      <c r="OXK130" s="25"/>
      <c r="OXL130" s="25"/>
      <c r="OXM130" s="25"/>
      <c r="OXN130" s="25"/>
      <c r="OXO130" s="25"/>
      <c r="OXP130" s="25"/>
      <c r="OXQ130" s="25"/>
      <c r="OXR130" s="25"/>
      <c r="OXS130" s="25"/>
      <c r="OXT130" s="25"/>
      <c r="OXU130" s="25"/>
      <c r="OXV130" s="25"/>
      <c r="OXW130" s="25"/>
      <c r="OXX130" s="25"/>
      <c r="OXY130" s="25"/>
      <c r="OXZ130" s="25"/>
      <c r="OYA130" s="25"/>
      <c r="OYB130" s="25"/>
      <c r="OYC130" s="25"/>
      <c r="OYD130" s="25"/>
      <c r="OYE130" s="25"/>
      <c r="OYF130" s="25"/>
      <c r="OYG130" s="25"/>
      <c r="OYH130" s="25"/>
      <c r="OYI130" s="25"/>
      <c r="OYJ130" s="25"/>
      <c r="OYK130" s="25"/>
      <c r="OYL130" s="25"/>
      <c r="OYM130" s="25"/>
      <c r="OYN130" s="25"/>
      <c r="OYO130" s="25"/>
      <c r="OYP130" s="25"/>
      <c r="OYQ130" s="25"/>
      <c r="OYR130" s="25"/>
      <c r="OYS130" s="25"/>
      <c r="OYT130" s="25"/>
      <c r="OYU130" s="25"/>
      <c r="OYV130" s="25"/>
      <c r="OYW130" s="25"/>
      <c r="OYX130" s="25"/>
      <c r="OYY130" s="25"/>
      <c r="OYZ130" s="25"/>
      <c r="OZA130" s="25"/>
      <c r="OZB130" s="25"/>
      <c r="OZC130" s="25"/>
      <c r="OZD130" s="25"/>
      <c r="OZE130" s="25"/>
      <c r="OZF130" s="25"/>
      <c r="OZG130" s="25"/>
      <c r="OZH130" s="25"/>
      <c r="OZI130" s="25"/>
      <c r="OZJ130" s="25"/>
      <c r="OZK130" s="25"/>
      <c r="OZL130" s="25"/>
      <c r="OZM130" s="25"/>
      <c r="OZN130" s="25"/>
      <c r="OZO130" s="25"/>
      <c r="OZP130" s="25"/>
      <c r="OZQ130" s="25"/>
      <c r="OZR130" s="25"/>
      <c r="OZS130" s="25"/>
      <c r="OZT130" s="25"/>
      <c r="OZU130" s="25"/>
      <c r="OZV130" s="25"/>
      <c r="OZW130" s="25"/>
      <c r="OZX130" s="25"/>
      <c r="OZY130" s="25"/>
      <c r="OZZ130" s="25"/>
      <c r="PAA130" s="25"/>
      <c r="PAB130" s="25"/>
      <c r="PAC130" s="25"/>
      <c r="PAD130" s="25"/>
      <c r="PAE130" s="25"/>
      <c r="PAF130" s="25"/>
      <c r="PAG130" s="25"/>
      <c r="PAH130" s="25"/>
      <c r="PAI130" s="25"/>
      <c r="PAJ130" s="25"/>
      <c r="PAK130" s="25"/>
      <c r="PAL130" s="25"/>
      <c r="PAM130" s="25"/>
      <c r="PAN130" s="25"/>
      <c r="PAO130" s="25"/>
      <c r="PAP130" s="25"/>
      <c r="PAQ130" s="25"/>
      <c r="PAR130" s="25"/>
      <c r="PAS130" s="25"/>
      <c r="PAT130" s="25"/>
      <c r="PAU130" s="25"/>
      <c r="PAV130" s="25"/>
      <c r="PAW130" s="25"/>
      <c r="PAX130" s="25"/>
      <c r="PAY130" s="25"/>
      <c r="PAZ130" s="25"/>
      <c r="PBA130" s="25"/>
      <c r="PBB130" s="25"/>
      <c r="PBC130" s="25"/>
      <c r="PBD130" s="25"/>
      <c r="PBE130" s="25"/>
      <c r="PBF130" s="25"/>
      <c r="PBG130" s="25"/>
      <c r="PBH130" s="25"/>
      <c r="PBI130" s="25"/>
      <c r="PBJ130" s="25"/>
      <c r="PBK130" s="25"/>
      <c r="PBL130" s="25"/>
      <c r="PBM130" s="25"/>
      <c r="PBN130" s="25"/>
      <c r="PBO130" s="25"/>
      <c r="PBP130" s="25"/>
      <c r="PBQ130" s="25"/>
      <c r="PBR130" s="25"/>
      <c r="PBS130" s="25"/>
      <c r="PBT130" s="25"/>
      <c r="PBU130" s="25"/>
      <c r="PBV130" s="25"/>
      <c r="PBW130" s="25"/>
      <c r="PBX130" s="25"/>
      <c r="PBY130" s="25"/>
      <c r="PBZ130" s="25"/>
      <c r="PCA130" s="25"/>
      <c r="PCB130" s="25"/>
      <c r="PCC130" s="25"/>
      <c r="PCD130" s="25"/>
      <c r="PCE130" s="25"/>
      <c r="PCF130" s="25"/>
      <c r="PCG130" s="25"/>
      <c r="PCH130" s="25"/>
      <c r="PCI130" s="25"/>
      <c r="PCJ130" s="25"/>
      <c r="PCK130" s="25"/>
      <c r="PCL130" s="25"/>
      <c r="PCM130" s="25"/>
      <c r="PCN130" s="25"/>
      <c r="PCO130" s="25"/>
      <c r="PCP130" s="25"/>
      <c r="PCQ130" s="25"/>
      <c r="PCR130" s="25"/>
      <c r="PCS130" s="25"/>
      <c r="PCT130" s="25"/>
      <c r="PCU130" s="25"/>
      <c r="PCV130" s="25"/>
      <c r="PCW130" s="25"/>
      <c r="PCX130" s="25"/>
      <c r="PCY130" s="25"/>
      <c r="PCZ130" s="25"/>
      <c r="PDA130" s="25"/>
      <c r="PDB130" s="25"/>
      <c r="PDC130" s="25"/>
      <c r="PDD130" s="25"/>
      <c r="PDE130" s="25"/>
      <c r="PDF130" s="25"/>
      <c r="PDG130" s="25"/>
      <c r="PDH130" s="25"/>
      <c r="PDI130" s="25"/>
      <c r="PDJ130" s="25"/>
      <c r="PDK130" s="25"/>
      <c r="PDL130" s="25"/>
      <c r="PDM130" s="25"/>
      <c r="PDN130" s="25"/>
      <c r="PDO130" s="25"/>
      <c r="PDP130" s="25"/>
      <c r="PDQ130" s="25"/>
      <c r="PDR130" s="25"/>
      <c r="PDS130" s="25"/>
      <c r="PDT130" s="25"/>
      <c r="PDU130" s="25"/>
      <c r="PDV130" s="25"/>
      <c r="PDW130" s="25"/>
      <c r="PDX130" s="25"/>
      <c r="PDY130" s="25"/>
      <c r="PDZ130" s="25"/>
      <c r="PEA130" s="25"/>
      <c r="PEB130" s="25"/>
      <c r="PEC130" s="25"/>
      <c r="PED130" s="25"/>
      <c r="PEE130" s="25"/>
      <c r="PEF130" s="25"/>
      <c r="PEG130" s="25"/>
      <c r="PEH130" s="25"/>
      <c r="PEI130" s="25"/>
      <c r="PEJ130" s="25"/>
      <c r="PEK130" s="25"/>
      <c r="PEL130" s="25"/>
      <c r="PEM130" s="25"/>
      <c r="PEN130" s="25"/>
      <c r="PEO130" s="25"/>
      <c r="PEP130" s="25"/>
      <c r="PEQ130" s="25"/>
      <c r="PER130" s="25"/>
      <c r="PES130" s="25"/>
      <c r="PET130" s="25"/>
      <c r="PEU130" s="25"/>
      <c r="PEV130" s="25"/>
      <c r="PEW130" s="25"/>
      <c r="PEX130" s="25"/>
      <c r="PEY130" s="25"/>
      <c r="PEZ130" s="25"/>
      <c r="PFA130" s="25"/>
      <c r="PFB130" s="25"/>
      <c r="PFC130" s="25"/>
      <c r="PFD130" s="25"/>
      <c r="PFE130" s="25"/>
      <c r="PFF130" s="25"/>
      <c r="PFG130" s="25"/>
      <c r="PFH130" s="25"/>
      <c r="PFI130" s="25"/>
      <c r="PFJ130" s="25"/>
      <c r="PFK130" s="25"/>
      <c r="PFL130" s="25"/>
      <c r="PFM130" s="25"/>
      <c r="PFN130" s="25"/>
      <c r="PFO130" s="25"/>
      <c r="PFP130" s="25"/>
      <c r="PFQ130" s="25"/>
      <c r="PFR130" s="25"/>
      <c r="PFS130" s="25"/>
      <c r="PFT130" s="25"/>
      <c r="PFU130" s="25"/>
      <c r="PFV130" s="25"/>
      <c r="PFW130" s="25"/>
      <c r="PFX130" s="25"/>
      <c r="PFY130" s="25"/>
      <c r="PFZ130" s="25"/>
      <c r="PGA130" s="25"/>
      <c r="PGB130" s="25"/>
      <c r="PGC130" s="25"/>
      <c r="PGD130" s="25"/>
      <c r="PGE130" s="25"/>
      <c r="PGF130" s="25"/>
      <c r="PGG130" s="25"/>
      <c r="PGH130" s="25"/>
      <c r="PGI130" s="25"/>
      <c r="PGJ130" s="25"/>
      <c r="PGK130" s="25"/>
      <c r="PGL130" s="25"/>
      <c r="PGM130" s="25"/>
      <c r="PGN130" s="25"/>
      <c r="PGO130" s="25"/>
      <c r="PGP130" s="25"/>
      <c r="PGQ130" s="25"/>
      <c r="PGR130" s="25"/>
      <c r="PGS130" s="25"/>
      <c r="PGT130" s="25"/>
      <c r="PGU130" s="25"/>
      <c r="PGV130" s="25"/>
      <c r="PGW130" s="25"/>
      <c r="PGX130" s="25"/>
      <c r="PGY130" s="25"/>
      <c r="PGZ130" s="25"/>
      <c r="PHA130" s="25"/>
      <c r="PHB130" s="25"/>
      <c r="PHC130" s="25"/>
      <c r="PHD130" s="25"/>
      <c r="PHE130" s="25"/>
      <c r="PHF130" s="25"/>
      <c r="PHG130" s="25"/>
      <c r="PHH130" s="25"/>
      <c r="PHI130" s="25"/>
      <c r="PHJ130" s="25"/>
      <c r="PHK130" s="25"/>
      <c r="PHL130" s="25"/>
      <c r="PHM130" s="25"/>
      <c r="PHN130" s="25"/>
      <c r="PHO130" s="25"/>
      <c r="PHP130" s="25"/>
      <c r="PHQ130" s="25"/>
      <c r="PHR130" s="25"/>
      <c r="PHS130" s="25"/>
      <c r="PHT130" s="25"/>
      <c r="PHU130" s="25"/>
      <c r="PHV130" s="25"/>
      <c r="PHW130" s="25"/>
      <c r="PHX130" s="25"/>
      <c r="PHY130" s="25"/>
      <c r="PHZ130" s="25"/>
      <c r="PIA130" s="25"/>
      <c r="PIB130" s="25"/>
      <c r="PIC130" s="25"/>
      <c r="PID130" s="25"/>
      <c r="PIE130" s="25"/>
      <c r="PIF130" s="25"/>
      <c r="PIG130" s="25"/>
      <c r="PIH130" s="25"/>
      <c r="PII130" s="25"/>
      <c r="PIJ130" s="25"/>
      <c r="PIK130" s="25"/>
      <c r="PIL130" s="25"/>
      <c r="PIM130" s="25"/>
      <c r="PIN130" s="25"/>
      <c r="PIO130" s="25"/>
      <c r="PIP130" s="25"/>
      <c r="PIQ130" s="25"/>
      <c r="PIR130" s="25"/>
      <c r="PIS130" s="25"/>
      <c r="PIT130" s="25"/>
      <c r="PIU130" s="25"/>
      <c r="PIV130" s="25"/>
      <c r="PIW130" s="25"/>
      <c r="PIX130" s="25"/>
      <c r="PIY130" s="25"/>
      <c r="PIZ130" s="25"/>
      <c r="PJA130" s="25"/>
      <c r="PJB130" s="25"/>
      <c r="PJC130" s="25"/>
      <c r="PJD130" s="25"/>
      <c r="PJE130" s="25"/>
      <c r="PJF130" s="25"/>
      <c r="PJG130" s="25"/>
      <c r="PJH130" s="25"/>
      <c r="PJI130" s="25"/>
      <c r="PJJ130" s="25"/>
      <c r="PJK130" s="25"/>
      <c r="PJL130" s="25"/>
      <c r="PJM130" s="25"/>
      <c r="PJN130" s="25"/>
      <c r="PJO130" s="25"/>
      <c r="PJP130" s="25"/>
      <c r="PJQ130" s="25"/>
      <c r="PJR130" s="25"/>
      <c r="PJS130" s="25"/>
      <c r="PJT130" s="25"/>
      <c r="PJU130" s="25"/>
      <c r="PJV130" s="25"/>
      <c r="PJW130" s="25"/>
      <c r="PJX130" s="25"/>
      <c r="PJY130" s="25"/>
      <c r="PJZ130" s="25"/>
      <c r="PKA130" s="25"/>
      <c r="PKB130" s="25"/>
      <c r="PKC130" s="25"/>
      <c r="PKD130" s="25"/>
      <c r="PKE130" s="25"/>
      <c r="PKF130" s="25"/>
      <c r="PKG130" s="25"/>
      <c r="PKH130" s="25"/>
      <c r="PKI130" s="25"/>
      <c r="PKJ130" s="25"/>
      <c r="PKK130" s="25"/>
      <c r="PKL130" s="25"/>
      <c r="PKM130" s="25"/>
      <c r="PKN130" s="25"/>
      <c r="PKO130" s="25"/>
      <c r="PKP130" s="25"/>
      <c r="PKQ130" s="25"/>
      <c r="PKR130" s="25"/>
      <c r="PKS130" s="25"/>
      <c r="PKT130" s="25"/>
      <c r="PKU130" s="25"/>
      <c r="PKV130" s="25"/>
      <c r="PKW130" s="25"/>
      <c r="PKX130" s="25"/>
      <c r="PKY130" s="25"/>
      <c r="PKZ130" s="25"/>
      <c r="PLA130" s="25"/>
      <c r="PLB130" s="25"/>
      <c r="PLC130" s="25"/>
      <c r="PLD130" s="25"/>
      <c r="PLE130" s="25"/>
      <c r="PLF130" s="25"/>
      <c r="PLG130" s="25"/>
      <c r="PLH130" s="25"/>
      <c r="PLI130" s="25"/>
      <c r="PLJ130" s="25"/>
      <c r="PLK130" s="25"/>
      <c r="PLL130" s="25"/>
      <c r="PLM130" s="25"/>
      <c r="PLN130" s="25"/>
      <c r="PLO130" s="25"/>
      <c r="PLP130" s="25"/>
      <c r="PLQ130" s="25"/>
      <c r="PLR130" s="25"/>
      <c r="PLS130" s="25"/>
      <c r="PLT130" s="25"/>
      <c r="PLU130" s="25"/>
      <c r="PLV130" s="25"/>
      <c r="PLW130" s="25"/>
      <c r="PLX130" s="25"/>
      <c r="PLY130" s="25"/>
      <c r="PLZ130" s="25"/>
      <c r="PMA130" s="25"/>
      <c r="PMB130" s="25"/>
      <c r="PMC130" s="25"/>
      <c r="PMD130" s="25"/>
      <c r="PME130" s="25"/>
      <c r="PMF130" s="25"/>
      <c r="PMG130" s="25"/>
      <c r="PMH130" s="25"/>
      <c r="PMI130" s="25"/>
      <c r="PMJ130" s="25"/>
      <c r="PMK130" s="25"/>
      <c r="PML130" s="25"/>
      <c r="PMM130" s="25"/>
      <c r="PMN130" s="25"/>
      <c r="PMO130" s="25"/>
      <c r="PMP130" s="25"/>
      <c r="PMQ130" s="25"/>
      <c r="PMR130" s="25"/>
      <c r="PMS130" s="25"/>
      <c r="PMT130" s="25"/>
      <c r="PMU130" s="25"/>
      <c r="PMV130" s="25"/>
      <c r="PMW130" s="25"/>
      <c r="PMX130" s="25"/>
      <c r="PMY130" s="25"/>
      <c r="PMZ130" s="25"/>
      <c r="PNA130" s="25"/>
      <c r="PNB130" s="25"/>
      <c r="PNC130" s="25"/>
      <c r="PND130" s="25"/>
      <c r="PNE130" s="25"/>
      <c r="PNF130" s="25"/>
      <c r="PNG130" s="25"/>
      <c r="PNH130" s="25"/>
      <c r="PNI130" s="25"/>
      <c r="PNJ130" s="25"/>
      <c r="PNK130" s="25"/>
      <c r="PNL130" s="25"/>
      <c r="PNM130" s="25"/>
      <c r="PNN130" s="25"/>
      <c r="PNO130" s="25"/>
      <c r="PNP130" s="25"/>
      <c r="PNQ130" s="25"/>
      <c r="PNR130" s="25"/>
      <c r="PNS130" s="25"/>
      <c r="PNT130" s="25"/>
      <c r="PNU130" s="25"/>
      <c r="PNV130" s="25"/>
      <c r="PNW130" s="25"/>
      <c r="PNX130" s="25"/>
      <c r="PNY130" s="25"/>
      <c r="PNZ130" s="25"/>
      <c r="POA130" s="25"/>
      <c r="POB130" s="25"/>
      <c r="POC130" s="25"/>
      <c r="POD130" s="25"/>
      <c r="POE130" s="25"/>
      <c r="POF130" s="25"/>
      <c r="POG130" s="25"/>
      <c r="POH130" s="25"/>
      <c r="POI130" s="25"/>
      <c r="POJ130" s="25"/>
      <c r="POK130" s="25"/>
      <c r="POL130" s="25"/>
      <c r="POM130" s="25"/>
      <c r="PON130" s="25"/>
      <c r="POO130" s="25"/>
      <c r="POP130" s="25"/>
      <c r="POQ130" s="25"/>
      <c r="POR130" s="25"/>
      <c r="POS130" s="25"/>
      <c r="POT130" s="25"/>
      <c r="POU130" s="25"/>
      <c r="POV130" s="25"/>
      <c r="POW130" s="25"/>
      <c r="POX130" s="25"/>
      <c r="POY130" s="25"/>
      <c r="POZ130" s="25"/>
      <c r="PPA130" s="25"/>
      <c r="PPB130" s="25"/>
      <c r="PPC130" s="25"/>
      <c r="PPD130" s="25"/>
      <c r="PPE130" s="25"/>
      <c r="PPF130" s="25"/>
      <c r="PPG130" s="25"/>
      <c r="PPH130" s="25"/>
      <c r="PPI130" s="25"/>
      <c r="PPJ130" s="25"/>
      <c r="PPK130" s="25"/>
      <c r="PPL130" s="25"/>
      <c r="PPM130" s="25"/>
      <c r="PPN130" s="25"/>
      <c r="PPO130" s="25"/>
      <c r="PPP130" s="25"/>
      <c r="PPQ130" s="25"/>
      <c r="PPR130" s="25"/>
      <c r="PPS130" s="25"/>
      <c r="PPT130" s="25"/>
      <c r="PPU130" s="25"/>
      <c r="PPV130" s="25"/>
      <c r="PPW130" s="25"/>
      <c r="PPX130" s="25"/>
      <c r="PPY130" s="25"/>
      <c r="PPZ130" s="25"/>
      <c r="PQA130" s="25"/>
      <c r="PQB130" s="25"/>
      <c r="PQC130" s="25"/>
      <c r="PQD130" s="25"/>
      <c r="PQE130" s="25"/>
      <c r="PQF130" s="25"/>
      <c r="PQG130" s="25"/>
      <c r="PQH130" s="25"/>
      <c r="PQI130" s="25"/>
      <c r="PQJ130" s="25"/>
      <c r="PQK130" s="25"/>
      <c r="PQL130" s="25"/>
      <c r="PQM130" s="25"/>
      <c r="PQN130" s="25"/>
      <c r="PQO130" s="25"/>
      <c r="PQP130" s="25"/>
      <c r="PQQ130" s="25"/>
      <c r="PQR130" s="25"/>
      <c r="PQS130" s="25"/>
      <c r="PQT130" s="25"/>
      <c r="PQU130" s="25"/>
      <c r="PQV130" s="25"/>
      <c r="PQW130" s="25"/>
      <c r="PQX130" s="25"/>
      <c r="PQY130" s="25"/>
      <c r="PQZ130" s="25"/>
      <c r="PRA130" s="25"/>
      <c r="PRB130" s="25"/>
      <c r="PRC130" s="25"/>
      <c r="PRD130" s="25"/>
      <c r="PRE130" s="25"/>
      <c r="PRF130" s="25"/>
      <c r="PRG130" s="25"/>
      <c r="PRH130" s="25"/>
      <c r="PRI130" s="25"/>
      <c r="PRJ130" s="25"/>
      <c r="PRK130" s="25"/>
      <c r="PRL130" s="25"/>
      <c r="PRM130" s="25"/>
      <c r="PRN130" s="25"/>
      <c r="PRO130" s="25"/>
      <c r="PRP130" s="25"/>
      <c r="PRQ130" s="25"/>
      <c r="PRR130" s="25"/>
      <c r="PRS130" s="25"/>
      <c r="PRT130" s="25"/>
      <c r="PRU130" s="25"/>
      <c r="PRV130" s="25"/>
      <c r="PRW130" s="25"/>
      <c r="PRX130" s="25"/>
      <c r="PRY130" s="25"/>
      <c r="PRZ130" s="25"/>
      <c r="PSA130" s="25"/>
      <c r="PSB130" s="25"/>
      <c r="PSC130" s="25"/>
      <c r="PSD130" s="25"/>
      <c r="PSE130" s="25"/>
      <c r="PSF130" s="25"/>
      <c r="PSG130" s="25"/>
      <c r="PSH130" s="25"/>
      <c r="PSI130" s="25"/>
      <c r="PSJ130" s="25"/>
      <c r="PSK130" s="25"/>
      <c r="PSL130" s="25"/>
      <c r="PSM130" s="25"/>
      <c r="PSN130" s="25"/>
      <c r="PSO130" s="25"/>
      <c r="PSP130" s="25"/>
      <c r="PSQ130" s="25"/>
      <c r="PSR130" s="25"/>
      <c r="PSS130" s="25"/>
      <c r="PST130" s="25"/>
      <c r="PSU130" s="25"/>
      <c r="PSV130" s="25"/>
      <c r="PSW130" s="25"/>
      <c r="PSX130" s="25"/>
      <c r="PSY130" s="25"/>
      <c r="PSZ130" s="25"/>
      <c r="PTA130" s="25"/>
      <c r="PTB130" s="25"/>
      <c r="PTC130" s="25"/>
      <c r="PTD130" s="25"/>
      <c r="PTE130" s="25"/>
      <c r="PTF130" s="25"/>
      <c r="PTG130" s="25"/>
      <c r="PTH130" s="25"/>
      <c r="PTI130" s="25"/>
      <c r="PTJ130" s="25"/>
      <c r="PTK130" s="25"/>
      <c r="PTL130" s="25"/>
      <c r="PTM130" s="25"/>
      <c r="PTN130" s="25"/>
      <c r="PTO130" s="25"/>
      <c r="PTP130" s="25"/>
      <c r="PTQ130" s="25"/>
      <c r="PTR130" s="25"/>
      <c r="PTS130" s="25"/>
      <c r="PTT130" s="25"/>
      <c r="PTU130" s="25"/>
      <c r="PTV130" s="25"/>
      <c r="PTW130" s="25"/>
      <c r="PTX130" s="25"/>
      <c r="PTY130" s="25"/>
      <c r="PTZ130" s="25"/>
      <c r="PUA130" s="25"/>
      <c r="PUB130" s="25"/>
      <c r="PUC130" s="25"/>
      <c r="PUD130" s="25"/>
      <c r="PUE130" s="25"/>
      <c r="PUF130" s="25"/>
      <c r="PUG130" s="25"/>
      <c r="PUH130" s="25"/>
      <c r="PUI130" s="25"/>
      <c r="PUJ130" s="25"/>
      <c r="PUK130" s="25"/>
      <c r="PUL130" s="25"/>
      <c r="PUM130" s="25"/>
      <c r="PUN130" s="25"/>
      <c r="PUO130" s="25"/>
      <c r="PUP130" s="25"/>
      <c r="PUQ130" s="25"/>
      <c r="PUR130" s="25"/>
      <c r="PUS130" s="25"/>
      <c r="PUT130" s="25"/>
      <c r="PUU130" s="25"/>
      <c r="PUV130" s="25"/>
      <c r="PUW130" s="25"/>
      <c r="PUX130" s="25"/>
      <c r="PUY130" s="25"/>
      <c r="PUZ130" s="25"/>
      <c r="PVA130" s="25"/>
      <c r="PVB130" s="25"/>
      <c r="PVC130" s="25"/>
      <c r="PVD130" s="25"/>
      <c r="PVE130" s="25"/>
      <c r="PVF130" s="25"/>
      <c r="PVG130" s="25"/>
      <c r="PVH130" s="25"/>
      <c r="PVI130" s="25"/>
      <c r="PVJ130" s="25"/>
      <c r="PVK130" s="25"/>
      <c r="PVL130" s="25"/>
      <c r="PVM130" s="25"/>
      <c r="PVN130" s="25"/>
      <c r="PVO130" s="25"/>
      <c r="PVP130" s="25"/>
      <c r="PVQ130" s="25"/>
      <c r="PVR130" s="25"/>
      <c r="PVS130" s="25"/>
      <c r="PVT130" s="25"/>
      <c r="PVU130" s="25"/>
      <c r="PVV130" s="25"/>
      <c r="PVW130" s="25"/>
      <c r="PVX130" s="25"/>
      <c r="PVY130" s="25"/>
      <c r="PVZ130" s="25"/>
      <c r="PWA130" s="25"/>
      <c r="PWB130" s="25"/>
      <c r="PWC130" s="25"/>
      <c r="PWD130" s="25"/>
      <c r="PWE130" s="25"/>
      <c r="PWF130" s="25"/>
      <c r="PWG130" s="25"/>
      <c r="PWH130" s="25"/>
      <c r="PWI130" s="25"/>
      <c r="PWJ130" s="25"/>
      <c r="PWK130" s="25"/>
      <c r="PWL130" s="25"/>
      <c r="PWM130" s="25"/>
      <c r="PWN130" s="25"/>
      <c r="PWO130" s="25"/>
      <c r="PWP130" s="25"/>
      <c r="PWQ130" s="25"/>
      <c r="PWR130" s="25"/>
      <c r="PWS130" s="25"/>
      <c r="PWT130" s="25"/>
      <c r="PWU130" s="25"/>
      <c r="PWV130" s="25"/>
      <c r="PWW130" s="25"/>
      <c r="PWX130" s="25"/>
      <c r="PWY130" s="25"/>
      <c r="PWZ130" s="25"/>
      <c r="PXA130" s="25"/>
      <c r="PXB130" s="25"/>
      <c r="PXC130" s="25"/>
      <c r="PXD130" s="25"/>
      <c r="PXE130" s="25"/>
      <c r="PXF130" s="25"/>
      <c r="PXG130" s="25"/>
      <c r="PXH130" s="25"/>
      <c r="PXI130" s="25"/>
      <c r="PXJ130" s="25"/>
      <c r="PXK130" s="25"/>
      <c r="PXL130" s="25"/>
      <c r="PXM130" s="25"/>
      <c r="PXN130" s="25"/>
      <c r="PXO130" s="25"/>
      <c r="PXP130" s="25"/>
      <c r="PXQ130" s="25"/>
      <c r="PXR130" s="25"/>
      <c r="PXS130" s="25"/>
      <c r="PXT130" s="25"/>
      <c r="PXU130" s="25"/>
      <c r="PXV130" s="25"/>
      <c r="PXW130" s="25"/>
      <c r="PXX130" s="25"/>
      <c r="PXY130" s="25"/>
      <c r="PXZ130" s="25"/>
      <c r="PYA130" s="25"/>
      <c r="PYB130" s="25"/>
      <c r="PYC130" s="25"/>
      <c r="PYD130" s="25"/>
      <c r="PYE130" s="25"/>
      <c r="PYF130" s="25"/>
      <c r="PYG130" s="25"/>
      <c r="PYH130" s="25"/>
      <c r="PYI130" s="25"/>
      <c r="PYJ130" s="25"/>
      <c r="PYK130" s="25"/>
      <c r="PYL130" s="25"/>
      <c r="PYM130" s="25"/>
      <c r="PYN130" s="25"/>
      <c r="PYO130" s="25"/>
      <c r="PYP130" s="25"/>
      <c r="PYQ130" s="25"/>
      <c r="PYR130" s="25"/>
      <c r="PYS130" s="25"/>
      <c r="PYT130" s="25"/>
      <c r="PYU130" s="25"/>
      <c r="PYV130" s="25"/>
      <c r="PYW130" s="25"/>
      <c r="PYX130" s="25"/>
      <c r="PYY130" s="25"/>
      <c r="PYZ130" s="25"/>
      <c r="PZA130" s="25"/>
      <c r="PZB130" s="25"/>
      <c r="PZC130" s="25"/>
      <c r="PZD130" s="25"/>
      <c r="PZE130" s="25"/>
      <c r="PZF130" s="25"/>
      <c r="PZG130" s="25"/>
      <c r="PZH130" s="25"/>
      <c r="PZI130" s="25"/>
      <c r="PZJ130" s="25"/>
      <c r="PZK130" s="25"/>
      <c r="PZL130" s="25"/>
      <c r="PZM130" s="25"/>
      <c r="PZN130" s="25"/>
      <c r="PZO130" s="25"/>
      <c r="PZP130" s="25"/>
      <c r="PZQ130" s="25"/>
      <c r="PZR130" s="25"/>
      <c r="PZS130" s="25"/>
      <c r="PZT130" s="25"/>
      <c r="PZU130" s="25"/>
      <c r="PZV130" s="25"/>
      <c r="PZW130" s="25"/>
      <c r="PZX130" s="25"/>
      <c r="PZY130" s="25"/>
      <c r="PZZ130" s="25"/>
      <c r="QAA130" s="25"/>
      <c r="QAB130" s="25"/>
      <c r="QAC130" s="25"/>
      <c r="QAD130" s="25"/>
      <c r="QAE130" s="25"/>
      <c r="QAF130" s="25"/>
      <c r="QAG130" s="25"/>
      <c r="QAH130" s="25"/>
      <c r="QAI130" s="25"/>
      <c r="QAJ130" s="25"/>
      <c r="QAK130" s="25"/>
      <c r="QAL130" s="25"/>
      <c r="QAM130" s="25"/>
      <c r="QAN130" s="25"/>
      <c r="QAO130" s="25"/>
      <c r="QAP130" s="25"/>
      <c r="QAQ130" s="25"/>
      <c r="QAR130" s="25"/>
      <c r="QAS130" s="25"/>
      <c r="QAT130" s="25"/>
      <c r="QAU130" s="25"/>
      <c r="QAV130" s="25"/>
      <c r="QAW130" s="25"/>
      <c r="QAX130" s="25"/>
      <c r="QAY130" s="25"/>
      <c r="QAZ130" s="25"/>
      <c r="QBA130" s="25"/>
      <c r="QBB130" s="25"/>
      <c r="QBC130" s="25"/>
      <c r="QBD130" s="25"/>
      <c r="QBE130" s="25"/>
      <c r="QBF130" s="25"/>
      <c r="QBG130" s="25"/>
      <c r="QBH130" s="25"/>
      <c r="QBI130" s="25"/>
      <c r="QBJ130" s="25"/>
      <c r="QBK130" s="25"/>
      <c r="QBL130" s="25"/>
      <c r="QBM130" s="25"/>
      <c r="QBN130" s="25"/>
      <c r="QBO130" s="25"/>
      <c r="QBP130" s="25"/>
      <c r="QBQ130" s="25"/>
      <c r="QBR130" s="25"/>
      <c r="QBS130" s="25"/>
      <c r="QBT130" s="25"/>
      <c r="QBU130" s="25"/>
      <c r="QBV130" s="25"/>
      <c r="QBW130" s="25"/>
      <c r="QBX130" s="25"/>
      <c r="QBY130" s="25"/>
      <c r="QBZ130" s="25"/>
      <c r="QCA130" s="25"/>
      <c r="QCB130" s="25"/>
      <c r="QCC130" s="25"/>
      <c r="QCD130" s="25"/>
      <c r="QCE130" s="25"/>
      <c r="QCF130" s="25"/>
      <c r="QCG130" s="25"/>
      <c r="QCH130" s="25"/>
      <c r="QCI130" s="25"/>
      <c r="QCJ130" s="25"/>
      <c r="QCK130" s="25"/>
      <c r="QCL130" s="25"/>
      <c r="QCM130" s="25"/>
      <c r="QCN130" s="25"/>
      <c r="QCO130" s="25"/>
      <c r="QCP130" s="25"/>
      <c r="QCQ130" s="25"/>
      <c r="QCR130" s="25"/>
      <c r="QCS130" s="25"/>
      <c r="QCT130" s="25"/>
      <c r="QCU130" s="25"/>
      <c r="QCV130" s="25"/>
      <c r="QCW130" s="25"/>
      <c r="QCX130" s="25"/>
      <c r="QCY130" s="25"/>
      <c r="QCZ130" s="25"/>
      <c r="QDA130" s="25"/>
      <c r="QDB130" s="25"/>
      <c r="QDC130" s="25"/>
      <c r="QDD130" s="25"/>
      <c r="QDE130" s="25"/>
      <c r="QDF130" s="25"/>
      <c r="QDG130" s="25"/>
      <c r="QDH130" s="25"/>
      <c r="QDI130" s="25"/>
      <c r="QDJ130" s="25"/>
      <c r="QDK130" s="25"/>
      <c r="QDL130" s="25"/>
      <c r="QDM130" s="25"/>
      <c r="QDN130" s="25"/>
      <c r="QDO130" s="25"/>
      <c r="QDP130" s="25"/>
      <c r="QDQ130" s="25"/>
      <c r="QDR130" s="25"/>
      <c r="QDS130" s="25"/>
      <c r="QDT130" s="25"/>
      <c r="QDU130" s="25"/>
      <c r="QDV130" s="25"/>
      <c r="QDW130" s="25"/>
      <c r="QDX130" s="25"/>
      <c r="QDY130" s="25"/>
      <c r="QDZ130" s="25"/>
      <c r="QEA130" s="25"/>
      <c r="QEB130" s="25"/>
      <c r="QEC130" s="25"/>
      <c r="QED130" s="25"/>
      <c r="QEE130" s="25"/>
      <c r="QEF130" s="25"/>
      <c r="QEG130" s="25"/>
      <c r="QEH130" s="25"/>
      <c r="QEI130" s="25"/>
      <c r="QEJ130" s="25"/>
      <c r="QEK130" s="25"/>
      <c r="QEL130" s="25"/>
      <c r="QEM130" s="25"/>
      <c r="QEN130" s="25"/>
      <c r="QEO130" s="25"/>
      <c r="QEP130" s="25"/>
      <c r="QEQ130" s="25"/>
      <c r="QER130" s="25"/>
      <c r="QES130" s="25"/>
      <c r="QET130" s="25"/>
      <c r="QEU130" s="25"/>
      <c r="QEV130" s="25"/>
      <c r="QEW130" s="25"/>
      <c r="QEX130" s="25"/>
      <c r="QEY130" s="25"/>
      <c r="QEZ130" s="25"/>
      <c r="QFA130" s="25"/>
      <c r="QFB130" s="25"/>
      <c r="QFC130" s="25"/>
      <c r="QFD130" s="25"/>
      <c r="QFE130" s="25"/>
      <c r="QFF130" s="25"/>
      <c r="QFG130" s="25"/>
      <c r="QFH130" s="25"/>
      <c r="QFI130" s="25"/>
      <c r="QFJ130" s="25"/>
      <c r="QFK130" s="25"/>
      <c r="QFL130" s="25"/>
      <c r="QFM130" s="25"/>
      <c r="QFN130" s="25"/>
      <c r="QFO130" s="25"/>
      <c r="QFP130" s="25"/>
      <c r="QFQ130" s="25"/>
      <c r="QFR130" s="25"/>
      <c r="QFS130" s="25"/>
      <c r="QFT130" s="25"/>
      <c r="QFU130" s="25"/>
      <c r="QFV130" s="25"/>
      <c r="QFW130" s="25"/>
      <c r="QFX130" s="25"/>
      <c r="QFY130" s="25"/>
      <c r="QFZ130" s="25"/>
      <c r="QGA130" s="25"/>
      <c r="QGB130" s="25"/>
      <c r="QGC130" s="25"/>
      <c r="QGD130" s="25"/>
      <c r="QGE130" s="25"/>
      <c r="QGF130" s="25"/>
      <c r="QGG130" s="25"/>
      <c r="QGH130" s="25"/>
      <c r="QGI130" s="25"/>
      <c r="QGJ130" s="25"/>
      <c r="QGK130" s="25"/>
      <c r="QGL130" s="25"/>
      <c r="QGM130" s="25"/>
      <c r="QGN130" s="25"/>
      <c r="QGO130" s="25"/>
      <c r="QGP130" s="25"/>
      <c r="QGQ130" s="25"/>
      <c r="QGR130" s="25"/>
      <c r="QGS130" s="25"/>
      <c r="QGT130" s="25"/>
      <c r="QGU130" s="25"/>
      <c r="QGV130" s="25"/>
      <c r="QGW130" s="25"/>
      <c r="QGX130" s="25"/>
      <c r="QGY130" s="25"/>
      <c r="QGZ130" s="25"/>
      <c r="QHA130" s="25"/>
      <c r="QHB130" s="25"/>
      <c r="QHC130" s="25"/>
      <c r="QHD130" s="25"/>
      <c r="QHE130" s="25"/>
      <c r="QHF130" s="25"/>
      <c r="QHG130" s="25"/>
      <c r="QHH130" s="25"/>
      <c r="QHI130" s="25"/>
      <c r="QHJ130" s="25"/>
      <c r="QHK130" s="25"/>
      <c r="QHL130" s="25"/>
      <c r="QHM130" s="25"/>
      <c r="QHN130" s="25"/>
      <c r="QHO130" s="25"/>
      <c r="QHP130" s="25"/>
      <c r="QHQ130" s="25"/>
      <c r="QHR130" s="25"/>
      <c r="QHS130" s="25"/>
      <c r="QHT130" s="25"/>
      <c r="QHU130" s="25"/>
      <c r="QHV130" s="25"/>
      <c r="QHW130" s="25"/>
      <c r="QHX130" s="25"/>
      <c r="QHY130" s="25"/>
      <c r="QHZ130" s="25"/>
      <c r="QIA130" s="25"/>
      <c r="QIB130" s="25"/>
      <c r="QIC130" s="25"/>
      <c r="QID130" s="25"/>
      <c r="QIE130" s="25"/>
      <c r="QIF130" s="25"/>
      <c r="QIG130" s="25"/>
      <c r="QIH130" s="25"/>
      <c r="QII130" s="25"/>
      <c r="QIJ130" s="25"/>
      <c r="QIK130" s="25"/>
      <c r="QIL130" s="25"/>
      <c r="QIM130" s="25"/>
      <c r="QIN130" s="25"/>
      <c r="QIO130" s="25"/>
      <c r="QIP130" s="25"/>
      <c r="QIQ130" s="25"/>
      <c r="QIR130" s="25"/>
      <c r="QIS130" s="25"/>
      <c r="QIT130" s="25"/>
      <c r="QIU130" s="25"/>
      <c r="QIV130" s="25"/>
      <c r="QIW130" s="25"/>
      <c r="QIX130" s="25"/>
      <c r="QIY130" s="25"/>
      <c r="QIZ130" s="25"/>
      <c r="QJA130" s="25"/>
      <c r="QJB130" s="25"/>
      <c r="QJC130" s="25"/>
      <c r="QJD130" s="25"/>
      <c r="QJE130" s="25"/>
      <c r="QJF130" s="25"/>
      <c r="QJG130" s="25"/>
      <c r="QJH130" s="25"/>
      <c r="QJI130" s="25"/>
      <c r="QJJ130" s="25"/>
      <c r="QJK130" s="25"/>
      <c r="QJL130" s="25"/>
      <c r="QJM130" s="25"/>
      <c r="QJN130" s="25"/>
      <c r="QJO130" s="25"/>
      <c r="QJP130" s="25"/>
      <c r="QJQ130" s="25"/>
      <c r="QJR130" s="25"/>
      <c r="QJS130" s="25"/>
      <c r="QJT130" s="25"/>
      <c r="QJU130" s="25"/>
      <c r="QJV130" s="25"/>
      <c r="QJW130" s="25"/>
      <c r="QJX130" s="25"/>
      <c r="QJY130" s="25"/>
      <c r="QJZ130" s="25"/>
      <c r="QKA130" s="25"/>
      <c r="QKB130" s="25"/>
      <c r="QKC130" s="25"/>
      <c r="QKD130" s="25"/>
      <c r="QKE130" s="25"/>
      <c r="QKF130" s="25"/>
      <c r="QKG130" s="25"/>
      <c r="QKH130" s="25"/>
      <c r="QKI130" s="25"/>
      <c r="QKJ130" s="25"/>
      <c r="QKK130" s="25"/>
      <c r="QKL130" s="25"/>
      <c r="QKM130" s="25"/>
      <c r="QKN130" s="25"/>
      <c r="QKO130" s="25"/>
      <c r="QKP130" s="25"/>
      <c r="QKQ130" s="25"/>
      <c r="QKR130" s="25"/>
      <c r="QKS130" s="25"/>
      <c r="QKT130" s="25"/>
      <c r="QKU130" s="25"/>
      <c r="QKV130" s="25"/>
      <c r="QKW130" s="25"/>
      <c r="QKX130" s="25"/>
      <c r="QKY130" s="25"/>
      <c r="QKZ130" s="25"/>
      <c r="QLA130" s="25"/>
      <c r="QLB130" s="25"/>
      <c r="QLC130" s="25"/>
      <c r="QLD130" s="25"/>
      <c r="QLE130" s="25"/>
      <c r="QLF130" s="25"/>
      <c r="QLG130" s="25"/>
      <c r="QLH130" s="25"/>
      <c r="QLI130" s="25"/>
      <c r="QLJ130" s="25"/>
      <c r="QLK130" s="25"/>
      <c r="QLL130" s="25"/>
      <c r="QLM130" s="25"/>
      <c r="QLN130" s="25"/>
      <c r="QLO130" s="25"/>
      <c r="QLP130" s="25"/>
      <c r="QLQ130" s="25"/>
      <c r="QLR130" s="25"/>
      <c r="QLS130" s="25"/>
      <c r="QLT130" s="25"/>
      <c r="QLU130" s="25"/>
      <c r="QLV130" s="25"/>
      <c r="QLW130" s="25"/>
      <c r="QLX130" s="25"/>
      <c r="QLY130" s="25"/>
      <c r="QLZ130" s="25"/>
      <c r="QMA130" s="25"/>
      <c r="QMB130" s="25"/>
      <c r="QMC130" s="25"/>
      <c r="QMD130" s="25"/>
      <c r="QME130" s="25"/>
      <c r="QMF130" s="25"/>
      <c r="QMG130" s="25"/>
      <c r="QMH130" s="25"/>
      <c r="QMI130" s="25"/>
      <c r="QMJ130" s="25"/>
      <c r="QMK130" s="25"/>
      <c r="QML130" s="25"/>
      <c r="QMM130" s="25"/>
      <c r="QMN130" s="25"/>
      <c r="QMO130" s="25"/>
      <c r="QMP130" s="25"/>
      <c r="QMQ130" s="25"/>
      <c r="QMR130" s="25"/>
      <c r="QMS130" s="25"/>
      <c r="QMT130" s="25"/>
      <c r="QMU130" s="25"/>
      <c r="QMV130" s="25"/>
      <c r="QMW130" s="25"/>
      <c r="QMX130" s="25"/>
      <c r="QMY130" s="25"/>
      <c r="QMZ130" s="25"/>
      <c r="QNA130" s="25"/>
      <c r="QNB130" s="25"/>
      <c r="QNC130" s="25"/>
      <c r="QND130" s="25"/>
      <c r="QNE130" s="25"/>
      <c r="QNF130" s="25"/>
      <c r="QNG130" s="25"/>
      <c r="QNH130" s="25"/>
      <c r="QNI130" s="25"/>
      <c r="QNJ130" s="25"/>
      <c r="QNK130" s="25"/>
      <c r="QNL130" s="25"/>
      <c r="QNM130" s="25"/>
      <c r="QNN130" s="25"/>
      <c r="QNO130" s="25"/>
      <c r="QNP130" s="25"/>
      <c r="QNQ130" s="25"/>
      <c r="QNR130" s="25"/>
      <c r="QNS130" s="25"/>
      <c r="QNT130" s="25"/>
      <c r="QNU130" s="25"/>
      <c r="QNV130" s="25"/>
      <c r="QNW130" s="25"/>
      <c r="QNX130" s="25"/>
      <c r="QNY130" s="25"/>
      <c r="QNZ130" s="25"/>
      <c r="QOA130" s="25"/>
      <c r="QOB130" s="25"/>
      <c r="QOC130" s="25"/>
      <c r="QOD130" s="25"/>
      <c r="QOE130" s="25"/>
      <c r="QOF130" s="25"/>
      <c r="QOG130" s="25"/>
      <c r="QOH130" s="25"/>
      <c r="QOI130" s="25"/>
      <c r="QOJ130" s="25"/>
      <c r="QOK130" s="25"/>
      <c r="QOL130" s="25"/>
      <c r="QOM130" s="25"/>
      <c r="QON130" s="25"/>
      <c r="QOO130" s="25"/>
      <c r="QOP130" s="25"/>
      <c r="QOQ130" s="25"/>
      <c r="QOR130" s="25"/>
      <c r="QOS130" s="25"/>
      <c r="QOT130" s="25"/>
      <c r="QOU130" s="25"/>
      <c r="QOV130" s="25"/>
      <c r="QOW130" s="25"/>
      <c r="QOX130" s="25"/>
      <c r="QOY130" s="25"/>
      <c r="QOZ130" s="25"/>
      <c r="QPA130" s="25"/>
      <c r="QPB130" s="25"/>
      <c r="QPC130" s="25"/>
      <c r="QPD130" s="25"/>
      <c r="QPE130" s="25"/>
      <c r="QPF130" s="25"/>
      <c r="QPG130" s="25"/>
      <c r="QPH130" s="25"/>
      <c r="QPI130" s="25"/>
      <c r="QPJ130" s="25"/>
      <c r="QPK130" s="25"/>
      <c r="QPL130" s="25"/>
      <c r="QPM130" s="25"/>
      <c r="QPN130" s="25"/>
      <c r="QPO130" s="25"/>
      <c r="QPP130" s="25"/>
      <c r="QPQ130" s="25"/>
      <c r="QPR130" s="25"/>
      <c r="QPS130" s="25"/>
      <c r="QPT130" s="25"/>
      <c r="QPU130" s="25"/>
      <c r="QPV130" s="25"/>
      <c r="QPW130" s="25"/>
      <c r="QPX130" s="25"/>
      <c r="QPY130" s="25"/>
      <c r="QPZ130" s="25"/>
      <c r="QQA130" s="25"/>
      <c r="QQB130" s="25"/>
      <c r="QQC130" s="25"/>
      <c r="QQD130" s="25"/>
      <c r="QQE130" s="25"/>
      <c r="QQF130" s="25"/>
      <c r="QQG130" s="25"/>
      <c r="QQH130" s="25"/>
      <c r="QQI130" s="25"/>
      <c r="QQJ130" s="25"/>
      <c r="QQK130" s="25"/>
      <c r="QQL130" s="25"/>
      <c r="QQM130" s="25"/>
      <c r="QQN130" s="25"/>
      <c r="QQO130" s="25"/>
      <c r="QQP130" s="25"/>
      <c r="QQQ130" s="25"/>
      <c r="QQR130" s="25"/>
      <c r="QQS130" s="25"/>
      <c r="QQT130" s="25"/>
      <c r="QQU130" s="25"/>
      <c r="QQV130" s="25"/>
      <c r="QQW130" s="25"/>
      <c r="QQX130" s="25"/>
      <c r="QQY130" s="25"/>
      <c r="QQZ130" s="25"/>
      <c r="QRA130" s="25"/>
      <c r="QRB130" s="25"/>
      <c r="QRC130" s="25"/>
      <c r="QRD130" s="25"/>
      <c r="QRE130" s="25"/>
      <c r="QRF130" s="25"/>
      <c r="QRG130" s="25"/>
      <c r="QRH130" s="25"/>
      <c r="QRI130" s="25"/>
      <c r="QRJ130" s="25"/>
      <c r="QRK130" s="25"/>
      <c r="QRL130" s="25"/>
      <c r="QRM130" s="25"/>
      <c r="QRN130" s="25"/>
      <c r="QRO130" s="25"/>
      <c r="QRP130" s="25"/>
      <c r="QRQ130" s="25"/>
      <c r="QRR130" s="25"/>
      <c r="QRS130" s="25"/>
      <c r="QRT130" s="25"/>
      <c r="QRU130" s="25"/>
      <c r="QRV130" s="25"/>
      <c r="QRW130" s="25"/>
      <c r="QRX130" s="25"/>
      <c r="QRY130" s="25"/>
      <c r="QRZ130" s="25"/>
      <c r="QSA130" s="25"/>
      <c r="QSB130" s="25"/>
      <c r="QSC130" s="25"/>
      <c r="QSD130" s="25"/>
      <c r="QSE130" s="25"/>
      <c r="QSF130" s="25"/>
      <c r="QSG130" s="25"/>
      <c r="QSH130" s="25"/>
      <c r="QSI130" s="25"/>
      <c r="QSJ130" s="25"/>
      <c r="QSK130" s="25"/>
      <c r="QSL130" s="25"/>
      <c r="QSM130" s="25"/>
      <c r="QSN130" s="25"/>
      <c r="QSO130" s="25"/>
      <c r="QSP130" s="25"/>
      <c r="QSQ130" s="25"/>
      <c r="QSR130" s="25"/>
      <c r="QSS130" s="25"/>
      <c r="QST130" s="25"/>
      <c r="QSU130" s="25"/>
      <c r="QSV130" s="25"/>
      <c r="QSW130" s="25"/>
      <c r="QSX130" s="25"/>
      <c r="QSY130" s="25"/>
      <c r="QSZ130" s="25"/>
      <c r="QTA130" s="25"/>
      <c r="QTB130" s="25"/>
      <c r="QTC130" s="25"/>
      <c r="QTD130" s="25"/>
      <c r="QTE130" s="25"/>
      <c r="QTF130" s="25"/>
      <c r="QTG130" s="25"/>
      <c r="QTH130" s="25"/>
      <c r="QTI130" s="25"/>
      <c r="QTJ130" s="25"/>
      <c r="QTK130" s="25"/>
      <c r="QTL130" s="25"/>
      <c r="QTM130" s="25"/>
      <c r="QTN130" s="25"/>
      <c r="QTO130" s="25"/>
      <c r="QTP130" s="25"/>
      <c r="QTQ130" s="25"/>
      <c r="QTR130" s="25"/>
      <c r="QTS130" s="25"/>
      <c r="QTT130" s="25"/>
      <c r="QTU130" s="25"/>
      <c r="QTV130" s="25"/>
      <c r="QTW130" s="25"/>
      <c r="QTX130" s="25"/>
      <c r="QTY130" s="25"/>
      <c r="QTZ130" s="25"/>
      <c r="QUA130" s="25"/>
      <c r="QUB130" s="25"/>
      <c r="QUC130" s="25"/>
      <c r="QUD130" s="25"/>
      <c r="QUE130" s="25"/>
      <c r="QUF130" s="25"/>
      <c r="QUG130" s="25"/>
      <c r="QUH130" s="25"/>
      <c r="QUI130" s="25"/>
      <c r="QUJ130" s="25"/>
      <c r="QUK130" s="25"/>
      <c r="QUL130" s="25"/>
      <c r="QUM130" s="25"/>
      <c r="QUN130" s="25"/>
      <c r="QUO130" s="25"/>
      <c r="QUP130" s="25"/>
      <c r="QUQ130" s="25"/>
      <c r="QUR130" s="25"/>
      <c r="QUS130" s="25"/>
      <c r="QUT130" s="25"/>
      <c r="QUU130" s="25"/>
      <c r="QUV130" s="25"/>
      <c r="QUW130" s="25"/>
      <c r="QUX130" s="25"/>
      <c r="QUY130" s="25"/>
      <c r="QUZ130" s="25"/>
      <c r="QVA130" s="25"/>
      <c r="QVB130" s="25"/>
      <c r="QVC130" s="25"/>
      <c r="QVD130" s="25"/>
      <c r="QVE130" s="25"/>
      <c r="QVF130" s="25"/>
      <c r="QVG130" s="25"/>
      <c r="QVH130" s="25"/>
      <c r="QVI130" s="25"/>
      <c r="QVJ130" s="25"/>
      <c r="QVK130" s="25"/>
      <c r="QVL130" s="25"/>
      <c r="QVM130" s="25"/>
      <c r="QVN130" s="25"/>
      <c r="QVO130" s="25"/>
      <c r="QVP130" s="25"/>
      <c r="QVQ130" s="25"/>
      <c r="QVR130" s="25"/>
      <c r="QVS130" s="25"/>
      <c r="QVT130" s="25"/>
      <c r="QVU130" s="25"/>
      <c r="QVV130" s="25"/>
      <c r="QVW130" s="25"/>
      <c r="QVX130" s="25"/>
      <c r="QVY130" s="25"/>
      <c r="QVZ130" s="25"/>
      <c r="QWA130" s="25"/>
      <c r="QWB130" s="25"/>
      <c r="QWC130" s="25"/>
      <c r="QWD130" s="25"/>
      <c r="QWE130" s="25"/>
      <c r="QWF130" s="25"/>
      <c r="QWG130" s="25"/>
      <c r="QWH130" s="25"/>
      <c r="QWI130" s="25"/>
      <c r="QWJ130" s="25"/>
      <c r="QWK130" s="25"/>
      <c r="QWL130" s="25"/>
      <c r="QWM130" s="25"/>
      <c r="QWN130" s="25"/>
      <c r="QWO130" s="25"/>
      <c r="QWP130" s="25"/>
      <c r="QWQ130" s="25"/>
      <c r="QWR130" s="25"/>
      <c r="QWS130" s="25"/>
      <c r="QWT130" s="25"/>
      <c r="QWU130" s="25"/>
      <c r="QWV130" s="25"/>
      <c r="QWW130" s="25"/>
      <c r="QWX130" s="25"/>
      <c r="QWY130" s="25"/>
      <c r="QWZ130" s="25"/>
      <c r="QXA130" s="25"/>
      <c r="QXB130" s="25"/>
      <c r="QXC130" s="25"/>
      <c r="QXD130" s="25"/>
      <c r="QXE130" s="25"/>
      <c r="QXF130" s="25"/>
      <c r="QXG130" s="25"/>
      <c r="QXH130" s="25"/>
      <c r="QXI130" s="25"/>
      <c r="QXJ130" s="25"/>
      <c r="QXK130" s="25"/>
      <c r="QXL130" s="25"/>
      <c r="QXM130" s="25"/>
      <c r="QXN130" s="25"/>
      <c r="QXO130" s="25"/>
      <c r="QXP130" s="25"/>
      <c r="QXQ130" s="25"/>
      <c r="QXR130" s="25"/>
      <c r="QXS130" s="25"/>
      <c r="QXT130" s="25"/>
      <c r="QXU130" s="25"/>
      <c r="QXV130" s="25"/>
      <c r="QXW130" s="25"/>
      <c r="QXX130" s="25"/>
      <c r="QXY130" s="25"/>
      <c r="QXZ130" s="25"/>
      <c r="QYA130" s="25"/>
      <c r="QYB130" s="25"/>
      <c r="QYC130" s="25"/>
      <c r="QYD130" s="25"/>
      <c r="QYE130" s="25"/>
      <c r="QYF130" s="25"/>
      <c r="QYG130" s="25"/>
      <c r="QYH130" s="25"/>
      <c r="QYI130" s="25"/>
      <c r="QYJ130" s="25"/>
      <c r="QYK130" s="25"/>
      <c r="QYL130" s="25"/>
      <c r="QYM130" s="25"/>
      <c r="QYN130" s="25"/>
      <c r="QYO130" s="25"/>
      <c r="QYP130" s="25"/>
      <c r="QYQ130" s="25"/>
      <c r="QYR130" s="25"/>
      <c r="QYS130" s="25"/>
      <c r="QYT130" s="25"/>
      <c r="QYU130" s="25"/>
      <c r="QYV130" s="25"/>
      <c r="QYW130" s="25"/>
      <c r="QYX130" s="25"/>
      <c r="QYY130" s="25"/>
      <c r="QYZ130" s="25"/>
      <c r="QZA130" s="25"/>
      <c r="QZB130" s="25"/>
      <c r="QZC130" s="25"/>
      <c r="QZD130" s="25"/>
      <c r="QZE130" s="25"/>
      <c r="QZF130" s="25"/>
      <c r="QZG130" s="25"/>
      <c r="QZH130" s="25"/>
      <c r="QZI130" s="25"/>
      <c r="QZJ130" s="25"/>
      <c r="QZK130" s="25"/>
      <c r="QZL130" s="25"/>
      <c r="QZM130" s="25"/>
      <c r="QZN130" s="25"/>
      <c r="QZO130" s="25"/>
      <c r="QZP130" s="25"/>
      <c r="QZQ130" s="25"/>
      <c r="QZR130" s="25"/>
      <c r="QZS130" s="25"/>
      <c r="QZT130" s="25"/>
      <c r="QZU130" s="25"/>
      <c r="QZV130" s="25"/>
      <c r="QZW130" s="25"/>
      <c r="QZX130" s="25"/>
      <c r="QZY130" s="25"/>
      <c r="QZZ130" s="25"/>
      <c r="RAA130" s="25"/>
      <c r="RAB130" s="25"/>
      <c r="RAC130" s="25"/>
      <c r="RAD130" s="25"/>
      <c r="RAE130" s="25"/>
      <c r="RAF130" s="25"/>
      <c r="RAG130" s="25"/>
      <c r="RAH130" s="25"/>
      <c r="RAI130" s="25"/>
      <c r="RAJ130" s="25"/>
      <c r="RAK130" s="25"/>
      <c r="RAL130" s="25"/>
      <c r="RAM130" s="25"/>
      <c r="RAN130" s="25"/>
      <c r="RAO130" s="25"/>
      <c r="RAP130" s="25"/>
      <c r="RAQ130" s="25"/>
      <c r="RAR130" s="25"/>
      <c r="RAS130" s="25"/>
      <c r="RAT130" s="25"/>
      <c r="RAU130" s="25"/>
      <c r="RAV130" s="25"/>
      <c r="RAW130" s="25"/>
      <c r="RAX130" s="25"/>
      <c r="RAY130" s="25"/>
      <c r="RAZ130" s="25"/>
      <c r="RBA130" s="25"/>
      <c r="RBB130" s="25"/>
      <c r="RBC130" s="25"/>
      <c r="RBD130" s="25"/>
      <c r="RBE130" s="25"/>
      <c r="RBF130" s="25"/>
      <c r="RBG130" s="25"/>
      <c r="RBH130" s="25"/>
      <c r="RBI130" s="25"/>
      <c r="RBJ130" s="25"/>
      <c r="RBK130" s="25"/>
      <c r="RBL130" s="25"/>
      <c r="RBM130" s="25"/>
      <c r="RBN130" s="25"/>
      <c r="RBO130" s="25"/>
      <c r="RBP130" s="25"/>
      <c r="RBQ130" s="25"/>
      <c r="RBR130" s="25"/>
      <c r="RBS130" s="25"/>
      <c r="RBT130" s="25"/>
      <c r="RBU130" s="25"/>
      <c r="RBV130" s="25"/>
      <c r="RBW130" s="25"/>
      <c r="RBX130" s="25"/>
      <c r="RBY130" s="25"/>
      <c r="RBZ130" s="25"/>
      <c r="RCA130" s="25"/>
      <c r="RCB130" s="25"/>
      <c r="RCC130" s="25"/>
      <c r="RCD130" s="25"/>
      <c r="RCE130" s="25"/>
      <c r="RCF130" s="25"/>
      <c r="RCG130" s="25"/>
      <c r="RCH130" s="25"/>
      <c r="RCI130" s="25"/>
      <c r="RCJ130" s="25"/>
      <c r="RCK130" s="25"/>
      <c r="RCL130" s="25"/>
      <c r="RCM130" s="25"/>
      <c r="RCN130" s="25"/>
      <c r="RCO130" s="25"/>
      <c r="RCP130" s="25"/>
      <c r="RCQ130" s="25"/>
      <c r="RCR130" s="25"/>
      <c r="RCS130" s="25"/>
      <c r="RCT130" s="25"/>
      <c r="RCU130" s="25"/>
      <c r="RCV130" s="25"/>
      <c r="RCW130" s="25"/>
      <c r="RCX130" s="25"/>
      <c r="RCY130" s="25"/>
      <c r="RCZ130" s="25"/>
      <c r="RDA130" s="25"/>
      <c r="RDB130" s="25"/>
      <c r="RDC130" s="25"/>
      <c r="RDD130" s="25"/>
      <c r="RDE130" s="25"/>
      <c r="RDF130" s="25"/>
      <c r="RDG130" s="25"/>
      <c r="RDH130" s="25"/>
      <c r="RDI130" s="25"/>
      <c r="RDJ130" s="25"/>
      <c r="RDK130" s="25"/>
      <c r="RDL130" s="25"/>
      <c r="RDM130" s="25"/>
      <c r="RDN130" s="25"/>
      <c r="RDO130" s="25"/>
      <c r="RDP130" s="25"/>
      <c r="RDQ130" s="25"/>
      <c r="RDR130" s="25"/>
      <c r="RDS130" s="25"/>
      <c r="RDT130" s="25"/>
      <c r="RDU130" s="25"/>
      <c r="RDV130" s="25"/>
      <c r="RDW130" s="25"/>
      <c r="RDX130" s="25"/>
      <c r="RDY130" s="25"/>
      <c r="RDZ130" s="25"/>
      <c r="REA130" s="25"/>
      <c r="REB130" s="25"/>
      <c r="REC130" s="25"/>
      <c r="RED130" s="25"/>
      <c r="REE130" s="25"/>
      <c r="REF130" s="25"/>
      <c r="REG130" s="25"/>
      <c r="REH130" s="25"/>
      <c r="REI130" s="25"/>
      <c r="REJ130" s="25"/>
      <c r="REK130" s="25"/>
      <c r="REL130" s="25"/>
      <c r="REM130" s="25"/>
      <c r="REN130" s="25"/>
      <c r="REO130" s="25"/>
      <c r="REP130" s="25"/>
      <c r="REQ130" s="25"/>
      <c r="RER130" s="25"/>
      <c r="RES130" s="25"/>
      <c r="RET130" s="25"/>
      <c r="REU130" s="25"/>
      <c r="REV130" s="25"/>
      <c r="REW130" s="25"/>
      <c r="REX130" s="25"/>
      <c r="REY130" s="25"/>
      <c r="REZ130" s="25"/>
      <c r="RFA130" s="25"/>
      <c r="RFB130" s="25"/>
      <c r="RFC130" s="25"/>
      <c r="RFD130" s="25"/>
      <c r="RFE130" s="25"/>
      <c r="RFF130" s="25"/>
      <c r="RFG130" s="25"/>
      <c r="RFH130" s="25"/>
      <c r="RFI130" s="25"/>
      <c r="RFJ130" s="25"/>
      <c r="RFK130" s="25"/>
      <c r="RFL130" s="25"/>
      <c r="RFM130" s="25"/>
      <c r="RFN130" s="25"/>
      <c r="RFO130" s="25"/>
      <c r="RFP130" s="25"/>
      <c r="RFQ130" s="25"/>
      <c r="RFR130" s="25"/>
      <c r="RFS130" s="25"/>
      <c r="RFT130" s="25"/>
      <c r="RFU130" s="25"/>
      <c r="RFV130" s="25"/>
      <c r="RFW130" s="25"/>
      <c r="RFX130" s="25"/>
      <c r="RFY130" s="25"/>
      <c r="RFZ130" s="25"/>
      <c r="RGA130" s="25"/>
      <c r="RGB130" s="25"/>
      <c r="RGC130" s="25"/>
      <c r="RGD130" s="25"/>
      <c r="RGE130" s="25"/>
      <c r="RGF130" s="25"/>
      <c r="RGG130" s="25"/>
      <c r="RGH130" s="25"/>
      <c r="RGI130" s="25"/>
      <c r="RGJ130" s="25"/>
      <c r="RGK130" s="25"/>
      <c r="RGL130" s="25"/>
      <c r="RGM130" s="25"/>
      <c r="RGN130" s="25"/>
      <c r="RGO130" s="25"/>
      <c r="RGP130" s="25"/>
      <c r="RGQ130" s="25"/>
      <c r="RGR130" s="25"/>
      <c r="RGS130" s="25"/>
      <c r="RGT130" s="25"/>
      <c r="RGU130" s="25"/>
      <c r="RGV130" s="25"/>
      <c r="RGW130" s="25"/>
      <c r="RGX130" s="25"/>
      <c r="RGY130" s="25"/>
      <c r="RGZ130" s="25"/>
      <c r="RHA130" s="25"/>
      <c r="RHB130" s="25"/>
      <c r="RHC130" s="25"/>
      <c r="RHD130" s="25"/>
      <c r="RHE130" s="25"/>
      <c r="RHF130" s="25"/>
      <c r="RHG130" s="25"/>
      <c r="RHH130" s="25"/>
      <c r="RHI130" s="25"/>
      <c r="RHJ130" s="25"/>
      <c r="RHK130" s="25"/>
      <c r="RHL130" s="25"/>
      <c r="RHM130" s="25"/>
      <c r="RHN130" s="25"/>
      <c r="RHO130" s="25"/>
      <c r="RHP130" s="25"/>
      <c r="RHQ130" s="25"/>
      <c r="RHR130" s="25"/>
      <c r="RHS130" s="25"/>
      <c r="RHT130" s="25"/>
      <c r="RHU130" s="25"/>
      <c r="RHV130" s="25"/>
      <c r="RHW130" s="25"/>
      <c r="RHX130" s="25"/>
      <c r="RHY130" s="25"/>
      <c r="RHZ130" s="25"/>
      <c r="RIA130" s="25"/>
      <c r="RIB130" s="25"/>
      <c r="RIC130" s="25"/>
      <c r="RID130" s="25"/>
      <c r="RIE130" s="25"/>
      <c r="RIF130" s="25"/>
      <c r="RIG130" s="25"/>
      <c r="RIH130" s="25"/>
      <c r="RII130" s="25"/>
      <c r="RIJ130" s="25"/>
      <c r="RIK130" s="25"/>
      <c r="RIL130" s="25"/>
      <c r="RIM130" s="25"/>
      <c r="RIN130" s="25"/>
      <c r="RIO130" s="25"/>
      <c r="RIP130" s="25"/>
      <c r="RIQ130" s="25"/>
      <c r="RIR130" s="25"/>
      <c r="RIS130" s="25"/>
      <c r="RIT130" s="25"/>
      <c r="RIU130" s="25"/>
      <c r="RIV130" s="25"/>
      <c r="RIW130" s="25"/>
      <c r="RIX130" s="25"/>
      <c r="RIY130" s="25"/>
      <c r="RIZ130" s="25"/>
      <c r="RJA130" s="25"/>
      <c r="RJB130" s="25"/>
      <c r="RJC130" s="25"/>
      <c r="RJD130" s="25"/>
      <c r="RJE130" s="25"/>
      <c r="RJF130" s="25"/>
      <c r="RJG130" s="25"/>
      <c r="RJH130" s="25"/>
      <c r="RJI130" s="25"/>
      <c r="RJJ130" s="25"/>
      <c r="RJK130" s="25"/>
      <c r="RJL130" s="25"/>
      <c r="RJM130" s="25"/>
      <c r="RJN130" s="25"/>
      <c r="RJO130" s="25"/>
      <c r="RJP130" s="25"/>
      <c r="RJQ130" s="25"/>
      <c r="RJR130" s="25"/>
      <c r="RJS130" s="25"/>
      <c r="RJT130" s="25"/>
      <c r="RJU130" s="25"/>
      <c r="RJV130" s="25"/>
      <c r="RJW130" s="25"/>
      <c r="RJX130" s="25"/>
      <c r="RJY130" s="25"/>
      <c r="RJZ130" s="25"/>
      <c r="RKA130" s="25"/>
      <c r="RKB130" s="25"/>
      <c r="RKC130" s="25"/>
      <c r="RKD130" s="25"/>
      <c r="RKE130" s="25"/>
      <c r="RKF130" s="25"/>
      <c r="RKG130" s="25"/>
      <c r="RKH130" s="25"/>
      <c r="RKI130" s="25"/>
      <c r="RKJ130" s="25"/>
      <c r="RKK130" s="25"/>
      <c r="RKL130" s="25"/>
      <c r="RKM130" s="25"/>
      <c r="RKN130" s="25"/>
      <c r="RKO130" s="25"/>
      <c r="RKP130" s="25"/>
      <c r="RKQ130" s="25"/>
      <c r="RKR130" s="25"/>
      <c r="RKS130" s="25"/>
      <c r="RKT130" s="25"/>
      <c r="RKU130" s="25"/>
      <c r="RKV130" s="25"/>
      <c r="RKW130" s="25"/>
      <c r="RKX130" s="25"/>
      <c r="RKY130" s="25"/>
      <c r="RKZ130" s="25"/>
      <c r="RLA130" s="25"/>
      <c r="RLB130" s="25"/>
      <c r="RLC130" s="25"/>
      <c r="RLD130" s="25"/>
      <c r="RLE130" s="25"/>
      <c r="RLF130" s="25"/>
      <c r="RLG130" s="25"/>
      <c r="RLH130" s="25"/>
      <c r="RLI130" s="25"/>
      <c r="RLJ130" s="25"/>
      <c r="RLK130" s="25"/>
      <c r="RLL130" s="25"/>
      <c r="RLM130" s="25"/>
      <c r="RLN130" s="25"/>
      <c r="RLO130" s="25"/>
      <c r="RLP130" s="25"/>
      <c r="RLQ130" s="25"/>
      <c r="RLR130" s="25"/>
      <c r="RLS130" s="25"/>
      <c r="RLT130" s="25"/>
      <c r="RLU130" s="25"/>
      <c r="RLV130" s="25"/>
      <c r="RLW130" s="25"/>
      <c r="RLX130" s="25"/>
      <c r="RLY130" s="25"/>
      <c r="RLZ130" s="25"/>
      <c r="RMA130" s="25"/>
      <c r="RMB130" s="25"/>
      <c r="RMC130" s="25"/>
      <c r="RMD130" s="25"/>
      <c r="RME130" s="25"/>
      <c r="RMF130" s="25"/>
      <c r="RMG130" s="25"/>
      <c r="RMH130" s="25"/>
      <c r="RMI130" s="25"/>
      <c r="RMJ130" s="25"/>
      <c r="RMK130" s="25"/>
      <c r="RML130" s="25"/>
      <c r="RMM130" s="25"/>
      <c r="RMN130" s="25"/>
      <c r="RMO130" s="25"/>
      <c r="RMP130" s="25"/>
      <c r="RMQ130" s="25"/>
      <c r="RMR130" s="25"/>
      <c r="RMS130" s="25"/>
      <c r="RMT130" s="25"/>
      <c r="RMU130" s="25"/>
      <c r="RMV130" s="25"/>
      <c r="RMW130" s="25"/>
      <c r="RMX130" s="25"/>
      <c r="RMY130" s="25"/>
      <c r="RMZ130" s="25"/>
      <c r="RNA130" s="25"/>
      <c r="RNB130" s="25"/>
      <c r="RNC130" s="25"/>
      <c r="RND130" s="25"/>
      <c r="RNE130" s="25"/>
      <c r="RNF130" s="25"/>
      <c r="RNG130" s="25"/>
      <c r="RNH130" s="25"/>
      <c r="RNI130" s="25"/>
      <c r="RNJ130" s="25"/>
      <c r="RNK130" s="25"/>
      <c r="RNL130" s="25"/>
      <c r="RNM130" s="25"/>
      <c r="RNN130" s="25"/>
      <c r="RNO130" s="25"/>
      <c r="RNP130" s="25"/>
      <c r="RNQ130" s="25"/>
      <c r="RNR130" s="25"/>
      <c r="RNS130" s="25"/>
      <c r="RNT130" s="25"/>
      <c r="RNU130" s="25"/>
      <c r="RNV130" s="25"/>
      <c r="RNW130" s="25"/>
      <c r="RNX130" s="25"/>
      <c r="RNY130" s="25"/>
      <c r="RNZ130" s="25"/>
      <c r="ROA130" s="25"/>
      <c r="ROB130" s="25"/>
      <c r="ROC130" s="25"/>
      <c r="ROD130" s="25"/>
      <c r="ROE130" s="25"/>
      <c r="ROF130" s="25"/>
      <c r="ROG130" s="25"/>
      <c r="ROH130" s="25"/>
      <c r="ROI130" s="25"/>
      <c r="ROJ130" s="25"/>
      <c r="ROK130" s="25"/>
      <c r="ROL130" s="25"/>
      <c r="ROM130" s="25"/>
      <c r="RON130" s="25"/>
      <c r="ROO130" s="25"/>
      <c r="ROP130" s="25"/>
      <c r="ROQ130" s="25"/>
      <c r="ROR130" s="25"/>
      <c r="ROS130" s="25"/>
      <c r="ROT130" s="25"/>
      <c r="ROU130" s="25"/>
      <c r="ROV130" s="25"/>
      <c r="ROW130" s="25"/>
      <c r="ROX130" s="25"/>
      <c r="ROY130" s="25"/>
      <c r="ROZ130" s="25"/>
      <c r="RPA130" s="25"/>
      <c r="RPB130" s="25"/>
      <c r="RPC130" s="25"/>
      <c r="RPD130" s="25"/>
      <c r="RPE130" s="25"/>
      <c r="RPF130" s="25"/>
      <c r="RPG130" s="25"/>
      <c r="RPH130" s="25"/>
      <c r="RPI130" s="25"/>
      <c r="RPJ130" s="25"/>
      <c r="RPK130" s="25"/>
      <c r="RPL130" s="25"/>
      <c r="RPM130" s="25"/>
      <c r="RPN130" s="25"/>
      <c r="RPO130" s="25"/>
      <c r="RPP130" s="25"/>
      <c r="RPQ130" s="25"/>
      <c r="RPR130" s="25"/>
      <c r="RPS130" s="25"/>
      <c r="RPT130" s="25"/>
      <c r="RPU130" s="25"/>
      <c r="RPV130" s="25"/>
      <c r="RPW130" s="25"/>
      <c r="RPX130" s="25"/>
      <c r="RPY130" s="25"/>
      <c r="RPZ130" s="25"/>
      <c r="RQA130" s="25"/>
      <c r="RQB130" s="25"/>
      <c r="RQC130" s="25"/>
      <c r="RQD130" s="25"/>
      <c r="RQE130" s="25"/>
      <c r="RQF130" s="25"/>
      <c r="RQG130" s="25"/>
      <c r="RQH130" s="25"/>
      <c r="RQI130" s="25"/>
      <c r="RQJ130" s="25"/>
      <c r="RQK130" s="25"/>
      <c r="RQL130" s="25"/>
      <c r="RQM130" s="25"/>
      <c r="RQN130" s="25"/>
      <c r="RQO130" s="25"/>
      <c r="RQP130" s="25"/>
      <c r="RQQ130" s="25"/>
      <c r="RQR130" s="25"/>
      <c r="RQS130" s="25"/>
      <c r="RQT130" s="25"/>
      <c r="RQU130" s="25"/>
      <c r="RQV130" s="25"/>
      <c r="RQW130" s="25"/>
      <c r="RQX130" s="25"/>
      <c r="RQY130" s="25"/>
      <c r="RQZ130" s="25"/>
      <c r="RRA130" s="25"/>
      <c r="RRB130" s="25"/>
      <c r="RRC130" s="25"/>
      <c r="RRD130" s="25"/>
      <c r="RRE130" s="25"/>
      <c r="RRF130" s="25"/>
      <c r="RRG130" s="25"/>
      <c r="RRH130" s="25"/>
      <c r="RRI130" s="25"/>
      <c r="RRJ130" s="25"/>
      <c r="RRK130" s="25"/>
      <c r="RRL130" s="25"/>
      <c r="RRM130" s="25"/>
      <c r="RRN130" s="25"/>
      <c r="RRO130" s="25"/>
      <c r="RRP130" s="25"/>
      <c r="RRQ130" s="25"/>
      <c r="RRR130" s="25"/>
      <c r="RRS130" s="25"/>
      <c r="RRT130" s="25"/>
      <c r="RRU130" s="25"/>
      <c r="RRV130" s="25"/>
      <c r="RRW130" s="25"/>
      <c r="RRX130" s="25"/>
      <c r="RRY130" s="25"/>
      <c r="RRZ130" s="25"/>
      <c r="RSA130" s="25"/>
      <c r="RSB130" s="25"/>
      <c r="RSC130" s="25"/>
      <c r="RSD130" s="25"/>
      <c r="RSE130" s="25"/>
      <c r="RSF130" s="25"/>
      <c r="RSG130" s="25"/>
      <c r="RSH130" s="25"/>
      <c r="RSI130" s="25"/>
      <c r="RSJ130" s="25"/>
      <c r="RSK130" s="25"/>
      <c r="RSL130" s="25"/>
      <c r="RSM130" s="25"/>
      <c r="RSN130" s="25"/>
      <c r="RSO130" s="25"/>
      <c r="RSP130" s="25"/>
      <c r="RSQ130" s="25"/>
      <c r="RSR130" s="25"/>
      <c r="RSS130" s="25"/>
      <c r="RST130" s="25"/>
      <c r="RSU130" s="25"/>
      <c r="RSV130" s="25"/>
      <c r="RSW130" s="25"/>
      <c r="RSX130" s="25"/>
      <c r="RSY130" s="25"/>
      <c r="RSZ130" s="25"/>
      <c r="RTA130" s="25"/>
      <c r="RTB130" s="25"/>
      <c r="RTC130" s="25"/>
      <c r="RTD130" s="25"/>
      <c r="RTE130" s="25"/>
      <c r="RTF130" s="25"/>
      <c r="RTG130" s="25"/>
      <c r="RTH130" s="25"/>
      <c r="RTI130" s="25"/>
      <c r="RTJ130" s="25"/>
      <c r="RTK130" s="25"/>
      <c r="RTL130" s="25"/>
      <c r="RTM130" s="25"/>
      <c r="RTN130" s="25"/>
      <c r="RTO130" s="25"/>
      <c r="RTP130" s="25"/>
      <c r="RTQ130" s="25"/>
      <c r="RTR130" s="25"/>
      <c r="RTS130" s="25"/>
      <c r="RTT130" s="25"/>
      <c r="RTU130" s="25"/>
      <c r="RTV130" s="25"/>
      <c r="RTW130" s="25"/>
      <c r="RTX130" s="25"/>
      <c r="RTY130" s="25"/>
      <c r="RTZ130" s="25"/>
      <c r="RUA130" s="25"/>
      <c r="RUB130" s="25"/>
      <c r="RUC130" s="25"/>
      <c r="RUD130" s="25"/>
      <c r="RUE130" s="25"/>
      <c r="RUF130" s="25"/>
      <c r="RUG130" s="25"/>
      <c r="RUH130" s="25"/>
      <c r="RUI130" s="25"/>
      <c r="RUJ130" s="25"/>
      <c r="RUK130" s="25"/>
      <c r="RUL130" s="25"/>
      <c r="RUM130" s="25"/>
      <c r="RUN130" s="25"/>
      <c r="RUO130" s="25"/>
      <c r="RUP130" s="25"/>
      <c r="RUQ130" s="25"/>
      <c r="RUR130" s="25"/>
      <c r="RUS130" s="25"/>
      <c r="RUT130" s="25"/>
      <c r="RUU130" s="25"/>
      <c r="RUV130" s="25"/>
      <c r="RUW130" s="25"/>
      <c r="RUX130" s="25"/>
      <c r="RUY130" s="25"/>
      <c r="RUZ130" s="25"/>
      <c r="RVA130" s="25"/>
      <c r="RVB130" s="25"/>
      <c r="RVC130" s="25"/>
      <c r="RVD130" s="25"/>
      <c r="RVE130" s="25"/>
      <c r="RVF130" s="25"/>
      <c r="RVG130" s="25"/>
      <c r="RVH130" s="25"/>
      <c r="RVI130" s="25"/>
      <c r="RVJ130" s="25"/>
      <c r="RVK130" s="25"/>
      <c r="RVL130" s="25"/>
      <c r="RVM130" s="25"/>
      <c r="RVN130" s="25"/>
      <c r="RVO130" s="25"/>
      <c r="RVP130" s="25"/>
      <c r="RVQ130" s="25"/>
      <c r="RVR130" s="25"/>
      <c r="RVS130" s="25"/>
      <c r="RVT130" s="25"/>
      <c r="RVU130" s="25"/>
      <c r="RVV130" s="25"/>
      <c r="RVW130" s="25"/>
      <c r="RVX130" s="25"/>
      <c r="RVY130" s="25"/>
      <c r="RVZ130" s="25"/>
      <c r="RWA130" s="25"/>
      <c r="RWB130" s="25"/>
      <c r="RWC130" s="25"/>
      <c r="RWD130" s="25"/>
      <c r="RWE130" s="25"/>
      <c r="RWF130" s="25"/>
      <c r="RWG130" s="25"/>
      <c r="RWH130" s="25"/>
      <c r="RWI130" s="25"/>
      <c r="RWJ130" s="25"/>
      <c r="RWK130" s="25"/>
      <c r="RWL130" s="25"/>
      <c r="RWM130" s="25"/>
      <c r="RWN130" s="25"/>
      <c r="RWO130" s="25"/>
      <c r="RWP130" s="25"/>
      <c r="RWQ130" s="25"/>
      <c r="RWR130" s="25"/>
      <c r="RWS130" s="25"/>
      <c r="RWT130" s="25"/>
      <c r="RWU130" s="25"/>
      <c r="RWV130" s="25"/>
      <c r="RWW130" s="25"/>
      <c r="RWX130" s="25"/>
      <c r="RWY130" s="25"/>
      <c r="RWZ130" s="25"/>
      <c r="RXA130" s="25"/>
      <c r="RXB130" s="25"/>
      <c r="RXC130" s="25"/>
      <c r="RXD130" s="25"/>
      <c r="RXE130" s="25"/>
      <c r="RXF130" s="25"/>
      <c r="RXG130" s="25"/>
      <c r="RXH130" s="25"/>
      <c r="RXI130" s="25"/>
      <c r="RXJ130" s="25"/>
      <c r="RXK130" s="25"/>
      <c r="RXL130" s="25"/>
      <c r="RXM130" s="25"/>
      <c r="RXN130" s="25"/>
      <c r="RXO130" s="25"/>
      <c r="RXP130" s="25"/>
      <c r="RXQ130" s="25"/>
      <c r="RXR130" s="25"/>
      <c r="RXS130" s="25"/>
      <c r="RXT130" s="25"/>
      <c r="RXU130" s="25"/>
      <c r="RXV130" s="25"/>
      <c r="RXW130" s="25"/>
      <c r="RXX130" s="25"/>
      <c r="RXY130" s="25"/>
      <c r="RXZ130" s="25"/>
      <c r="RYA130" s="25"/>
      <c r="RYB130" s="25"/>
      <c r="RYC130" s="25"/>
      <c r="RYD130" s="25"/>
      <c r="RYE130" s="25"/>
      <c r="RYF130" s="25"/>
      <c r="RYG130" s="25"/>
      <c r="RYH130" s="25"/>
      <c r="RYI130" s="25"/>
      <c r="RYJ130" s="25"/>
      <c r="RYK130" s="25"/>
      <c r="RYL130" s="25"/>
      <c r="RYM130" s="25"/>
      <c r="RYN130" s="25"/>
      <c r="RYO130" s="25"/>
      <c r="RYP130" s="25"/>
      <c r="RYQ130" s="25"/>
      <c r="RYR130" s="25"/>
      <c r="RYS130" s="25"/>
      <c r="RYT130" s="25"/>
      <c r="RYU130" s="25"/>
      <c r="RYV130" s="25"/>
      <c r="RYW130" s="25"/>
      <c r="RYX130" s="25"/>
      <c r="RYY130" s="25"/>
      <c r="RYZ130" s="25"/>
      <c r="RZA130" s="25"/>
      <c r="RZB130" s="25"/>
      <c r="RZC130" s="25"/>
      <c r="RZD130" s="25"/>
      <c r="RZE130" s="25"/>
      <c r="RZF130" s="25"/>
      <c r="RZG130" s="25"/>
      <c r="RZH130" s="25"/>
      <c r="RZI130" s="25"/>
      <c r="RZJ130" s="25"/>
      <c r="RZK130" s="25"/>
      <c r="RZL130" s="25"/>
      <c r="RZM130" s="25"/>
      <c r="RZN130" s="25"/>
      <c r="RZO130" s="25"/>
      <c r="RZP130" s="25"/>
      <c r="RZQ130" s="25"/>
      <c r="RZR130" s="25"/>
      <c r="RZS130" s="25"/>
      <c r="RZT130" s="25"/>
      <c r="RZU130" s="25"/>
      <c r="RZV130" s="25"/>
      <c r="RZW130" s="25"/>
      <c r="RZX130" s="25"/>
      <c r="RZY130" s="25"/>
      <c r="RZZ130" s="25"/>
      <c r="SAA130" s="25"/>
      <c r="SAB130" s="25"/>
      <c r="SAC130" s="25"/>
      <c r="SAD130" s="25"/>
      <c r="SAE130" s="25"/>
      <c r="SAF130" s="25"/>
      <c r="SAG130" s="25"/>
      <c r="SAH130" s="25"/>
      <c r="SAI130" s="25"/>
      <c r="SAJ130" s="25"/>
      <c r="SAK130" s="25"/>
      <c r="SAL130" s="25"/>
      <c r="SAM130" s="25"/>
      <c r="SAN130" s="25"/>
      <c r="SAO130" s="25"/>
      <c r="SAP130" s="25"/>
      <c r="SAQ130" s="25"/>
      <c r="SAR130" s="25"/>
      <c r="SAS130" s="25"/>
      <c r="SAT130" s="25"/>
      <c r="SAU130" s="25"/>
      <c r="SAV130" s="25"/>
      <c r="SAW130" s="25"/>
      <c r="SAX130" s="25"/>
      <c r="SAY130" s="25"/>
      <c r="SAZ130" s="25"/>
      <c r="SBA130" s="25"/>
      <c r="SBB130" s="25"/>
      <c r="SBC130" s="25"/>
      <c r="SBD130" s="25"/>
      <c r="SBE130" s="25"/>
      <c r="SBF130" s="25"/>
      <c r="SBG130" s="25"/>
      <c r="SBH130" s="25"/>
      <c r="SBI130" s="25"/>
      <c r="SBJ130" s="25"/>
      <c r="SBK130" s="25"/>
      <c r="SBL130" s="25"/>
      <c r="SBM130" s="25"/>
      <c r="SBN130" s="25"/>
      <c r="SBO130" s="25"/>
      <c r="SBP130" s="25"/>
      <c r="SBQ130" s="25"/>
      <c r="SBR130" s="25"/>
      <c r="SBS130" s="25"/>
      <c r="SBT130" s="25"/>
      <c r="SBU130" s="25"/>
      <c r="SBV130" s="25"/>
      <c r="SBW130" s="25"/>
      <c r="SBX130" s="25"/>
      <c r="SBY130" s="25"/>
      <c r="SBZ130" s="25"/>
      <c r="SCA130" s="25"/>
      <c r="SCB130" s="25"/>
      <c r="SCC130" s="25"/>
      <c r="SCD130" s="25"/>
      <c r="SCE130" s="25"/>
      <c r="SCF130" s="25"/>
      <c r="SCG130" s="25"/>
      <c r="SCH130" s="25"/>
      <c r="SCI130" s="25"/>
      <c r="SCJ130" s="25"/>
      <c r="SCK130" s="25"/>
      <c r="SCL130" s="25"/>
      <c r="SCM130" s="25"/>
      <c r="SCN130" s="25"/>
      <c r="SCO130" s="25"/>
      <c r="SCP130" s="25"/>
      <c r="SCQ130" s="25"/>
      <c r="SCR130" s="25"/>
      <c r="SCS130" s="25"/>
      <c r="SCT130" s="25"/>
      <c r="SCU130" s="25"/>
      <c r="SCV130" s="25"/>
      <c r="SCW130" s="25"/>
      <c r="SCX130" s="25"/>
      <c r="SCY130" s="25"/>
      <c r="SCZ130" s="25"/>
      <c r="SDA130" s="25"/>
      <c r="SDB130" s="25"/>
      <c r="SDC130" s="25"/>
      <c r="SDD130" s="25"/>
      <c r="SDE130" s="25"/>
      <c r="SDF130" s="25"/>
      <c r="SDG130" s="25"/>
      <c r="SDH130" s="25"/>
      <c r="SDI130" s="25"/>
      <c r="SDJ130" s="25"/>
      <c r="SDK130" s="25"/>
      <c r="SDL130" s="25"/>
      <c r="SDM130" s="25"/>
      <c r="SDN130" s="25"/>
      <c r="SDO130" s="25"/>
      <c r="SDP130" s="25"/>
      <c r="SDQ130" s="25"/>
      <c r="SDR130" s="25"/>
      <c r="SDS130" s="25"/>
      <c r="SDT130" s="25"/>
      <c r="SDU130" s="25"/>
      <c r="SDV130" s="25"/>
      <c r="SDW130" s="25"/>
      <c r="SDX130" s="25"/>
      <c r="SDY130" s="25"/>
      <c r="SDZ130" s="25"/>
      <c r="SEA130" s="25"/>
      <c r="SEB130" s="25"/>
      <c r="SEC130" s="25"/>
      <c r="SED130" s="25"/>
      <c r="SEE130" s="25"/>
      <c r="SEF130" s="25"/>
      <c r="SEG130" s="25"/>
      <c r="SEH130" s="25"/>
      <c r="SEI130" s="25"/>
      <c r="SEJ130" s="25"/>
      <c r="SEK130" s="25"/>
      <c r="SEL130" s="25"/>
      <c r="SEM130" s="25"/>
      <c r="SEN130" s="25"/>
      <c r="SEO130" s="25"/>
      <c r="SEP130" s="25"/>
      <c r="SEQ130" s="25"/>
      <c r="SER130" s="25"/>
      <c r="SES130" s="25"/>
      <c r="SET130" s="25"/>
      <c r="SEU130" s="25"/>
      <c r="SEV130" s="25"/>
      <c r="SEW130" s="25"/>
      <c r="SEX130" s="25"/>
      <c r="SEY130" s="25"/>
      <c r="SEZ130" s="25"/>
      <c r="SFA130" s="25"/>
      <c r="SFB130" s="25"/>
      <c r="SFC130" s="25"/>
      <c r="SFD130" s="25"/>
      <c r="SFE130" s="25"/>
      <c r="SFF130" s="25"/>
      <c r="SFG130" s="25"/>
      <c r="SFH130" s="25"/>
      <c r="SFI130" s="25"/>
      <c r="SFJ130" s="25"/>
      <c r="SFK130" s="25"/>
      <c r="SFL130" s="25"/>
      <c r="SFM130" s="25"/>
      <c r="SFN130" s="25"/>
      <c r="SFO130" s="25"/>
      <c r="SFP130" s="25"/>
      <c r="SFQ130" s="25"/>
      <c r="SFR130" s="25"/>
      <c r="SFS130" s="25"/>
      <c r="SFT130" s="25"/>
      <c r="SFU130" s="25"/>
      <c r="SFV130" s="25"/>
      <c r="SFW130" s="25"/>
      <c r="SFX130" s="25"/>
      <c r="SFY130" s="25"/>
      <c r="SFZ130" s="25"/>
      <c r="SGA130" s="25"/>
      <c r="SGB130" s="25"/>
      <c r="SGC130" s="25"/>
      <c r="SGD130" s="25"/>
      <c r="SGE130" s="25"/>
      <c r="SGF130" s="25"/>
      <c r="SGG130" s="25"/>
      <c r="SGH130" s="25"/>
      <c r="SGI130" s="25"/>
      <c r="SGJ130" s="25"/>
      <c r="SGK130" s="25"/>
      <c r="SGL130" s="25"/>
      <c r="SGM130" s="25"/>
      <c r="SGN130" s="25"/>
      <c r="SGO130" s="25"/>
      <c r="SGP130" s="25"/>
      <c r="SGQ130" s="25"/>
      <c r="SGR130" s="25"/>
      <c r="SGS130" s="25"/>
      <c r="SGT130" s="25"/>
      <c r="SGU130" s="25"/>
      <c r="SGV130" s="25"/>
      <c r="SGW130" s="25"/>
      <c r="SGX130" s="25"/>
      <c r="SGY130" s="25"/>
      <c r="SGZ130" s="25"/>
      <c r="SHA130" s="25"/>
      <c r="SHB130" s="25"/>
      <c r="SHC130" s="25"/>
      <c r="SHD130" s="25"/>
      <c r="SHE130" s="25"/>
      <c r="SHF130" s="25"/>
      <c r="SHG130" s="25"/>
      <c r="SHH130" s="25"/>
      <c r="SHI130" s="25"/>
      <c r="SHJ130" s="25"/>
      <c r="SHK130" s="25"/>
      <c r="SHL130" s="25"/>
      <c r="SHM130" s="25"/>
      <c r="SHN130" s="25"/>
      <c r="SHO130" s="25"/>
      <c r="SHP130" s="25"/>
      <c r="SHQ130" s="25"/>
      <c r="SHR130" s="25"/>
      <c r="SHS130" s="25"/>
      <c r="SHT130" s="25"/>
      <c r="SHU130" s="25"/>
      <c r="SHV130" s="25"/>
      <c r="SHW130" s="25"/>
      <c r="SHX130" s="25"/>
      <c r="SHY130" s="25"/>
      <c r="SHZ130" s="25"/>
      <c r="SIA130" s="25"/>
      <c r="SIB130" s="25"/>
      <c r="SIC130" s="25"/>
      <c r="SID130" s="25"/>
      <c r="SIE130" s="25"/>
      <c r="SIF130" s="25"/>
      <c r="SIG130" s="25"/>
      <c r="SIH130" s="25"/>
      <c r="SII130" s="25"/>
      <c r="SIJ130" s="25"/>
      <c r="SIK130" s="25"/>
      <c r="SIL130" s="25"/>
      <c r="SIM130" s="25"/>
      <c r="SIN130" s="25"/>
      <c r="SIO130" s="25"/>
      <c r="SIP130" s="25"/>
      <c r="SIQ130" s="25"/>
      <c r="SIR130" s="25"/>
      <c r="SIS130" s="25"/>
      <c r="SIT130" s="25"/>
      <c r="SIU130" s="25"/>
      <c r="SIV130" s="25"/>
      <c r="SIW130" s="25"/>
      <c r="SIX130" s="25"/>
      <c r="SIY130" s="25"/>
      <c r="SIZ130" s="25"/>
      <c r="SJA130" s="25"/>
      <c r="SJB130" s="25"/>
      <c r="SJC130" s="25"/>
      <c r="SJD130" s="25"/>
      <c r="SJE130" s="25"/>
      <c r="SJF130" s="25"/>
      <c r="SJG130" s="25"/>
      <c r="SJH130" s="25"/>
      <c r="SJI130" s="25"/>
      <c r="SJJ130" s="25"/>
      <c r="SJK130" s="25"/>
      <c r="SJL130" s="25"/>
      <c r="SJM130" s="25"/>
      <c r="SJN130" s="25"/>
      <c r="SJO130" s="25"/>
      <c r="SJP130" s="25"/>
      <c r="SJQ130" s="25"/>
      <c r="SJR130" s="25"/>
      <c r="SJS130" s="25"/>
      <c r="SJT130" s="25"/>
      <c r="SJU130" s="25"/>
      <c r="SJV130" s="25"/>
      <c r="SJW130" s="25"/>
      <c r="SJX130" s="25"/>
      <c r="SJY130" s="25"/>
      <c r="SJZ130" s="25"/>
      <c r="SKA130" s="25"/>
      <c r="SKB130" s="25"/>
      <c r="SKC130" s="25"/>
      <c r="SKD130" s="25"/>
      <c r="SKE130" s="25"/>
      <c r="SKF130" s="25"/>
      <c r="SKG130" s="25"/>
      <c r="SKH130" s="25"/>
      <c r="SKI130" s="25"/>
      <c r="SKJ130" s="25"/>
      <c r="SKK130" s="25"/>
      <c r="SKL130" s="25"/>
      <c r="SKM130" s="25"/>
      <c r="SKN130" s="25"/>
      <c r="SKO130" s="25"/>
      <c r="SKP130" s="25"/>
      <c r="SKQ130" s="25"/>
      <c r="SKR130" s="25"/>
      <c r="SKS130" s="25"/>
      <c r="SKT130" s="25"/>
      <c r="SKU130" s="25"/>
      <c r="SKV130" s="25"/>
      <c r="SKW130" s="25"/>
      <c r="SKX130" s="25"/>
      <c r="SKY130" s="25"/>
      <c r="SKZ130" s="25"/>
      <c r="SLA130" s="25"/>
      <c r="SLB130" s="25"/>
      <c r="SLC130" s="25"/>
      <c r="SLD130" s="25"/>
      <c r="SLE130" s="25"/>
      <c r="SLF130" s="25"/>
      <c r="SLG130" s="25"/>
      <c r="SLH130" s="25"/>
      <c r="SLI130" s="25"/>
      <c r="SLJ130" s="25"/>
      <c r="SLK130" s="25"/>
      <c r="SLL130" s="25"/>
      <c r="SLM130" s="25"/>
      <c r="SLN130" s="25"/>
      <c r="SLO130" s="25"/>
      <c r="SLP130" s="25"/>
      <c r="SLQ130" s="25"/>
      <c r="SLR130" s="25"/>
      <c r="SLS130" s="25"/>
      <c r="SLT130" s="25"/>
      <c r="SLU130" s="25"/>
      <c r="SLV130" s="25"/>
      <c r="SLW130" s="25"/>
      <c r="SLX130" s="25"/>
      <c r="SLY130" s="25"/>
      <c r="SLZ130" s="25"/>
      <c r="SMA130" s="25"/>
      <c r="SMB130" s="25"/>
      <c r="SMC130" s="25"/>
      <c r="SMD130" s="25"/>
      <c r="SME130" s="25"/>
      <c r="SMF130" s="25"/>
      <c r="SMG130" s="25"/>
      <c r="SMH130" s="25"/>
      <c r="SMI130" s="25"/>
      <c r="SMJ130" s="25"/>
      <c r="SMK130" s="25"/>
      <c r="SML130" s="25"/>
      <c r="SMM130" s="25"/>
      <c r="SMN130" s="25"/>
      <c r="SMO130" s="25"/>
      <c r="SMP130" s="25"/>
      <c r="SMQ130" s="25"/>
      <c r="SMR130" s="25"/>
      <c r="SMS130" s="25"/>
      <c r="SMT130" s="25"/>
      <c r="SMU130" s="25"/>
      <c r="SMV130" s="25"/>
      <c r="SMW130" s="25"/>
      <c r="SMX130" s="25"/>
      <c r="SMY130" s="25"/>
      <c r="SMZ130" s="25"/>
      <c r="SNA130" s="25"/>
      <c r="SNB130" s="25"/>
      <c r="SNC130" s="25"/>
      <c r="SND130" s="25"/>
      <c r="SNE130" s="25"/>
      <c r="SNF130" s="25"/>
      <c r="SNG130" s="25"/>
      <c r="SNH130" s="25"/>
      <c r="SNI130" s="25"/>
      <c r="SNJ130" s="25"/>
      <c r="SNK130" s="25"/>
      <c r="SNL130" s="25"/>
      <c r="SNM130" s="25"/>
      <c r="SNN130" s="25"/>
      <c r="SNO130" s="25"/>
      <c r="SNP130" s="25"/>
      <c r="SNQ130" s="25"/>
      <c r="SNR130" s="25"/>
      <c r="SNS130" s="25"/>
      <c r="SNT130" s="25"/>
      <c r="SNU130" s="25"/>
      <c r="SNV130" s="25"/>
      <c r="SNW130" s="25"/>
      <c r="SNX130" s="25"/>
      <c r="SNY130" s="25"/>
      <c r="SNZ130" s="25"/>
      <c r="SOA130" s="25"/>
      <c r="SOB130" s="25"/>
      <c r="SOC130" s="25"/>
      <c r="SOD130" s="25"/>
      <c r="SOE130" s="25"/>
      <c r="SOF130" s="25"/>
      <c r="SOG130" s="25"/>
      <c r="SOH130" s="25"/>
      <c r="SOI130" s="25"/>
      <c r="SOJ130" s="25"/>
      <c r="SOK130" s="25"/>
      <c r="SOL130" s="25"/>
      <c r="SOM130" s="25"/>
      <c r="SON130" s="25"/>
      <c r="SOO130" s="25"/>
      <c r="SOP130" s="25"/>
      <c r="SOQ130" s="25"/>
      <c r="SOR130" s="25"/>
      <c r="SOS130" s="25"/>
      <c r="SOT130" s="25"/>
      <c r="SOU130" s="25"/>
      <c r="SOV130" s="25"/>
      <c r="SOW130" s="25"/>
      <c r="SOX130" s="25"/>
      <c r="SOY130" s="25"/>
      <c r="SOZ130" s="25"/>
      <c r="SPA130" s="25"/>
      <c r="SPB130" s="25"/>
      <c r="SPC130" s="25"/>
      <c r="SPD130" s="25"/>
      <c r="SPE130" s="25"/>
      <c r="SPF130" s="25"/>
      <c r="SPG130" s="25"/>
      <c r="SPH130" s="25"/>
      <c r="SPI130" s="25"/>
      <c r="SPJ130" s="25"/>
      <c r="SPK130" s="25"/>
      <c r="SPL130" s="25"/>
      <c r="SPM130" s="25"/>
      <c r="SPN130" s="25"/>
      <c r="SPO130" s="25"/>
      <c r="SPP130" s="25"/>
      <c r="SPQ130" s="25"/>
      <c r="SPR130" s="25"/>
      <c r="SPS130" s="25"/>
      <c r="SPT130" s="25"/>
      <c r="SPU130" s="25"/>
      <c r="SPV130" s="25"/>
      <c r="SPW130" s="25"/>
      <c r="SPX130" s="25"/>
      <c r="SPY130" s="25"/>
      <c r="SPZ130" s="25"/>
      <c r="SQA130" s="25"/>
      <c r="SQB130" s="25"/>
      <c r="SQC130" s="25"/>
      <c r="SQD130" s="25"/>
      <c r="SQE130" s="25"/>
      <c r="SQF130" s="25"/>
      <c r="SQG130" s="25"/>
      <c r="SQH130" s="25"/>
      <c r="SQI130" s="25"/>
      <c r="SQJ130" s="25"/>
      <c r="SQK130" s="25"/>
      <c r="SQL130" s="25"/>
      <c r="SQM130" s="25"/>
      <c r="SQN130" s="25"/>
      <c r="SQO130" s="25"/>
      <c r="SQP130" s="25"/>
      <c r="SQQ130" s="25"/>
      <c r="SQR130" s="25"/>
      <c r="SQS130" s="25"/>
      <c r="SQT130" s="25"/>
      <c r="SQU130" s="25"/>
      <c r="SQV130" s="25"/>
      <c r="SQW130" s="25"/>
      <c r="SQX130" s="25"/>
      <c r="SQY130" s="25"/>
      <c r="SQZ130" s="25"/>
      <c r="SRA130" s="25"/>
      <c r="SRB130" s="25"/>
      <c r="SRC130" s="25"/>
      <c r="SRD130" s="25"/>
      <c r="SRE130" s="25"/>
      <c r="SRF130" s="25"/>
      <c r="SRG130" s="25"/>
      <c r="SRH130" s="25"/>
      <c r="SRI130" s="25"/>
      <c r="SRJ130" s="25"/>
      <c r="SRK130" s="25"/>
      <c r="SRL130" s="25"/>
      <c r="SRM130" s="25"/>
      <c r="SRN130" s="25"/>
      <c r="SRO130" s="25"/>
      <c r="SRP130" s="25"/>
      <c r="SRQ130" s="25"/>
      <c r="SRR130" s="25"/>
      <c r="SRS130" s="25"/>
      <c r="SRT130" s="25"/>
      <c r="SRU130" s="25"/>
      <c r="SRV130" s="25"/>
      <c r="SRW130" s="25"/>
      <c r="SRX130" s="25"/>
      <c r="SRY130" s="25"/>
      <c r="SRZ130" s="25"/>
      <c r="SSA130" s="25"/>
      <c r="SSB130" s="25"/>
      <c r="SSC130" s="25"/>
      <c r="SSD130" s="25"/>
      <c r="SSE130" s="25"/>
      <c r="SSF130" s="25"/>
      <c r="SSG130" s="25"/>
      <c r="SSH130" s="25"/>
      <c r="SSI130" s="25"/>
      <c r="SSJ130" s="25"/>
      <c r="SSK130" s="25"/>
      <c r="SSL130" s="25"/>
      <c r="SSM130" s="25"/>
      <c r="SSN130" s="25"/>
      <c r="SSO130" s="25"/>
      <c r="SSP130" s="25"/>
      <c r="SSQ130" s="25"/>
      <c r="SSR130" s="25"/>
      <c r="SSS130" s="25"/>
      <c r="SST130" s="25"/>
      <c r="SSU130" s="25"/>
      <c r="SSV130" s="25"/>
      <c r="SSW130" s="25"/>
      <c r="SSX130" s="25"/>
      <c r="SSY130" s="25"/>
      <c r="SSZ130" s="25"/>
      <c r="STA130" s="25"/>
      <c r="STB130" s="25"/>
      <c r="STC130" s="25"/>
      <c r="STD130" s="25"/>
      <c r="STE130" s="25"/>
      <c r="STF130" s="25"/>
      <c r="STG130" s="25"/>
      <c r="STH130" s="25"/>
      <c r="STI130" s="25"/>
      <c r="STJ130" s="25"/>
      <c r="STK130" s="25"/>
      <c r="STL130" s="25"/>
      <c r="STM130" s="25"/>
      <c r="STN130" s="25"/>
      <c r="STO130" s="25"/>
      <c r="STP130" s="25"/>
      <c r="STQ130" s="25"/>
      <c r="STR130" s="25"/>
      <c r="STS130" s="25"/>
      <c r="STT130" s="25"/>
      <c r="STU130" s="25"/>
      <c r="STV130" s="25"/>
      <c r="STW130" s="25"/>
      <c r="STX130" s="25"/>
      <c r="STY130" s="25"/>
      <c r="STZ130" s="25"/>
      <c r="SUA130" s="25"/>
      <c r="SUB130" s="25"/>
      <c r="SUC130" s="25"/>
      <c r="SUD130" s="25"/>
      <c r="SUE130" s="25"/>
      <c r="SUF130" s="25"/>
      <c r="SUG130" s="25"/>
      <c r="SUH130" s="25"/>
      <c r="SUI130" s="25"/>
      <c r="SUJ130" s="25"/>
      <c r="SUK130" s="25"/>
      <c r="SUL130" s="25"/>
      <c r="SUM130" s="25"/>
      <c r="SUN130" s="25"/>
      <c r="SUO130" s="25"/>
      <c r="SUP130" s="25"/>
      <c r="SUQ130" s="25"/>
      <c r="SUR130" s="25"/>
      <c r="SUS130" s="25"/>
      <c r="SUT130" s="25"/>
      <c r="SUU130" s="25"/>
      <c r="SUV130" s="25"/>
      <c r="SUW130" s="25"/>
      <c r="SUX130" s="25"/>
      <c r="SUY130" s="25"/>
      <c r="SUZ130" s="25"/>
      <c r="SVA130" s="25"/>
      <c r="SVB130" s="25"/>
      <c r="SVC130" s="25"/>
      <c r="SVD130" s="25"/>
      <c r="SVE130" s="25"/>
      <c r="SVF130" s="25"/>
      <c r="SVG130" s="25"/>
      <c r="SVH130" s="25"/>
      <c r="SVI130" s="25"/>
      <c r="SVJ130" s="25"/>
      <c r="SVK130" s="25"/>
      <c r="SVL130" s="25"/>
      <c r="SVM130" s="25"/>
      <c r="SVN130" s="25"/>
      <c r="SVO130" s="25"/>
      <c r="SVP130" s="25"/>
      <c r="SVQ130" s="25"/>
      <c r="SVR130" s="25"/>
      <c r="SVS130" s="25"/>
      <c r="SVT130" s="25"/>
      <c r="SVU130" s="25"/>
      <c r="SVV130" s="25"/>
      <c r="SVW130" s="25"/>
      <c r="SVX130" s="25"/>
      <c r="SVY130" s="25"/>
      <c r="SVZ130" s="25"/>
      <c r="SWA130" s="25"/>
      <c r="SWB130" s="25"/>
      <c r="SWC130" s="25"/>
      <c r="SWD130" s="25"/>
      <c r="SWE130" s="25"/>
      <c r="SWF130" s="25"/>
      <c r="SWG130" s="25"/>
      <c r="SWH130" s="25"/>
      <c r="SWI130" s="25"/>
      <c r="SWJ130" s="25"/>
      <c r="SWK130" s="25"/>
      <c r="SWL130" s="25"/>
      <c r="SWM130" s="25"/>
      <c r="SWN130" s="25"/>
      <c r="SWO130" s="25"/>
      <c r="SWP130" s="25"/>
      <c r="SWQ130" s="25"/>
      <c r="SWR130" s="25"/>
      <c r="SWS130" s="25"/>
      <c r="SWT130" s="25"/>
      <c r="SWU130" s="25"/>
      <c r="SWV130" s="25"/>
      <c r="SWW130" s="25"/>
      <c r="SWX130" s="25"/>
      <c r="SWY130" s="25"/>
      <c r="SWZ130" s="25"/>
      <c r="SXA130" s="25"/>
      <c r="SXB130" s="25"/>
      <c r="SXC130" s="25"/>
      <c r="SXD130" s="25"/>
      <c r="SXE130" s="25"/>
      <c r="SXF130" s="25"/>
      <c r="SXG130" s="25"/>
      <c r="SXH130" s="25"/>
      <c r="SXI130" s="25"/>
      <c r="SXJ130" s="25"/>
      <c r="SXK130" s="25"/>
      <c r="SXL130" s="25"/>
      <c r="SXM130" s="25"/>
      <c r="SXN130" s="25"/>
      <c r="SXO130" s="25"/>
      <c r="SXP130" s="25"/>
      <c r="SXQ130" s="25"/>
      <c r="SXR130" s="25"/>
      <c r="SXS130" s="25"/>
      <c r="SXT130" s="25"/>
      <c r="SXU130" s="25"/>
      <c r="SXV130" s="25"/>
      <c r="SXW130" s="25"/>
      <c r="SXX130" s="25"/>
      <c r="SXY130" s="25"/>
      <c r="SXZ130" s="25"/>
      <c r="SYA130" s="25"/>
      <c r="SYB130" s="25"/>
      <c r="SYC130" s="25"/>
      <c r="SYD130" s="25"/>
      <c r="SYE130" s="25"/>
      <c r="SYF130" s="25"/>
      <c r="SYG130" s="25"/>
      <c r="SYH130" s="25"/>
      <c r="SYI130" s="25"/>
      <c r="SYJ130" s="25"/>
      <c r="SYK130" s="25"/>
      <c r="SYL130" s="25"/>
      <c r="SYM130" s="25"/>
      <c r="SYN130" s="25"/>
      <c r="SYO130" s="25"/>
      <c r="SYP130" s="25"/>
      <c r="SYQ130" s="25"/>
      <c r="SYR130" s="25"/>
      <c r="SYS130" s="25"/>
      <c r="SYT130" s="25"/>
      <c r="SYU130" s="25"/>
      <c r="SYV130" s="25"/>
      <c r="SYW130" s="25"/>
      <c r="SYX130" s="25"/>
      <c r="SYY130" s="25"/>
      <c r="SYZ130" s="25"/>
      <c r="SZA130" s="25"/>
      <c r="SZB130" s="25"/>
      <c r="SZC130" s="25"/>
      <c r="SZD130" s="25"/>
      <c r="SZE130" s="25"/>
      <c r="SZF130" s="25"/>
      <c r="SZG130" s="25"/>
      <c r="SZH130" s="25"/>
      <c r="SZI130" s="25"/>
      <c r="SZJ130" s="25"/>
      <c r="SZK130" s="25"/>
      <c r="SZL130" s="25"/>
      <c r="SZM130" s="25"/>
      <c r="SZN130" s="25"/>
      <c r="SZO130" s="25"/>
      <c r="SZP130" s="25"/>
      <c r="SZQ130" s="25"/>
      <c r="SZR130" s="25"/>
      <c r="SZS130" s="25"/>
      <c r="SZT130" s="25"/>
      <c r="SZU130" s="25"/>
      <c r="SZV130" s="25"/>
      <c r="SZW130" s="25"/>
      <c r="SZX130" s="25"/>
      <c r="SZY130" s="25"/>
      <c r="SZZ130" s="25"/>
      <c r="TAA130" s="25"/>
      <c r="TAB130" s="25"/>
      <c r="TAC130" s="25"/>
      <c r="TAD130" s="25"/>
      <c r="TAE130" s="25"/>
      <c r="TAF130" s="25"/>
      <c r="TAG130" s="25"/>
      <c r="TAH130" s="25"/>
      <c r="TAI130" s="25"/>
      <c r="TAJ130" s="25"/>
      <c r="TAK130" s="25"/>
      <c r="TAL130" s="25"/>
      <c r="TAM130" s="25"/>
      <c r="TAN130" s="25"/>
      <c r="TAO130" s="25"/>
      <c r="TAP130" s="25"/>
      <c r="TAQ130" s="25"/>
      <c r="TAR130" s="25"/>
      <c r="TAS130" s="25"/>
      <c r="TAT130" s="25"/>
      <c r="TAU130" s="25"/>
      <c r="TAV130" s="25"/>
      <c r="TAW130" s="25"/>
      <c r="TAX130" s="25"/>
      <c r="TAY130" s="25"/>
      <c r="TAZ130" s="25"/>
      <c r="TBA130" s="25"/>
      <c r="TBB130" s="25"/>
      <c r="TBC130" s="25"/>
      <c r="TBD130" s="25"/>
      <c r="TBE130" s="25"/>
      <c r="TBF130" s="25"/>
      <c r="TBG130" s="25"/>
      <c r="TBH130" s="25"/>
      <c r="TBI130" s="25"/>
      <c r="TBJ130" s="25"/>
      <c r="TBK130" s="25"/>
      <c r="TBL130" s="25"/>
      <c r="TBM130" s="25"/>
      <c r="TBN130" s="25"/>
      <c r="TBO130" s="25"/>
      <c r="TBP130" s="25"/>
      <c r="TBQ130" s="25"/>
      <c r="TBR130" s="25"/>
      <c r="TBS130" s="25"/>
      <c r="TBT130" s="25"/>
      <c r="TBU130" s="25"/>
      <c r="TBV130" s="25"/>
      <c r="TBW130" s="25"/>
      <c r="TBX130" s="25"/>
      <c r="TBY130" s="25"/>
      <c r="TBZ130" s="25"/>
      <c r="TCA130" s="25"/>
      <c r="TCB130" s="25"/>
      <c r="TCC130" s="25"/>
      <c r="TCD130" s="25"/>
      <c r="TCE130" s="25"/>
      <c r="TCF130" s="25"/>
      <c r="TCG130" s="25"/>
      <c r="TCH130" s="25"/>
      <c r="TCI130" s="25"/>
      <c r="TCJ130" s="25"/>
      <c r="TCK130" s="25"/>
      <c r="TCL130" s="25"/>
      <c r="TCM130" s="25"/>
      <c r="TCN130" s="25"/>
      <c r="TCO130" s="25"/>
      <c r="TCP130" s="25"/>
      <c r="TCQ130" s="25"/>
      <c r="TCR130" s="25"/>
      <c r="TCS130" s="25"/>
      <c r="TCT130" s="25"/>
      <c r="TCU130" s="25"/>
      <c r="TCV130" s="25"/>
      <c r="TCW130" s="25"/>
      <c r="TCX130" s="25"/>
      <c r="TCY130" s="25"/>
      <c r="TCZ130" s="25"/>
      <c r="TDA130" s="25"/>
      <c r="TDB130" s="25"/>
      <c r="TDC130" s="25"/>
      <c r="TDD130" s="25"/>
      <c r="TDE130" s="25"/>
      <c r="TDF130" s="25"/>
      <c r="TDG130" s="25"/>
      <c r="TDH130" s="25"/>
      <c r="TDI130" s="25"/>
      <c r="TDJ130" s="25"/>
      <c r="TDK130" s="25"/>
      <c r="TDL130" s="25"/>
      <c r="TDM130" s="25"/>
      <c r="TDN130" s="25"/>
      <c r="TDO130" s="25"/>
      <c r="TDP130" s="25"/>
      <c r="TDQ130" s="25"/>
      <c r="TDR130" s="25"/>
      <c r="TDS130" s="25"/>
      <c r="TDT130" s="25"/>
      <c r="TDU130" s="25"/>
      <c r="TDV130" s="25"/>
      <c r="TDW130" s="25"/>
      <c r="TDX130" s="25"/>
      <c r="TDY130" s="25"/>
      <c r="TDZ130" s="25"/>
      <c r="TEA130" s="25"/>
      <c r="TEB130" s="25"/>
      <c r="TEC130" s="25"/>
      <c r="TED130" s="25"/>
      <c r="TEE130" s="25"/>
      <c r="TEF130" s="25"/>
      <c r="TEG130" s="25"/>
      <c r="TEH130" s="25"/>
      <c r="TEI130" s="25"/>
      <c r="TEJ130" s="25"/>
      <c r="TEK130" s="25"/>
      <c r="TEL130" s="25"/>
      <c r="TEM130" s="25"/>
      <c r="TEN130" s="25"/>
      <c r="TEO130" s="25"/>
      <c r="TEP130" s="25"/>
      <c r="TEQ130" s="25"/>
      <c r="TER130" s="25"/>
      <c r="TES130" s="25"/>
      <c r="TET130" s="25"/>
      <c r="TEU130" s="25"/>
      <c r="TEV130" s="25"/>
      <c r="TEW130" s="25"/>
      <c r="TEX130" s="25"/>
      <c r="TEY130" s="25"/>
      <c r="TEZ130" s="25"/>
      <c r="TFA130" s="25"/>
      <c r="TFB130" s="25"/>
      <c r="TFC130" s="25"/>
      <c r="TFD130" s="25"/>
      <c r="TFE130" s="25"/>
      <c r="TFF130" s="25"/>
      <c r="TFG130" s="25"/>
      <c r="TFH130" s="25"/>
      <c r="TFI130" s="25"/>
      <c r="TFJ130" s="25"/>
      <c r="TFK130" s="25"/>
      <c r="TFL130" s="25"/>
      <c r="TFM130" s="25"/>
      <c r="TFN130" s="25"/>
      <c r="TFO130" s="25"/>
      <c r="TFP130" s="25"/>
      <c r="TFQ130" s="25"/>
      <c r="TFR130" s="25"/>
      <c r="TFS130" s="25"/>
      <c r="TFT130" s="25"/>
      <c r="TFU130" s="25"/>
      <c r="TFV130" s="25"/>
      <c r="TFW130" s="25"/>
      <c r="TFX130" s="25"/>
      <c r="TFY130" s="25"/>
      <c r="TFZ130" s="25"/>
      <c r="TGA130" s="25"/>
      <c r="TGB130" s="25"/>
      <c r="TGC130" s="25"/>
      <c r="TGD130" s="25"/>
      <c r="TGE130" s="25"/>
      <c r="TGF130" s="25"/>
      <c r="TGG130" s="25"/>
      <c r="TGH130" s="25"/>
      <c r="TGI130" s="25"/>
      <c r="TGJ130" s="25"/>
      <c r="TGK130" s="25"/>
      <c r="TGL130" s="25"/>
      <c r="TGM130" s="25"/>
      <c r="TGN130" s="25"/>
      <c r="TGO130" s="25"/>
      <c r="TGP130" s="25"/>
      <c r="TGQ130" s="25"/>
      <c r="TGR130" s="25"/>
      <c r="TGS130" s="25"/>
      <c r="TGT130" s="25"/>
      <c r="TGU130" s="25"/>
      <c r="TGV130" s="25"/>
      <c r="TGW130" s="25"/>
      <c r="TGX130" s="25"/>
      <c r="TGY130" s="25"/>
      <c r="TGZ130" s="25"/>
      <c r="THA130" s="25"/>
      <c r="THB130" s="25"/>
      <c r="THC130" s="25"/>
      <c r="THD130" s="25"/>
      <c r="THE130" s="25"/>
      <c r="THF130" s="25"/>
      <c r="THG130" s="25"/>
      <c r="THH130" s="25"/>
      <c r="THI130" s="25"/>
      <c r="THJ130" s="25"/>
      <c r="THK130" s="25"/>
      <c r="THL130" s="25"/>
      <c r="THM130" s="25"/>
      <c r="THN130" s="25"/>
      <c r="THO130" s="25"/>
      <c r="THP130" s="25"/>
      <c r="THQ130" s="25"/>
      <c r="THR130" s="25"/>
      <c r="THS130" s="25"/>
      <c r="THT130" s="25"/>
      <c r="THU130" s="25"/>
      <c r="THV130" s="25"/>
      <c r="THW130" s="25"/>
      <c r="THX130" s="25"/>
      <c r="THY130" s="25"/>
      <c r="THZ130" s="25"/>
      <c r="TIA130" s="25"/>
      <c r="TIB130" s="25"/>
      <c r="TIC130" s="25"/>
      <c r="TID130" s="25"/>
      <c r="TIE130" s="25"/>
      <c r="TIF130" s="25"/>
      <c r="TIG130" s="25"/>
      <c r="TIH130" s="25"/>
      <c r="TII130" s="25"/>
      <c r="TIJ130" s="25"/>
      <c r="TIK130" s="25"/>
      <c r="TIL130" s="25"/>
      <c r="TIM130" s="25"/>
      <c r="TIN130" s="25"/>
      <c r="TIO130" s="25"/>
      <c r="TIP130" s="25"/>
      <c r="TIQ130" s="25"/>
      <c r="TIR130" s="25"/>
      <c r="TIS130" s="25"/>
      <c r="TIT130" s="25"/>
      <c r="TIU130" s="25"/>
      <c r="TIV130" s="25"/>
      <c r="TIW130" s="25"/>
      <c r="TIX130" s="25"/>
      <c r="TIY130" s="25"/>
      <c r="TIZ130" s="25"/>
      <c r="TJA130" s="25"/>
      <c r="TJB130" s="25"/>
      <c r="TJC130" s="25"/>
      <c r="TJD130" s="25"/>
      <c r="TJE130" s="25"/>
      <c r="TJF130" s="25"/>
      <c r="TJG130" s="25"/>
      <c r="TJH130" s="25"/>
      <c r="TJI130" s="25"/>
      <c r="TJJ130" s="25"/>
      <c r="TJK130" s="25"/>
      <c r="TJL130" s="25"/>
      <c r="TJM130" s="25"/>
      <c r="TJN130" s="25"/>
      <c r="TJO130" s="25"/>
      <c r="TJP130" s="25"/>
      <c r="TJQ130" s="25"/>
      <c r="TJR130" s="25"/>
      <c r="TJS130" s="25"/>
      <c r="TJT130" s="25"/>
      <c r="TJU130" s="25"/>
      <c r="TJV130" s="25"/>
      <c r="TJW130" s="25"/>
      <c r="TJX130" s="25"/>
      <c r="TJY130" s="25"/>
      <c r="TJZ130" s="25"/>
      <c r="TKA130" s="25"/>
      <c r="TKB130" s="25"/>
      <c r="TKC130" s="25"/>
      <c r="TKD130" s="25"/>
      <c r="TKE130" s="25"/>
      <c r="TKF130" s="25"/>
      <c r="TKG130" s="25"/>
      <c r="TKH130" s="25"/>
      <c r="TKI130" s="25"/>
      <c r="TKJ130" s="25"/>
      <c r="TKK130" s="25"/>
      <c r="TKL130" s="25"/>
      <c r="TKM130" s="25"/>
      <c r="TKN130" s="25"/>
      <c r="TKO130" s="25"/>
      <c r="TKP130" s="25"/>
      <c r="TKQ130" s="25"/>
      <c r="TKR130" s="25"/>
      <c r="TKS130" s="25"/>
      <c r="TKT130" s="25"/>
      <c r="TKU130" s="25"/>
      <c r="TKV130" s="25"/>
      <c r="TKW130" s="25"/>
      <c r="TKX130" s="25"/>
      <c r="TKY130" s="25"/>
      <c r="TKZ130" s="25"/>
      <c r="TLA130" s="25"/>
      <c r="TLB130" s="25"/>
      <c r="TLC130" s="25"/>
      <c r="TLD130" s="25"/>
      <c r="TLE130" s="25"/>
      <c r="TLF130" s="25"/>
      <c r="TLG130" s="25"/>
      <c r="TLH130" s="25"/>
      <c r="TLI130" s="25"/>
      <c r="TLJ130" s="25"/>
      <c r="TLK130" s="25"/>
      <c r="TLL130" s="25"/>
      <c r="TLM130" s="25"/>
      <c r="TLN130" s="25"/>
      <c r="TLO130" s="25"/>
      <c r="TLP130" s="25"/>
      <c r="TLQ130" s="25"/>
      <c r="TLR130" s="25"/>
      <c r="TLS130" s="25"/>
      <c r="TLT130" s="25"/>
      <c r="TLU130" s="25"/>
      <c r="TLV130" s="25"/>
      <c r="TLW130" s="25"/>
      <c r="TLX130" s="25"/>
      <c r="TLY130" s="25"/>
      <c r="TLZ130" s="25"/>
      <c r="TMA130" s="25"/>
      <c r="TMB130" s="25"/>
      <c r="TMC130" s="25"/>
      <c r="TMD130" s="25"/>
      <c r="TME130" s="25"/>
      <c r="TMF130" s="25"/>
      <c r="TMG130" s="25"/>
      <c r="TMH130" s="25"/>
      <c r="TMI130" s="25"/>
      <c r="TMJ130" s="25"/>
      <c r="TMK130" s="25"/>
      <c r="TML130" s="25"/>
      <c r="TMM130" s="25"/>
      <c r="TMN130" s="25"/>
      <c r="TMO130" s="25"/>
      <c r="TMP130" s="25"/>
      <c r="TMQ130" s="25"/>
      <c r="TMR130" s="25"/>
      <c r="TMS130" s="25"/>
      <c r="TMT130" s="25"/>
      <c r="TMU130" s="25"/>
      <c r="TMV130" s="25"/>
      <c r="TMW130" s="25"/>
      <c r="TMX130" s="25"/>
      <c r="TMY130" s="25"/>
      <c r="TMZ130" s="25"/>
      <c r="TNA130" s="25"/>
      <c r="TNB130" s="25"/>
      <c r="TNC130" s="25"/>
      <c r="TND130" s="25"/>
      <c r="TNE130" s="25"/>
      <c r="TNF130" s="25"/>
      <c r="TNG130" s="25"/>
      <c r="TNH130" s="25"/>
      <c r="TNI130" s="25"/>
      <c r="TNJ130" s="25"/>
      <c r="TNK130" s="25"/>
      <c r="TNL130" s="25"/>
      <c r="TNM130" s="25"/>
      <c r="TNN130" s="25"/>
      <c r="TNO130" s="25"/>
      <c r="TNP130" s="25"/>
      <c r="TNQ130" s="25"/>
      <c r="TNR130" s="25"/>
      <c r="TNS130" s="25"/>
      <c r="TNT130" s="25"/>
      <c r="TNU130" s="25"/>
      <c r="TNV130" s="25"/>
      <c r="TNW130" s="25"/>
      <c r="TNX130" s="25"/>
      <c r="TNY130" s="25"/>
      <c r="TNZ130" s="25"/>
      <c r="TOA130" s="25"/>
      <c r="TOB130" s="25"/>
      <c r="TOC130" s="25"/>
      <c r="TOD130" s="25"/>
      <c r="TOE130" s="25"/>
      <c r="TOF130" s="25"/>
      <c r="TOG130" s="25"/>
      <c r="TOH130" s="25"/>
      <c r="TOI130" s="25"/>
      <c r="TOJ130" s="25"/>
      <c r="TOK130" s="25"/>
      <c r="TOL130" s="25"/>
      <c r="TOM130" s="25"/>
      <c r="TON130" s="25"/>
      <c r="TOO130" s="25"/>
      <c r="TOP130" s="25"/>
      <c r="TOQ130" s="25"/>
      <c r="TOR130" s="25"/>
      <c r="TOS130" s="25"/>
      <c r="TOT130" s="25"/>
      <c r="TOU130" s="25"/>
      <c r="TOV130" s="25"/>
      <c r="TOW130" s="25"/>
      <c r="TOX130" s="25"/>
      <c r="TOY130" s="25"/>
      <c r="TOZ130" s="25"/>
      <c r="TPA130" s="25"/>
      <c r="TPB130" s="25"/>
      <c r="TPC130" s="25"/>
      <c r="TPD130" s="25"/>
      <c r="TPE130" s="25"/>
      <c r="TPF130" s="25"/>
      <c r="TPG130" s="25"/>
      <c r="TPH130" s="25"/>
      <c r="TPI130" s="25"/>
      <c r="TPJ130" s="25"/>
      <c r="TPK130" s="25"/>
      <c r="TPL130" s="25"/>
      <c r="TPM130" s="25"/>
      <c r="TPN130" s="25"/>
      <c r="TPO130" s="25"/>
      <c r="TPP130" s="25"/>
      <c r="TPQ130" s="25"/>
      <c r="TPR130" s="25"/>
      <c r="TPS130" s="25"/>
      <c r="TPT130" s="25"/>
      <c r="TPU130" s="25"/>
      <c r="TPV130" s="25"/>
      <c r="TPW130" s="25"/>
      <c r="TPX130" s="25"/>
      <c r="TPY130" s="25"/>
      <c r="TPZ130" s="25"/>
      <c r="TQA130" s="25"/>
      <c r="TQB130" s="25"/>
      <c r="TQC130" s="25"/>
      <c r="TQD130" s="25"/>
      <c r="TQE130" s="25"/>
      <c r="TQF130" s="25"/>
      <c r="TQG130" s="25"/>
      <c r="TQH130" s="25"/>
      <c r="TQI130" s="25"/>
      <c r="TQJ130" s="25"/>
      <c r="TQK130" s="25"/>
      <c r="TQL130" s="25"/>
      <c r="TQM130" s="25"/>
      <c r="TQN130" s="25"/>
      <c r="TQO130" s="25"/>
      <c r="TQP130" s="25"/>
      <c r="TQQ130" s="25"/>
      <c r="TQR130" s="25"/>
      <c r="TQS130" s="25"/>
      <c r="TQT130" s="25"/>
      <c r="TQU130" s="25"/>
      <c r="TQV130" s="25"/>
      <c r="TQW130" s="25"/>
      <c r="TQX130" s="25"/>
      <c r="TQY130" s="25"/>
      <c r="TQZ130" s="25"/>
      <c r="TRA130" s="25"/>
      <c r="TRB130" s="25"/>
      <c r="TRC130" s="25"/>
      <c r="TRD130" s="25"/>
      <c r="TRE130" s="25"/>
      <c r="TRF130" s="25"/>
      <c r="TRG130" s="25"/>
      <c r="TRH130" s="25"/>
      <c r="TRI130" s="25"/>
      <c r="TRJ130" s="25"/>
      <c r="TRK130" s="25"/>
      <c r="TRL130" s="25"/>
      <c r="TRM130" s="25"/>
      <c r="TRN130" s="25"/>
      <c r="TRO130" s="25"/>
      <c r="TRP130" s="25"/>
      <c r="TRQ130" s="25"/>
      <c r="TRR130" s="25"/>
      <c r="TRS130" s="25"/>
      <c r="TRT130" s="25"/>
      <c r="TRU130" s="25"/>
      <c r="TRV130" s="25"/>
      <c r="TRW130" s="25"/>
      <c r="TRX130" s="25"/>
      <c r="TRY130" s="25"/>
      <c r="TRZ130" s="25"/>
      <c r="TSA130" s="25"/>
      <c r="TSB130" s="25"/>
      <c r="TSC130" s="25"/>
      <c r="TSD130" s="25"/>
      <c r="TSE130" s="25"/>
      <c r="TSF130" s="25"/>
      <c r="TSG130" s="25"/>
      <c r="TSH130" s="25"/>
      <c r="TSI130" s="25"/>
      <c r="TSJ130" s="25"/>
      <c r="TSK130" s="25"/>
      <c r="TSL130" s="25"/>
      <c r="TSM130" s="25"/>
      <c r="TSN130" s="25"/>
      <c r="TSO130" s="25"/>
      <c r="TSP130" s="25"/>
      <c r="TSQ130" s="25"/>
      <c r="TSR130" s="25"/>
      <c r="TSS130" s="25"/>
      <c r="TST130" s="25"/>
      <c r="TSU130" s="25"/>
      <c r="TSV130" s="25"/>
      <c r="TSW130" s="25"/>
      <c r="TSX130" s="25"/>
      <c r="TSY130" s="25"/>
      <c r="TSZ130" s="25"/>
      <c r="TTA130" s="25"/>
      <c r="TTB130" s="25"/>
      <c r="TTC130" s="25"/>
      <c r="TTD130" s="25"/>
      <c r="TTE130" s="25"/>
      <c r="TTF130" s="25"/>
      <c r="TTG130" s="25"/>
      <c r="TTH130" s="25"/>
      <c r="TTI130" s="25"/>
      <c r="TTJ130" s="25"/>
      <c r="TTK130" s="25"/>
      <c r="TTL130" s="25"/>
      <c r="TTM130" s="25"/>
      <c r="TTN130" s="25"/>
      <c r="TTO130" s="25"/>
      <c r="TTP130" s="25"/>
      <c r="TTQ130" s="25"/>
      <c r="TTR130" s="25"/>
      <c r="TTS130" s="25"/>
      <c r="TTT130" s="25"/>
      <c r="TTU130" s="25"/>
      <c r="TTV130" s="25"/>
      <c r="TTW130" s="25"/>
      <c r="TTX130" s="25"/>
      <c r="TTY130" s="25"/>
      <c r="TTZ130" s="25"/>
      <c r="TUA130" s="25"/>
      <c r="TUB130" s="25"/>
      <c r="TUC130" s="25"/>
      <c r="TUD130" s="25"/>
      <c r="TUE130" s="25"/>
      <c r="TUF130" s="25"/>
      <c r="TUG130" s="25"/>
      <c r="TUH130" s="25"/>
      <c r="TUI130" s="25"/>
      <c r="TUJ130" s="25"/>
      <c r="TUK130" s="25"/>
      <c r="TUL130" s="25"/>
      <c r="TUM130" s="25"/>
      <c r="TUN130" s="25"/>
      <c r="TUO130" s="25"/>
      <c r="TUP130" s="25"/>
      <c r="TUQ130" s="25"/>
      <c r="TUR130" s="25"/>
      <c r="TUS130" s="25"/>
      <c r="TUT130" s="25"/>
      <c r="TUU130" s="25"/>
      <c r="TUV130" s="25"/>
      <c r="TUW130" s="25"/>
      <c r="TUX130" s="25"/>
      <c r="TUY130" s="25"/>
      <c r="TUZ130" s="25"/>
      <c r="TVA130" s="25"/>
      <c r="TVB130" s="25"/>
      <c r="TVC130" s="25"/>
      <c r="TVD130" s="25"/>
      <c r="TVE130" s="25"/>
      <c r="TVF130" s="25"/>
      <c r="TVG130" s="25"/>
      <c r="TVH130" s="25"/>
      <c r="TVI130" s="25"/>
      <c r="TVJ130" s="25"/>
      <c r="TVK130" s="25"/>
      <c r="TVL130" s="25"/>
      <c r="TVM130" s="25"/>
      <c r="TVN130" s="25"/>
      <c r="TVO130" s="25"/>
      <c r="TVP130" s="25"/>
      <c r="TVQ130" s="25"/>
      <c r="TVR130" s="25"/>
      <c r="TVS130" s="25"/>
      <c r="TVT130" s="25"/>
      <c r="TVU130" s="25"/>
      <c r="TVV130" s="25"/>
      <c r="TVW130" s="25"/>
      <c r="TVX130" s="25"/>
      <c r="TVY130" s="25"/>
      <c r="TVZ130" s="25"/>
      <c r="TWA130" s="25"/>
      <c r="TWB130" s="25"/>
      <c r="TWC130" s="25"/>
      <c r="TWD130" s="25"/>
      <c r="TWE130" s="25"/>
      <c r="TWF130" s="25"/>
      <c r="TWG130" s="25"/>
      <c r="TWH130" s="25"/>
      <c r="TWI130" s="25"/>
      <c r="TWJ130" s="25"/>
      <c r="TWK130" s="25"/>
      <c r="TWL130" s="25"/>
      <c r="TWM130" s="25"/>
      <c r="TWN130" s="25"/>
      <c r="TWO130" s="25"/>
      <c r="TWP130" s="25"/>
      <c r="TWQ130" s="25"/>
      <c r="TWR130" s="25"/>
      <c r="TWS130" s="25"/>
      <c r="TWT130" s="25"/>
      <c r="TWU130" s="25"/>
      <c r="TWV130" s="25"/>
      <c r="TWW130" s="25"/>
      <c r="TWX130" s="25"/>
      <c r="TWY130" s="25"/>
      <c r="TWZ130" s="25"/>
      <c r="TXA130" s="25"/>
      <c r="TXB130" s="25"/>
      <c r="TXC130" s="25"/>
      <c r="TXD130" s="25"/>
      <c r="TXE130" s="25"/>
      <c r="TXF130" s="25"/>
      <c r="TXG130" s="25"/>
      <c r="TXH130" s="25"/>
      <c r="TXI130" s="25"/>
      <c r="TXJ130" s="25"/>
      <c r="TXK130" s="25"/>
      <c r="TXL130" s="25"/>
      <c r="TXM130" s="25"/>
      <c r="TXN130" s="25"/>
      <c r="TXO130" s="25"/>
      <c r="TXP130" s="25"/>
      <c r="TXQ130" s="25"/>
      <c r="TXR130" s="25"/>
      <c r="TXS130" s="25"/>
      <c r="TXT130" s="25"/>
      <c r="TXU130" s="25"/>
      <c r="TXV130" s="25"/>
      <c r="TXW130" s="25"/>
      <c r="TXX130" s="25"/>
      <c r="TXY130" s="25"/>
      <c r="TXZ130" s="25"/>
      <c r="TYA130" s="25"/>
      <c r="TYB130" s="25"/>
      <c r="TYC130" s="25"/>
      <c r="TYD130" s="25"/>
      <c r="TYE130" s="25"/>
      <c r="TYF130" s="25"/>
      <c r="TYG130" s="25"/>
      <c r="TYH130" s="25"/>
      <c r="TYI130" s="25"/>
      <c r="TYJ130" s="25"/>
      <c r="TYK130" s="25"/>
      <c r="TYL130" s="25"/>
      <c r="TYM130" s="25"/>
      <c r="TYN130" s="25"/>
      <c r="TYO130" s="25"/>
      <c r="TYP130" s="25"/>
      <c r="TYQ130" s="25"/>
      <c r="TYR130" s="25"/>
      <c r="TYS130" s="25"/>
      <c r="TYT130" s="25"/>
      <c r="TYU130" s="25"/>
      <c r="TYV130" s="25"/>
      <c r="TYW130" s="25"/>
      <c r="TYX130" s="25"/>
      <c r="TYY130" s="25"/>
      <c r="TYZ130" s="25"/>
      <c r="TZA130" s="25"/>
      <c r="TZB130" s="25"/>
      <c r="TZC130" s="25"/>
      <c r="TZD130" s="25"/>
      <c r="TZE130" s="25"/>
      <c r="TZF130" s="25"/>
      <c r="TZG130" s="25"/>
      <c r="TZH130" s="25"/>
      <c r="TZI130" s="25"/>
      <c r="TZJ130" s="25"/>
      <c r="TZK130" s="25"/>
      <c r="TZL130" s="25"/>
      <c r="TZM130" s="25"/>
      <c r="TZN130" s="25"/>
      <c r="TZO130" s="25"/>
      <c r="TZP130" s="25"/>
      <c r="TZQ130" s="25"/>
      <c r="TZR130" s="25"/>
      <c r="TZS130" s="25"/>
      <c r="TZT130" s="25"/>
      <c r="TZU130" s="25"/>
      <c r="TZV130" s="25"/>
      <c r="TZW130" s="25"/>
      <c r="TZX130" s="25"/>
      <c r="TZY130" s="25"/>
      <c r="TZZ130" s="25"/>
      <c r="UAA130" s="25"/>
      <c r="UAB130" s="25"/>
      <c r="UAC130" s="25"/>
      <c r="UAD130" s="25"/>
      <c r="UAE130" s="25"/>
      <c r="UAF130" s="25"/>
      <c r="UAG130" s="25"/>
      <c r="UAH130" s="25"/>
      <c r="UAI130" s="25"/>
      <c r="UAJ130" s="25"/>
      <c r="UAK130" s="25"/>
      <c r="UAL130" s="25"/>
      <c r="UAM130" s="25"/>
      <c r="UAN130" s="25"/>
      <c r="UAO130" s="25"/>
      <c r="UAP130" s="25"/>
      <c r="UAQ130" s="25"/>
      <c r="UAR130" s="25"/>
      <c r="UAS130" s="25"/>
      <c r="UAT130" s="25"/>
      <c r="UAU130" s="25"/>
      <c r="UAV130" s="25"/>
      <c r="UAW130" s="25"/>
      <c r="UAX130" s="25"/>
      <c r="UAY130" s="25"/>
      <c r="UAZ130" s="25"/>
      <c r="UBA130" s="25"/>
      <c r="UBB130" s="25"/>
      <c r="UBC130" s="25"/>
      <c r="UBD130" s="25"/>
      <c r="UBE130" s="25"/>
      <c r="UBF130" s="25"/>
      <c r="UBG130" s="25"/>
      <c r="UBH130" s="25"/>
      <c r="UBI130" s="25"/>
      <c r="UBJ130" s="25"/>
      <c r="UBK130" s="25"/>
      <c r="UBL130" s="25"/>
      <c r="UBM130" s="25"/>
      <c r="UBN130" s="25"/>
      <c r="UBO130" s="25"/>
      <c r="UBP130" s="25"/>
      <c r="UBQ130" s="25"/>
      <c r="UBR130" s="25"/>
      <c r="UBS130" s="25"/>
      <c r="UBT130" s="25"/>
      <c r="UBU130" s="25"/>
      <c r="UBV130" s="25"/>
      <c r="UBW130" s="25"/>
      <c r="UBX130" s="25"/>
      <c r="UBY130" s="25"/>
      <c r="UBZ130" s="25"/>
      <c r="UCA130" s="25"/>
      <c r="UCB130" s="25"/>
      <c r="UCC130" s="25"/>
      <c r="UCD130" s="25"/>
      <c r="UCE130" s="25"/>
      <c r="UCF130" s="25"/>
      <c r="UCG130" s="25"/>
      <c r="UCH130" s="25"/>
      <c r="UCI130" s="25"/>
      <c r="UCJ130" s="25"/>
      <c r="UCK130" s="25"/>
      <c r="UCL130" s="25"/>
      <c r="UCM130" s="25"/>
      <c r="UCN130" s="25"/>
      <c r="UCO130" s="25"/>
      <c r="UCP130" s="25"/>
      <c r="UCQ130" s="25"/>
      <c r="UCR130" s="25"/>
      <c r="UCS130" s="25"/>
      <c r="UCT130" s="25"/>
      <c r="UCU130" s="25"/>
      <c r="UCV130" s="25"/>
      <c r="UCW130" s="25"/>
      <c r="UCX130" s="25"/>
      <c r="UCY130" s="25"/>
      <c r="UCZ130" s="25"/>
      <c r="UDA130" s="25"/>
      <c r="UDB130" s="25"/>
      <c r="UDC130" s="25"/>
      <c r="UDD130" s="25"/>
      <c r="UDE130" s="25"/>
      <c r="UDF130" s="25"/>
      <c r="UDG130" s="25"/>
      <c r="UDH130" s="25"/>
      <c r="UDI130" s="25"/>
      <c r="UDJ130" s="25"/>
      <c r="UDK130" s="25"/>
      <c r="UDL130" s="25"/>
      <c r="UDM130" s="25"/>
      <c r="UDN130" s="25"/>
      <c r="UDO130" s="25"/>
      <c r="UDP130" s="25"/>
      <c r="UDQ130" s="25"/>
      <c r="UDR130" s="25"/>
      <c r="UDS130" s="25"/>
      <c r="UDT130" s="25"/>
      <c r="UDU130" s="25"/>
      <c r="UDV130" s="25"/>
      <c r="UDW130" s="25"/>
      <c r="UDX130" s="25"/>
      <c r="UDY130" s="25"/>
      <c r="UDZ130" s="25"/>
      <c r="UEA130" s="25"/>
      <c r="UEB130" s="25"/>
      <c r="UEC130" s="25"/>
      <c r="UED130" s="25"/>
      <c r="UEE130" s="25"/>
      <c r="UEF130" s="25"/>
      <c r="UEG130" s="25"/>
      <c r="UEH130" s="25"/>
      <c r="UEI130" s="25"/>
      <c r="UEJ130" s="25"/>
      <c r="UEK130" s="25"/>
      <c r="UEL130" s="25"/>
      <c r="UEM130" s="25"/>
      <c r="UEN130" s="25"/>
      <c r="UEO130" s="25"/>
      <c r="UEP130" s="25"/>
      <c r="UEQ130" s="25"/>
      <c r="UER130" s="25"/>
      <c r="UES130" s="25"/>
      <c r="UET130" s="25"/>
      <c r="UEU130" s="25"/>
      <c r="UEV130" s="25"/>
      <c r="UEW130" s="25"/>
      <c r="UEX130" s="25"/>
      <c r="UEY130" s="25"/>
      <c r="UEZ130" s="25"/>
      <c r="UFA130" s="25"/>
      <c r="UFB130" s="25"/>
      <c r="UFC130" s="25"/>
      <c r="UFD130" s="25"/>
      <c r="UFE130" s="25"/>
      <c r="UFF130" s="25"/>
      <c r="UFG130" s="25"/>
      <c r="UFH130" s="25"/>
      <c r="UFI130" s="25"/>
      <c r="UFJ130" s="25"/>
      <c r="UFK130" s="25"/>
      <c r="UFL130" s="25"/>
      <c r="UFM130" s="25"/>
      <c r="UFN130" s="25"/>
      <c r="UFO130" s="25"/>
      <c r="UFP130" s="25"/>
      <c r="UFQ130" s="25"/>
      <c r="UFR130" s="25"/>
      <c r="UFS130" s="25"/>
      <c r="UFT130" s="25"/>
      <c r="UFU130" s="25"/>
      <c r="UFV130" s="25"/>
      <c r="UFW130" s="25"/>
      <c r="UFX130" s="25"/>
      <c r="UFY130" s="25"/>
      <c r="UFZ130" s="25"/>
      <c r="UGA130" s="25"/>
      <c r="UGB130" s="25"/>
      <c r="UGC130" s="25"/>
      <c r="UGD130" s="25"/>
      <c r="UGE130" s="25"/>
      <c r="UGF130" s="25"/>
      <c r="UGG130" s="25"/>
      <c r="UGH130" s="25"/>
      <c r="UGI130" s="25"/>
      <c r="UGJ130" s="25"/>
      <c r="UGK130" s="25"/>
      <c r="UGL130" s="25"/>
      <c r="UGM130" s="25"/>
      <c r="UGN130" s="25"/>
      <c r="UGO130" s="25"/>
      <c r="UGP130" s="25"/>
      <c r="UGQ130" s="25"/>
      <c r="UGR130" s="25"/>
      <c r="UGS130" s="25"/>
      <c r="UGT130" s="25"/>
      <c r="UGU130" s="25"/>
      <c r="UGV130" s="25"/>
      <c r="UGW130" s="25"/>
      <c r="UGX130" s="25"/>
      <c r="UGY130" s="25"/>
      <c r="UGZ130" s="25"/>
      <c r="UHA130" s="25"/>
      <c r="UHB130" s="25"/>
      <c r="UHC130" s="25"/>
      <c r="UHD130" s="25"/>
      <c r="UHE130" s="25"/>
      <c r="UHF130" s="25"/>
      <c r="UHG130" s="25"/>
      <c r="UHH130" s="25"/>
      <c r="UHI130" s="25"/>
      <c r="UHJ130" s="25"/>
      <c r="UHK130" s="25"/>
      <c r="UHL130" s="25"/>
      <c r="UHM130" s="25"/>
      <c r="UHN130" s="25"/>
      <c r="UHO130" s="25"/>
      <c r="UHP130" s="25"/>
      <c r="UHQ130" s="25"/>
      <c r="UHR130" s="25"/>
      <c r="UHS130" s="25"/>
      <c r="UHT130" s="25"/>
      <c r="UHU130" s="25"/>
      <c r="UHV130" s="25"/>
      <c r="UHW130" s="25"/>
      <c r="UHX130" s="25"/>
      <c r="UHY130" s="25"/>
      <c r="UHZ130" s="25"/>
      <c r="UIA130" s="25"/>
      <c r="UIB130" s="25"/>
      <c r="UIC130" s="25"/>
      <c r="UID130" s="25"/>
      <c r="UIE130" s="25"/>
      <c r="UIF130" s="25"/>
      <c r="UIG130" s="25"/>
      <c r="UIH130" s="25"/>
      <c r="UII130" s="25"/>
      <c r="UIJ130" s="25"/>
      <c r="UIK130" s="25"/>
      <c r="UIL130" s="25"/>
      <c r="UIM130" s="25"/>
      <c r="UIN130" s="25"/>
      <c r="UIO130" s="25"/>
      <c r="UIP130" s="25"/>
      <c r="UIQ130" s="25"/>
      <c r="UIR130" s="25"/>
      <c r="UIS130" s="25"/>
      <c r="UIT130" s="25"/>
      <c r="UIU130" s="25"/>
      <c r="UIV130" s="25"/>
      <c r="UIW130" s="25"/>
      <c r="UIX130" s="25"/>
      <c r="UIY130" s="25"/>
      <c r="UIZ130" s="25"/>
      <c r="UJA130" s="25"/>
      <c r="UJB130" s="25"/>
      <c r="UJC130" s="25"/>
      <c r="UJD130" s="25"/>
      <c r="UJE130" s="25"/>
      <c r="UJF130" s="25"/>
      <c r="UJG130" s="25"/>
      <c r="UJH130" s="25"/>
      <c r="UJI130" s="25"/>
      <c r="UJJ130" s="25"/>
      <c r="UJK130" s="25"/>
      <c r="UJL130" s="25"/>
      <c r="UJM130" s="25"/>
      <c r="UJN130" s="25"/>
      <c r="UJO130" s="25"/>
      <c r="UJP130" s="25"/>
      <c r="UJQ130" s="25"/>
      <c r="UJR130" s="25"/>
      <c r="UJS130" s="25"/>
      <c r="UJT130" s="25"/>
      <c r="UJU130" s="25"/>
      <c r="UJV130" s="25"/>
      <c r="UJW130" s="25"/>
      <c r="UJX130" s="25"/>
      <c r="UJY130" s="25"/>
      <c r="UJZ130" s="25"/>
      <c r="UKA130" s="25"/>
      <c r="UKB130" s="25"/>
      <c r="UKC130" s="25"/>
      <c r="UKD130" s="25"/>
      <c r="UKE130" s="25"/>
      <c r="UKF130" s="25"/>
      <c r="UKG130" s="25"/>
      <c r="UKH130" s="25"/>
      <c r="UKI130" s="25"/>
      <c r="UKJ130" s="25"/>
      <c r="UKK130" s="25"/>
      <c r="UKL130" s="25"/>
      <c r="UKM130" s="25"/>
      <c r="UKN130" s="25"/>
      <c r="UKO130" s="25"/>
      <c r="UKP130" s="25"/>
      <c r="UKQ130" s="25"/>
      <c r="UKR130" s="25"/>
      <c r="UKS130" s="25"/>
      <c r="UKT130" s="25"/>
      <c r="UKU130" s="25"/>
      <c r="UKV130" s="25"/>
      <c r="UKW130" s="25"/>
      <c r="UKX130" s="25"/>
      <c r="UKY130" s="25"/>
      <c r="UKZ130" s="25"/>
      <c r="ULA130" s="25"/>
      <c r="ULB130" s="25"/>
      <c r="ULC130" s="25"/>
      <c r="ULD130" s="25"/>
      <c r="ULE130" s="25"/>
      <c r="ULF130" s="25"/>
      <c r="ULG130" s="25"/>
      <c r="ULH130" s="25"/>
      <c r="ULI130" s="25"/>
      <c r="ULJ130" s="25"/>
      <c r="ULK130" s="25"/>
      <c r="ULL130" s="25"/>
      <c r="ULM130" s="25"/>
      <c r="ULN130" s="25"/>
      <c r="ULO130" s="25"/>
      <c r="ULP130" s="25"/>
      <c r="ULQ130" s="25"/>
      <c r="ULR130" s="25"/>
      <c r="ULS130" s="25"/>
      <c r="ULT130" s="25"/>
      <c r="ULU130" s="25"/>
      <c r="ULV130" s="25"/>
      <c r="ULW130" s="25"/>
      <c r="ULX130" s="25"/>
      <c r="ULY130" s="25"/>
      <c r="ULZ130" s="25"/>
      <c r="UMA130" s="25"/>
      <c r="UMB130" s="25"/>
      <c r="UMC130" s="25"/>
      <c r="UMD130" s="25"/>
      <c r="UME130" s="25"/>
      <c r="UMF130" s="25"/>
      <c r="UMG130" s="25"/>
      <c r="UMH130" s="25"/>
      <c r="UMI130" s="25"/>
      <c r="UMJ130" s="25"/>
      <c r="UMK130" s="25"/>
      <c r="UML130" s="25"/>
      <c r="UMM130" s="25"/>
      <c r="UMN130" s="25"/>
      <c r="UMO130" s="25"/>
      <c r="UMP130" s="25"/>
      <c r="UMQ130" s="25"/>
      <c r="UMR130" s="25"/>
      <c r="UMS130" s="25"/>
      <c r="UMT130" s="25"/>
      <c r="UMU130" s="25"/>
      <c r="UMV130" s="25"/>
      <c r="UMW130" s="25"/>
      <c r="UMX130" s="25"/>
      <c r="UMY130" s="25"/>
      <c r="UMZ130" s="25"/>
      <c r="UNA130" s="25"/>
      <c r="UNB130" s="25"/>
      <c r="UNC130" s="25"/>
      <c r="UND130" s="25"/>
      <c r="UNE130" s="25"/>
      <c r="UNF130" s="25"/>
      <c r="UNG130" s="25"/>
      <c r="UNH130" s="25"/>
      <c r="UNI130" s="25"/>
      <c r="UNJ130" s="25"/>
      <c r="UNK130" s="25"/>
      <c r="UNL130" s="25"/>
      <c r="UNM130" s="25"/>
      <c r="UNN130" s="25"/>
      <c r="UNO130" s="25"/>
      <c r="UNP130" s="25"/>
      <c r="UNQ130" s="25"/>
      <c r="UNR130" s="25"/>
      <c r="UNS130" s="25"/>
      <c r="UNT130" s="25"/>
      <c r="UNU130" s="25"/>
      <c r="UNV130" s="25"/>
      <c r="UNW130" s="25"/>
      <c r="UNX130" s="25"/>
      <c r="UNY130" s="25"/>
      <c r="UNZ130" s="25"/>
      <c r="UOA130" s="25"/>
      <c r="UOB130" s="25"/>
      <c r="UOC130" s="25"/>
      <c r="UOD130" s="25"/>
      <c r="UOE130" s="25"/>
      <c r="UOF130" s="25"/>
      <c r="UOG130" s="25"/>
      <c r="UOH130" s="25"/>
      <c r="UOI130" s="25"/>
      <c r="UOJ130" s="25"/>
      <c r="UOK130" s="25"/>
      <c r="UOL130" s="25"/>
      <c r="UOM130" s="25"/>
      <c r="UON130" s="25"/>
      <c r="UOO130" s="25"/>
      <c r="UOP130" s="25"/>
      <c r="UOQ130" s="25"/>
      <c r="UOR130" s="25"/>
      <c r="UOS130" s="25"/>
      <c r="UOT130" s="25"/>
      <c r="UOU130" s="25"/>
      <c r="UOV130" s="25"/>
      <c r="UOW130" s="25"/>
      <c r="UOX130" s="25"/>
      <c r="UOY130" s="25"/>
      <c r="UOZ130" s="25"/>
      <c r="UPA130" s="25"/>
      <c r="UPB130" s="25"/>
      <c r="UPC130" s="25"/>
      <c r="UPD130" s="25"/>
      <c r="UPE130" s="25"/>
      <c r="UPF130" s="25"/>
      <c r="UPG130" s="25"/>
      <c r="UPH130" s="25"/>
      <c r="UPI130" s="25"/>
      <c r="UPJ130" s="25"/>
      <c r="UPK130" s="25"/>
      <c r="UPL130" s="25"/>
      <c r="UPM130" s="25"/>
      <c r="UPN130" s="25"/>
      <c r="UPO130" s="25"/>
      <c r="UPP130" s="25"/>
      <c r="UPQ130" s="25"/>
      <c r="UPR130" s="25"/>
      <c r="UPS130" s="25"/>
      <c r="UPT130" s="25"/>
      <c r="UPU130" s="25"/>
      <c r="UPV130" s="25"/>
      <c r="UPW130" s="25"/>
      <c r="UPX130" s="25"/>
      <c r="UPY130" s="25"/>
      <c r="UPZ130" s="25"/>
      <c r="UQA130" s="25"/>
      <c r="UQB130" s="25"/>
      <c r="UQC130" s="25"/>
      <c r="UQD130" s="25"/>
      <c r="UQE130" s="25"/>
      <c r="UQF130" s="25"/>
      <c r="UQG130" s="25"/>
      <c r="UQH130" s="25"/>
      <c r="UQI130" s="25"/>
      <c r="UQJ130" s="25"/>
      <c r="UQK130" s="25"/>
      <c r="UQL130" s="25"/>
      <c r="UQM130" s="25"/>
      <c r="UQN130" s="25"/>
      <c r="UQO130" s="25"/>
      <c r="UQP130" s="25"/>
      <c r="UQQ130" s="25"/>
      <c r="UQR130" s="25"/>
      <c r="UQS130" s="25"/>
      <c r="UQT130" s="25"/>
      <c r="UQU130" s="25"/>
      <c r="UQV130" s="25"/>
      <c r="UQW130" s="25"/>
      <c r="UQX130" s="25"/>
      <c r="UQY130" s="25"/>
      <c r="UQZ130" s="25"/>
      <c r="URA130" s="25"/>
      <c r="URB130" s="25"/>
      <c r="URC130" s="25"/>
      <c r="URD130" s="25"/>
      <c r="URE130" s="25"/>
      <c r="URF130" s="25"/>
      <c r="URG130" s="25"/>
      <c r="URH130" s="25"/>
      <c r="URI130" s="25"/>
      <c r="URJ130" s="25"/>
      <c r="URK130" s="25"/>
      <c r="URL130" s="25"/>
      <c r="URM130" s="25"/>
      <c r="URN130" s="25"/>
      <c r="URO130" s="25"/>
      <c r="URP130" s="25"/>
      <c r="URQ130" s="25"/>
      <c r="URR130" s="25"/>
      <c r="URS130" s="25"/>
      <c r="URT130" s="25"/>
      <c r="URU130" s="25"/>
      <c r="URV130" s="25"/>
      <c r="URW130" s="25"/>
      <c r="URX130" s="25"/>
      <c r="URY130" s="25"/>
      <c r="URZ130" s="25"/>
      <c r="USA130" s="25"/>
      <c r="USB130" s="25"/>
      <c r="USC130" s="25"/>
      <c r="USD130" s="25"/>
      <c r="USE130" s="25"/>
      <c r="USF130" s="25"/>
      <c r="USG130" s="25"/>
      <c r="USH130" s="25"/>
      <c r="USI130" s="25"/>
      <c r="USJ130" s="25"/>
      <c r="USK130" s="25"/>
      <c r="USL130" s="25"/>
      <c r="USM130" s="25"/>
      <c r="USN130" s="25"/>
      <c r="USO130" s="25"/>
      <c r="USP130" s="25"/>
      <c r="USQ130" s="25"/>
      <c r="USR130" s="25"/>
      <c r="USS130" s="25"/>
      <c r="UST130" s="25"/>
      <c r="USU130" s="25"/>
      <c r="USV130" s="25"/>
      <c r="USW130" s="25"/>
      <c r="USX130" s="25"/>
      <c r="USY130" s="25"/>
      <c r="USZ130" s="25"/>
      <c r="UTA130" s="25"/>
      <c r="UTB130" s="25"/>
      <c r="UTC130" s="25"/>
      <c r="UTD130" s="25"/>
      <c r="UTE130" s="25"/>
      <c r="UTF130" s="25"/>
      <c r="UTG130" s="25"/>
      <c r="UTH130" s="25"/>
      <c r="UTI130" s="25"/>
      <c r="UTJ130" s="25"/>
      <c r="UTK130" s="25"/>
      <c r="UTL130" s="25"/>
      <c r="UTM130" s="25"/>
      <c r="UTN130" s="25"/>
      <c r="UTO130" s="25"/>
      <c r="UTP130" s="25"/>
      <c r="UTQ130" s="25"/>
      <c r="UTR130" s="25"/>
      <c r="UTS130" s="25"/>
      <c r="UTT130" s="25"/>
      <c r="UTU130" s="25"/>
      <c r="UTV130" s="25"/>
      <c r="UTW130" s="25"/>
      <c r="UTX130" s="25"/>
      <c r="UTY130" s="25"/>
      <c r="UTZ130" s="25"/>
      <c r="UUA130" s="25"/>
      <c r="UUB130" s="25"/>
      <c r="UUC130" s="25"/>
      <c r="UUD130" s="25"/>
      <c r="UUE130" s="25"/>
      <c r="UUF130" s="25"/>
      <c r="UUG130" s="25"/>
      <c r="UUH130" s="25"/>
      <c r="UUI130" s="25"/>
      <c r="UUJ130" s="25"/>
      <c r="UUK130" s="25"/>
      <c r="UUL130" s="25"/>
      <c r="UUM130" s="25"/>
      <c r="UUN130" s="25"/>
      <c r="UUO130" s="25"/>
      <c r="UUP130" s="25"/>
      <c r="UUQ130" s="25"/>
      <c r="UUR130" s="25"/>
      <c r="UUS130" s="25"/>
      <c r="UUT130" s="25"/>
      <c r="UUU130" s="25"/>
      <c r="UUV130" s="25"/>
      <c r="UUW130" s="25"/>
      <c r="UUX130" s="25"/>
      <c r="UUY130" s="25"/>
      <c r="UUZ130" s="25"/>
      <c r="UVA130" s="25"/>
      <c r="UVB130" s="25"/>
      <c r="UVC130" s="25"/>
      <c r="UVD130" s="25"/>
      <c r="UVE130" s="25"/>
      <c r="UVF130" s="25"/>
      <c r="UVG130" s="25"/>
      <c r="UVH130" s="25"/>
      <c r="UVI130" s="25"/>
      <c r="UVJ130" s="25"/>
      <c r="UVK130" s="25"/>
      <c r="UVL130" s="25"/>
      <c r="UVM130" s="25"/>
      <c r="UVN130" s="25"/>
      <c r="UVO130" s="25"/>
      <c r="UVP130" s="25"/>
      <c r="UVQ130" s="25"/>
      <c r="UVR130" s="25"/>
      <c r="UVS130" s="25"/>
      <c r="UVT130" s="25"/>
      <c r="UVU130" s="25"/>
      <c r="UVV130" s="25"/>
      <c r="UVW130" s="25"/>
      <c r="UVX130" s="25"/>
      <c r="UVY130" s="25"/>
      <c r="UVZ130" s="25"/>
      <c r="UWA130" s="25"/>
      <c r="UWB130" s="25"/>
      <c r="UWC130" s="25"/>
      <c r="UWD130" s="25"/>
      <c r="UWE130" s="25"/>
      <c r="UWF130" s="25"/>
      <c r="UWG130" s="25"/>
      <c r="UWH130" s="25"/>
      <c r="UWI130" s="25"/>
      <c r="UWJ130" s="25"/>
      <c r="UWK130" s="25"/>
      <c r="UWL130" s="25"/>
      <c r="UWM130" s="25"/>
      <c r="UWN130" s="25"/>
      <c r="UWO130" s="25"/>
      <c r="UWP130" s="25"/>
      <c r="UWQ130" s="25"/>
      <c r="UWR130" s="25"/>
      <c r="UWS130" s="25"/>
      <c r="UWT130" s="25"/>
      <c r="UWU130" s="25"/>
      <c r="UWV130" s="25"/>
      <c r="UWW130" s="25"/>
      <c r="UWX130" s="25"/>
      <c r="UWY130" s="25"/>
      <c r="UWZ130" s="25"/>
      <c r="UXA130" s="25"/>
      <c r="UXB130" s="25"/>
      <c r="UXC130" s="25"/>
      <c r="UXD130" s="25"/>
      <c r="UXE130" s="25"/>
      <c r="UXF130" s="25"/>
      <c r="UXG130" s="25"/>
      <c r="UXH130" s="25"/>
      <c r="UXI130" s="25"/>
      <c r="UXJ130" s="25"/>
      <c r="UXK130" s="25"/>
      <c r="UXL130" s="25"/>
      <c r="UXM130" s="25"/>
      <c r="UXN130" s="25"/>
      <c r="UXO130" s="25"/>
      <c r="UXP130" s="25"/>
      <c r="UXQ130" s="25"/>
      <c r="UXR130" s="25"/>
      <c r="UXS130" s="25"/>
      <c r="UXT130" s="25"/>
      <c r="UXU130" s="25"/>
      <c r="UXV130" s="25"/>
      <c r="UXW130" s="25"/>
      <c r="UXX130" s="25"/>
      <c r="UXY130" s="25"/>
      <c r="UXZ130" s="25"/>
      <c r="UYA130" s="25"/>
      <c r="UYB130" s="25"/>
      <c r="UYC130" s="25"/>
      <c r="UYD130" s="25"/>
      <c r="UYE130" s="25"/>
      <c r="UYF130" s="25"/>
      <c r="UYG130" s="25"/>
      <c r="UYH130" s="25"/>
      <c r="UYI130" s="25"/>
      <c r="UYJ130" s="25"/>
      <c r="UYK130" s="25"/>
      <c r="UYL130" s="25"/>
      <c r="UYM130" s="25"/>
      <c r="UYN130" s="25"/>
      <c r="UYO130" s="25"/>
      <c r="UYP130" s="25"/>
      <c r="UYQ130" s="25"/>
      <c r="UYR130" s="25"/>
      <c r="UYS130" s="25"/>
      <c r="UYT130" s="25"/>
      <c r="UYU130" s="25"/>
      <c r="UYV130" s="25"/>
      <c r="UYW130" s="25"/>
      <c r="UYX130" s="25"/>
      <c r="UYY130" s="25"/>
      <c r="UYZ130" s="25"/>
      <c r="UZA130" s="25"/>
      <c r="UZB130" s="25"/>
      <c r="UZC130" s="25"/>
      <c r="UZD130" s="25"/>
      <c r="UZE130" s="25"/>
      <c r="UZF130" s="25"/>
      <c r="UZG130" s="25"/>
      <c r="UZH130" s="25"/>
      <c r="UZI130" s="25"/>
      <c r="UZJ130" s="25"/>
      <c r="UZK130" s="25"/>
      <c r="UZL130" s="25"/>
      <c r="UZM130" s="25"/>
      <c r="UZN130" s="25"/>
      <c r="UZO130" s="25"/>
      <c r="UZP130" s="25"/>
      <c r="UZQ130" s="25"/>
      <c r="UZR130" s="25"/>
      <c r="UZS130" s="25"/>
      <c r="UZT130" s="25"/>
      <c r="UZU130" s="25"/>
      <c r="UZV130" s="25"/>
      <c r="UZW130" s="25"/>
      <c r="UZX130" s="25"/>
      <c r="UZY130" s="25"/>
      <c r="UZZ130" s="25"/>
      <c r="VAA130" s="25"/>
      <c r="VAB130" s="25"/>
      <c r="VAC130" s="25"/>
      <c r="VAD130" s="25"/>
      <c r="VAE130" s="25"/>
      <c r="VAF130" s="25"/>
      <c r="VAG130" s="25"/>
      <c r="VAH130" s="25"/>
      <c r="VAI130" s="25"/>
      <c r="VAJ130" s="25"/>
      <c r="VAK130" s="25"/>
      <c r="VAL130" s="25"/>
      <c r="VAM130" s="25"/>
      <c r="VAN130" s="25"/>
      <c r="VAO130" s="25"/>
      <c r="VAP130" s="25"/>
      <c r="VAQ130" s="25"/>
      <c r="VAR130" s="25"/>
      <c r="VAS130" s="25"/>
      <c r="VAT130" s="25"/>
      <c r="VAU130" s="25"/>
      <c r="VAV130" s="25"/>
      <c r="VAW130" s="25"/>
      <c r="VAX130" s="25"/>
      <c r="VAY130" s="25"/>
      <c r="VAZ130" s="25"/>
      <c r="VBA130" s="25"/>
      <c r="VBB130" s="25"/>
      <c r="VBC130" s="25"/>
      <c r="VBD130" s="25"/>
      <c r="VBE130" s="25"/>
      <c r="VBF130" s="25"/>
      <c r="VBG130" s="25"/>
      <c r="VBH130" s="25"/>
      <c r="VBI130" s="25"/>
      <c r="VBJ130" s="25"/>
      <c r="VBK130" s="25"/>
      <c r="VBL130" s="25"/>
      <c r="VBM130" s="25"/>
      <c r="VBN130" s="25"/>
      <c r="VBO130" s="25"/>
      <c r="VBP130" s="25"/>
      <c r="VBQ130" s="25"/>
      <c r="VBR130" s="25"/>
      <c r="VBS130" s="25"/>
      <c r="VBT130" s="25"/>
      <c r="VBU130" s="25"/>
      <c r="VBV130" s="25"/>
      <c r="VBW130" s="25"/>
      <c r="VBX130" s="25"/>
      <c r="VBY130" s="25"/>
      <c r="VBZ130" s="25"/>
      <c r="VCA130" s="25"/>
      <c r="VCB130" s="25"/>
      <c r="VCC130" s="25"/>
      <c r="VCD130" s="25"/>
      <c r="VCE130" s="25"/>
      <c r="VCF130" s="25"/>
      <c r="VCG130" s="25"/>
      <c r="VCH130" s="25"/>
      <c r="VCI130" s="25"/>
      <c r="VCJ130" s="25"/>
      <c r="VCK130" s="25"/>
      <c r="VCL130" s="25"/>
      <c r="VCM130" s="25"/>
      <c r="VCN130" s="25"/>
      <c r="VCO130" s="25"/>
      <c r="VCP130" s="25"/>
      <c r="VCQ130" s="25"/>
      <c r="VCR130" s="25"/>
      <c r="VCS130" s="25"/>
      <c r="VCT130" s="25"/>
      <c r="VCU130" s="25"/>
      <c r="VCV130" s="25"/>
      <c r="VCW130" s="25"/>
      <c r="VCX130" s="25"/>
      <c r="VCY130" s="25"/>
      <c r="VCZ130" s="25"/>
      <c r="VDA130" s="25"/>
      <c r="VDB130" s="25"/>
      <c r="VDC130" s="25"/>
      <c r="VDD130" s="25"/>
      <c r="VDE130" s="25"/>
      <c r="VDF130" s="25"/>
      <c r="VDG130" s="25"/>
      <c r="VDH130" s="25"/>
      <c r="VDI130" s="25"/>
      <c r="VDJ130" s="25"/>
      <c r="VDK130" s="25"/>
      <c r="VDL130" s="25"/>
      <c r="VDM130" s="25"/>
      <c r="VDN130" s="25"/>
      <c r="VDO130" s="25"/>
      <c r="VDP130" s="25"/>
      <c r="VDQ130" s="25"/>
      <c r="VDR130" s="25"/>
      <c r="VDS130" s="25"/>
      <c r="VDT130" s="25"/>
      <c r="VDU130" s="25"/>
      <c r="VDV130" s="25"/>
      <c r="VDW130" s="25"/>
      <c r="VDX130" s="25"/>
      <c r="VDY130" s="25"/>
      <c r="VDZ130" s="25"/>
      <c r="VEA130" s="25"/>
      <c r="VEB130" s="25"/>
      <c r="VEC130" s="25"/>
      <c r="VED130" s="25"/>
      <c r="VEE130" s="25"/>
      <c r="VEF130" s="25"/>
      <c r="VEG130" s="25"/>
      <c r="VEH130" s="25"/>
      <c r="VEI130" s="25"/>
      <c r="VEJ130" s="25"/>
      <c r="VEK130" s="25"/>
      <c r="VEL130" s="25"/>
      <c r="VEM130" s="25"/>
      <c r="VEN130" s="25"/>
      <c r="VEO130" s="25"/>
      <c r="VEP130" s="25"/>
      <c r="VEQ130" s="25"/>
      <c r="VER130" s="25"/>
      <c r="VES130" s="25"/>
      <c r="VET130" s="25"/>
      <c r="VEU130" s="25"/>
      <c r="VEV130" s="25"/>
      <c r="VEW130" s="25"/>
      <c r="VEX130" s="25"/>
      <c r="VEY130" s="25"/>
      <c r="VEZ130" s="25"/>
      <c r="VFA130" s="25"/>
      <c r="VFB130" s="25"/>
      <c r="VFC130" s="25"/>
      <c r="VFD130" s="25"/>
      <c r="VFE130" s="25"/>
      <c r="VFF130" s="25"/>
      <c r="VFG130" s="25"/>
      <c r="VFH130" s="25"/>
      <c r="VFI130" s="25"/>
      <c r="VFJ130" s="25"/>
      <c r="VFK130" s="25"/>
      <c r="VFL130" s="25"/>
      <c r="VFM130" s="25"/>
      <c r="VFN130" s="25"/>
      <c r="VFO130" s="25"/>
      <c r="VFP130" s="25"/>
      <c r="VFQ130" s="25"/>
      <c r="VFR130" s="25"/>
      <c r="VFS130" s="25"/>
      <c r="VFT130" s="25"/>
      <c r="VFU130" s="25"/>
      <c r="VFV130" s="25"/>
      <c r="VFW130" s="25"/>
      <c r="VFX130" s="25"/>
      <c r="VFY130" s="25"/>
      <c r="VFZ130" s="25"/>
      <c r="VGA130" s="25"/>
      <c r="VGB130" s="25"/>
      <c r="VGC130" s="25"/>
      <c r="VGD130" s="25"/>
      <c r="VGE130" s="25"/>
      <c r="VGF130" s="25"/>
      <c r="VGG130" s="25"/>
      <c r="VGH130" s="25"/>
      <c r="VGI130" s="25"/>
      <c r="VGJ130" s="25"/>
      <c r="VGK130" s="25"/>
      <c r="VGL130" s="25"/>
      <c r="VGM130" s="25"/>
      <c r="VGN130" s="25"/>
      <c r="VGO130" s="25"/>
      <c r="VGP130" s="25"/>
      <c r="VGQ130" s="25"/>
      <c r="VGR130" s="25"/>
      <c r="VGS130" s="25"/>
      <c r="VGT130" s="25"/>
      <c r="VGU130" s="25"/>
      <c r="VGV130" s="25"/>
      <c r="VGW130" s="25"/>
      <c r="VGX130" s="25"/>
      <c r="VGY130" s="25"/>
      <c r="VGZ130" s="25"/>
      <c r="VHA130" s="25"/>
      <c r="VHB130" s="25"/>
      <c r="VHC130" s="25"/>
      <c r="VHD130" s="25"/>
      <c r="VHE130" s="25"/>
      <c r="VHF130" s="25"/>
      <c r="VHG130" s="25"/>
      <c r="VHH130" s="25"/>
      <c r="VHI130" s="25"/>
      <c r="VHJ130" s="25"/>
      <c r="VHK130" s="25"/>
      <c r="VHL130" s="25"/>
      <c r="VHM130" s="25"/>
      <c r="VHN130" s="25"/>
      <c r="VHO130" s="25"/>
      <c r="VHP130" s="25"/>
      <c r="VHQ130" s="25"/>
      <c r="VHR130" s="25"/>
      <c r="VHS130" s="25"/>
      <c r="VHT130" s="25"/>
      <c r="VHU130" s="25"/>
      <c r="VHV130" s="25"/>
      <c r="VHW130" s="25"/>
      <c r="VHX130" s="25"/>
      <c r="VHY130" s="25"/>
      <c r="VHZ130" s="25"/>
      <c r="VIA130" s="25"/>
      <c r="VIB130" s="25"/>
      <c r="VIC130" s="25"/>
      <c r="VID130" s="25"/>
      <c r="VIE130" s="25"/>
      <c r="VIF130" s="25"/>
      <c r="VIG130" s="25"/>
      <c r="VIH130" s="25"/>
      <c r="VII130" s="25"/>
      <c r="VIJ130" s="25"/>
      <c r="VIK130" s="25"/>
      <c r="VIL130" s="25"/>
      <c r="VIM130" s="25"/>
      <c r="VIN130" s="25"/>
      <c r="VIO130" s="25"/>
      <c r="VIP130" s="25"/>
      <c r="VIQ130" s="25"/>
      <c r="VIR130" s="25"/>
      <c r="VIS130" s="25"/>
      <c r="VIT130" s="25"/>
      <c r="VIU130" s="25"/>
      <c r="VIV130" s="25"/>
      <c r="VIW130" s="25"/>
      <c r="VIX130" s="25"/>
      <c r="VIY130" s="25"/>
      <c r="VIZ130" s="25"/>
      <c r="VJA130" s="25"/>
      <c r="VJB130" s="25"/>
      <c r="VJC130" s="25"/>
      <c r="VJD130" s="25"/>
      <c r="VJE130" s="25"/>
      <c r="VJF130" s="25"/>
      <c r="VJG130" s="25"/>
      <c r="VJH130" s="25"/>
      <c r="VJI130" s="25"/>
      <c r="VJJ130" s="25"/>
      <c r="VJK130" s="25"/>
      <c r="VJL130" s="25"/>
      <c r="VJM130" s="25"/>
      <c r="VJN130" s="25"/>
      <c r="VJO130" s="25"/>
      <c r="VJP130" s="25"/>
      <c r="VJQ130" s="25"/>
      <c r="VJR130" s="25"/>
      <c r="VJS130" s="25"/>
      <c r="VJT130" s="25"/>
      <c r="VJU130" s="25"/>
      <c r="VJV130" s="25"/>
      <c r="VJW130" s="25"/>
      <c r="VJX130" s="25"/>
      <c r="VJY130" s="25"/>
      <c r="VJZ130" s="25"/>
      <c r="VKA130" s="25"/>
      <c r="VKB130" s="25"/>
      <c r="VKC130" s="25"/>
      <c r="VKD130" s="25"/>
      <c r="VKE130" s="25"/>
      <c r="VKF130" s="25"/>
      <c r="VKG130" s="25"/>
      <c r="VKH130" s="25"/>
      <c r="VKI130" s="25"/>
      <c r="VKJ130" s="25"/>
      <c r="VKK130" s="25"/>
      <c r="VKL130" s="25"/>
      <c r="VKM130" s="25"/>
      <c r="VKN130" s="25"/>
      <c r="VKO130" s="25"/>
      <c r="VKP130" s="25"/>
      <c r="VKQ130" s="25"/>
      <c r="VKR130" s="25"/>
      <c r="VKS130" s="25"/>
      <c r="VKT130" s="25"/>
      <c r="VKU130" s="25"/>
      <c r="VKV130" s="25"/>
      <c r="VKW130" s="25"/>
      <c r="VKX130" s="25"/>
      <c r="VKY130" s="25"/>
      <c r="VKZ130" s="25"/>
      <c r="VLA130" s="25"/>
      <c r="VLB130" s="25"/>
      <c r="VLC130" s="25"/>
      <c r="VLD130" s="25"/>
      <c r="VLE130" s="25"/>
      <c r="VLF130" s="25"/>
      <c r="VLG130" s="25"/>
      <c r="VLH130" s="25"/>
      <c r="VLI130" s="25"/>
      <c r="VLJ130" s="25"/>
      <c r="VLK130" s="25"/>
      <c r="VLL130" s="25"/>
      <c r="VLM130" s="25"/>
      <c r="VLN130" s="25"/>
      <c r="VLO130" s="25"/>
      <c r="VLP130" s="25"/>
      <c r="VLQ130" s="25"/>
      <c r="VLR130" s="25"/>
      <c r="VLS130" s="25"/>
      <c r="VLT130" s="25"/>
      <c r="VLU130" s="25"/>
      <c r="VLV130" s="25"/>
      <c r="VLW130" s="25"/>
      <c r="VLX130" s="25"/>
      <c r="VLY130" s="25"/>
      <c r="VLZ130" s="25"/>
      <c r="VMA130" s="25"/>
      <c r="VMB130" s="25"/>
      <c r="VMC130" s="25"/>
      <c r="VMD130" s="25"/>
      <c r="VME130" s="25"/>
      <c r="VMF130" s="25"/>
      <c r="VMG130" s="25"/>
      <c r="VMH130" s="25"/>
      <c r="VMI130" s="25"/>
      <c r="VMJ130" s="25"/>
      <c r="VMK130" s="25"/>
      <c r="VML130" s="25"/>
      <c r="VMM130" s="25"/>
      <c r="VMN130" s="25"/>
      <c r="VMO130" s="25"/>
      <c r="VMP130" s="25"/>
      <c r="VMQ130" s="25"/>
      <c r="VMR130" s="25"/>
      <c r="VMS130" s="25"/>
      <c r="VMT130" s="25"/>
      <c r="VMU130" s="25"/>
      <c r="VMV130" s="25"/>
      <c r="VMW130" s="25"/>
      <c r="VMX130" s="25"/>
      <c r="VMY130" s="25"/>
      <c r="VMZ130" s="25"/>
      <c r="VNA130" s="25"/>
      <c r="VNB130" s="25"/>
      <c r="VNC130" s="25"/>
      <c r="VND130" s="25"/>
      <c r="VNE130" s="25"/>
      <c r="VNF130" s="25"/>
      <c r="VNG130" s="25"/>
      <c r="VNH130" s="25"/>
      <c r="VNI130" s="25"/>
      <c r="VNJ130" s="25"/>
      <c r="VNK130" s="25"/>
      <c r="VNL130" s="25"/>
      <c r="VNM130" s="25"/>
      <c r="VNN130" s="25"/>
      <c r="VNO130" s="25"/>
      <c r="VNP130" s="25"/>
      <c r="VNQ130" s="25"/>
      <c r="VNR130" s="25"/>
      <c r="VNS130" s="25"/>
      <c r="VNT130" s="25"/>
      <c r="VNU130" s="25"/>
      <c r="VNV130" s="25"/>
      <c r="VNW130" s="25"/>
      <c r="VNX130" s="25"/>
      <c r="VNY130" s="25"/>
      <c r="VNZ130" s="25"/>
      <c r="VOA130" s="25"/>
      <c r="VOB130" s="25"/>
      <c r="VOC130" s="25"/>
      <c r="VOD130" s="25"/>
      <c r="VOE130" s="25"/>
      <c r="VOF130" s="25"/>
      <c r="VOG130" s="25"/>
      <c r="VOH130" s="25"/>
      <c r="VOI130" s="25"/>
      <c r="VOJ130" s="25"/>
      <c r="VOK130" s="25"/>
      <c r="VOL130" s="25"/>
      <c r="VOM130" s="25"/>
      <c r="VON130" s="25"/>
      <c r="VOO130" s="25"/>
      <c r="VOP130" s="25"/>
      <c r="VOQ130" s="25"/>
      <c r="VOR130" s="25"/>
      <c r="VOS130" s="25"/>
      <c r="VOT130" s="25"/>
      <c r="VOU130" s="25"/>
      <c r="VOV130" s="25"/>
      <c r="VOW130" s="25"/>
      <c r="VOX130" s="25"/>
      <c r="VOY130" s="25"/>
      <c r="VOZ130" s="25"/>
      <c r="VPA130" s="25"/>
      <c r="VPB130" s="25"/>
      <c r="VPC130" s="25"/>
      <c r="VPD130" s="25"/>
      <c r="VPE130" s="25"/>
      <c r="VPF130" s="25"/>
      <c r="VPG130" s="25"/>
      <c r="VPH130" s="25"/>
      <c r="VPI130" s="25"/>
      <c r="VPJ130" s="25"/>
      <c r="VPK130" s="25"/>
      <c r="VPL130" s="25"/>
      <c r="VPM130" s="25"/>
      <c r="VPN130" s="25"/>
      <c r="VPO130" s="25"/>
      <c r="VPP130" s="25"/>
      <c r="VPQ130" s="25"/>
      <c r="VPR130" s="25"/>
      <c r="VPS130" s="25"/>
      <c r="VPT130" s="25"/>
      <c r="VPU130" s="25"/>
      <c r="VPV130" s="25"/>
      <c r="VPW130" s="25"/>
      <c r="VPX130" s="25"/>
      <c r="VPY130" s="25"/>
      <c r="VPZ130" s="25"/>
      <c r="VQA130" s="25"/>
      <c r="VQB130" s="25"/>
      <c r="VQC130" s="25"/>
      <c r="VQD130" s="25"/>
      <c r="VQE130" s="25"/>
      <c r="VQF130" s="25"/>
      <c r="VQG130" s="25"/>
      <c r="VQH130" s="25"/>
      <c r="VQI130" s="25"/>
      <c r="VQJ130" s="25"/>
      <c r="VQK130" s="25"/>
      <c r="VQL130" s="25"/>
      <c r="VQM130" s="25"/>
      <c r="VQN130" s="25"/>
      <c r="VQO130" s="25"/>
      <c r="VQP130" s="25"/>
      <c r="VQQ130" s="25"/>
      <c r="VQR130" s="25"/>
      <c r="VQS130" s="25"/>
      <c r="VQT130" s="25"/>
      <c r="VQU130" s="25"/>
      <c r="VQV130" s="25"/>
      <c r="VQW130" s="25"/>
      <c r="VQX130" s="25"/>
      <c r="VQY130" s="25"/>
      <c r="VQZ130" s="25"/>
      <c r="VRA130" s="25"/>
      <c r="VRB130" s="25"/>
      <c r="VRC130" s="25"/>
      <c r="VRD130" s="25"/>
      <c r="VRE130" s="25"/>
      <c r="VRF130" s="25"/>
      <c r="VRG130" s="25"/>
      <c r="VRH130" s="25"/>
      <c r="VRI130" s="25"/>
      <c r="VRJ130" s="25"/>
      <c r="VRK130" s="25"/>
      <c r="VRL130" s="25"/>
      <c r="VRM130" s="25"/>
      <c r="VRN130" s="25"/>
      <c r="VRO130" s="25"/>
      <c r="VRP130" s="25"/>
      <c r="VRQ130" s="25"/>
      <c r="VRR130" s="25"/>
      <c r="VRS130" s="25"/>
      <c r="VRT130" s="25"/>
      <c r="VRU130" s="25"/>
      <c r="VRV130" s="25"/>
      <c r="VRW130" s="25"/>
      <c r="VRX130" s="25"/>
      <c r="VRY130" s="25"/>
      <c r="VRZ130" s="25"/>
      <c r="VSA130" s="25"/>
      <c r="VSB130" s="25"/>
      <c r="VSC130" s="25"/>
      <c r="VSD130" s="25"/>
      <c r="VSE130" s="25"/>
      <c r="VSF130" s="25"/>
      <c r="VSG130" s="25"/>
      <c r="VSH130" s="25"/>
      <c r="VSI130" s="25"/>
      <c r="VSJ130" s="25"/>
      <c r="VSK130" s="25"/>
      <c r="VSL130" s="25"/>
      <c r="VSM130" s="25"/>
      <c r="VSN130" s="25"/>
      <c r="VSO130" s="25"/>
      <c r="VSP130" s="25"/>
      <c r="VSQ130" s="25"/>
      <c r="VSR130" s="25"/>
      <c r="VSS130" s="25"/>
      <c r="VST130" s="25"/>
      <c r="VSU130" s="25"/>
      <c r="VSV130" s="25"/>
      <c r="VSW130" s="25"/>
      <c r="VSX130" s="25"/>
      <c r="VSY130" s="25"/>
      <c r="VSZ130" s="25"/>
      <c r="VTA130" s="25"/>
      <c r="VTB130" s="25"/>
      <c r="VTC130" s="25"/>
      <c r="VTD130" s="25"/>
      <c r="VTE130" s="25"/>
      <c r="VTF130" s="25"/>
      <c r="VTG130" s="25"/>
      <c r="VTH130" s="25"/>
      <c r="VTI130" s="25"/>
      <c r="VTJ130" s="25"/>
      <c r="VTK130" s="25"/>
      <c r="VTL130" s="25"/>
      <c r="VTM130" s="25"/>
      <c r="VTN130" s="25"/>
      <c r="VTO130" s="25"/>
      <c r="VTP130" s="25"/>
      <c r="VTQ130" s="25"/>
      <c r="VTR130" s="25"/>
      <c r="VTS130" s="25"/>
      <c r="VTT130" s="25"/>
      <c r="VTU130" s="25"/>
      <c r="VTV130" s="25"/>
      <c r="VTW130" s="25"/>
      <c r="VTX130" s="25"/>
      <c r="VTY130" s="25"/>
      <c r="VTZ130" s="25"/>
      <c r="VUA130" s="25"/>
      <c r="VUB130" s="25"/>
      <c r="VUC130" s="25"/>
      <c r="VUD130" s="25"/>
      <c r="VUE130" s="25"/>
      <c r="VUF130" s="25"/>
      <c r="VUG130" s="25"/>
      <c r="VUH130" s="25"/>
      <c r="VUI130" s="25"/>
      <c r="VUJ130" s="25"/>
      <c r="VUK130" s="25"/>
      <c r="VUL130" s="25"/>
      <c r="VUM130" s="25"/>
      <c r="VUN130" s="25"/>
      <c r="VUO130" s="25"/>
      <c r="VUP130" s="25"/>
      <c r="VUQ130" s="25"/>
      <c r="VUR130" s="25"/>
      <c r="VUS130" s="25"/>
      <c r="VUT130" s="25"/>
      <c r="VUU130" s="25"/>
      <c r="VUV130" s="25"/>
      <c r="VUW130" s="25"/>
      <c r="VUX130" s="25"/>
      <c r="VUY130" s="25"/>
      <c r="VUZ130" s="25"/>
      <c r="VVA130" s="25"/>
      <c r="VVB130" s="25"/>
      <c r="VVC130" s="25"/>
      <c r="VVD130" s="25"/>
      <c r="VVE130" s="25"/>
      <c r="VVF130" s="25"/>
      <c r="VVG130" s="25"/>
      <c r="VVH130" s="25"/>
      <c r="VVI130" s="25"/>
      <c r="VVJ130" s="25"/>
      <c r="VVK130" s="25"/>
      <c r="VVL130" s="25"/>
      <c r="VVM130" s="25"/>
      <c r="VVN130" s="25"/>
      <c r="VVO130" s="25"/>
      <c r="VVP130" s="25"/>
      <c r="VVQ130" s="25"/>
      <c r="VVR130" s="25"/>
      <c r="VVS130" s="25"/>
      <c r="VVT130" s="25"/>
      <c r="VVU130" s="25"/>
      <c r="VVV130" s="25"/>
      <c r="VVW130" s="25"/>
      <c r="VVX130" s="25"/>
      <c r="VVY130" s="25"/>
      <c r="VVZ130" s="25"/>
      <c r="VWA130" s="25"/>
      <c r="VWB130" s="25"/>
      <c r="VWC130" s="25"/>
      <c r="VWD130" s="25"/>
      <c r="VWE130" s="25"/>
      <c r="VWF130" s="25"/>
      <c r="VWG130" s="25"/>
      <c r="VWH130" s="25"/>
      <c r="VWI130" s="25"/>
      <c r="VWJ130" s="25"/>
      <c r="VWK130" s="25"/>
      <c r="VWL130" s="25"/>
      <c r="VWM130" s="25"/>
      <c r="VWN130" s="25"/>
      <c r="VWO130" s="25"/>
      <c r="VWP130" s="25"/>
      <c r="VWQ130" s="25"/>
      <c r="VWR130" s="25"/>
      <c r="VWS130" s="25"/>
      <c r="VWT130" s="25"/>
      <c r="VWU130" s="25"/>
      <c r="VWV130" s="25"/>
      <c r="VWW130" s="25"/>
      <c r="VWX130" s="25"/>
      <c r="VWY130" s="25"/>
      <c r="VWZ130" s="25"/>
      <c r="VXA130" s="25"/>
      <c r="VXB130" s="25"/>
      <c r="VXC130" s="25"/>
      <c r="VXD130" s="25"/>
      <c r="VXE130" s="25"/>
      <c r="VXF130" s="25"/>
      <c r="VXG130" s="25"/>
      <c r="VXH130" s="25"/>
      <c r="VXI130" s="25"/>
      <c r="VXJ130" s="25"/>
      <c r="VXK130" s="25"/>
      <c r="VXL130" s="25"/>
      <c r="VXM130" s="25"/>
      <c r="VXN130" s="25"/>
      <c r="VXO130" s="25"/>
      <c r="VXP130" s="25"/>
      <c r="VXQ130" s="25"/>
      <c r="VXR130" s="25"/>
      <c r="VXS130" s="25"/>
      <c r="VXT130" s="25"/>
      <c r="VXU130" s="25"/>
      <c r="VXV130" s="25"/>
      <c r="VXW130" s="25"/>
      <c r="VXX130" s="25"/>
      <c r="VXY130" s="25"/>
      <c r="VXZ130" s="25"/>
      <c r="VYA130" s="25"/>
      <c r="VYB130" s="25"/>
      <c r="VYC130" s="25"/>
      <c r="VYD130" s="25"/>
      <c r="VYE130" s="25"/>
      <c r="VYF130" s="25"/>
      <c r="VYG130" s="25"/>
      <c r="VYH130" s="25"/>
      <c r="VYI130" s="25"/>
      <c r="VYJ130" s="25"/>
      <c r="VYK130" s="25"/>
      <c r="VYL130" s="25"/>
      <c r="VYM130" s="25"/>
      <c r="VYN130" s="25"/>
      <c r="VYO130" s="25"/>
      <c r="VYP130" s="25"/>
      <c r="VYQ130" s="25"/>
      <c r="VYR130" s="25"/>
      <c r="VYS130" s="25"/>
      <c r="VYT130" s="25"/>
      <c r="VYU130" s="25"/>
      <c r="VYV130" s="25"/>
      <c r="VYW130" s="25"/>
      <c r="VYX130" s="25"/>
      <c r="VYY130" s="25"/>
      <c r="VYZ130" s="25"/>
      <c r="VZA130" s="25"/>
      <c r="VZB130" s="25"/>
      <c r="VZC130" s="25"/>
      <c r="VZD130" s="25"/>
      <c r="VZE130" s="25"/>
      <c r="VZF130" s="25"/>
      <c r="VZG130" s="25"/>
      <c r="VZH130" s="25"/>
      <c r="VZI130" s="25"/>
      <c r="VZJ130" s="25"/>
      <c r="VZK130" s="25"/>
      <c r="VZL130" s="25"/>
      <c r="VZM130" s="25"/>
      <c r="VZN130" s="25"/>
      <c r="VZO130" s="25"/>
      <c r="VZP130" s="25"/>
      <c r="VZQ130" s="25"/>
      <c r="VZR130" s="25"/>
      <c r="VZS130" s="25"/>
      <c r="VZT130" s="25"/>
      <c r="VZU130" s="25"/>
      <c r="VZV130" s="25"/>
      <c r="VZW130" s="25"/>
      <c r="VZX130" s="25"/>
      <c r="VZY130" s="25"/>
      <c r="VZZ130" s="25"/>
      <c r="WAA130" s="25"/>
      <c r="WAB130" s="25"/>
      <c r="WAC130" s="25"/>
      <c r="WAD130" s="25"/>
      <c r="WAE130" s="25"/>
      <c r="WAF130" s="25"/>
      <c r="WAG130" s="25"/>
      <c r="WAH130" s="25"/>
      <c r="WAI130" s="25"/>
      <c r="WAJ130" s="25"/>
      <c r="WAK130" s="25"/>
      <c r="WAL130" s="25"/>
      <c r="WAM130" s="25"/>
      <c r="WAN130" s="25"/>
      <c r="WAO130" s="25"/>
      <c r="WAP130" s="25"/>
      <c r="WAQ130" s="25"/>
      <c r="WAR130" s="25"/>
      <c r="WAS130" s="25"/>
      <c r="WAT130" s="25"/>
      <c r="WAU130" s="25"/>
      <c r="WAV130" s="25"/>
      <c r="WAW130" s="25"/>
      <c r="WAX130" s="25"/>
      <c r="WAY130" s="25"/>
      <c r="WAZ130" s="25"/>
      <c r="WBA130" s="25"/>
      <c r="WBB130" s="25"/>
      <c r="WBC130" s="25"/>
      <c r="WBD130" s="25"/>
      <c r="WBE130" s="25"/>
      <c r="WBF130" s="25"/>
      <c r="WBG130" s="25"/>
      <c r="WBH130" s="25"/>
      <c r="WBI130" s="25"/>
      <c r="WBJ130" s="25"/>
      <c r="WBK130" s="25"/>
      <c r="WBL130" s="25"/>
      <c r="WBM130" s="25"/>
      <c r="WBN130" s="25"/>
      <c r="WBO130" s="25"/>
      <c r="WBP130" s="25"/>
      <c r="WBQ130" s="25"/>
      <c r="WBR130" s="25"/>
      <c r="WBS130" s="25"/>
      <c r="WBT130" s="25"/>
      <c r="WBU130" s="25"/>
      <c r="WBV130" s="25"/>
      <c r="WBW130" s="25"/>
      <c r="WBX130" s="25"/>
      <c r="WBY130" s="25"/>
      <c r="WBZ130" s="25"/>
      <c r="WCA130" s="25"/>
      <c r="WCB130" s="25"/>
      <c r="WCC130" s="25"/>
      <c r="WCD130" s="25"/>
      <c r="WCE130" s="25"/>
      <c r="WCF130" s="25"/>
      <c r="WCG130" s="25"/>
      <c r="WCH130" s="25"/>
      <c r="WCI130" s="25"/>
      <c r="WCJ130" s="25"/>
      <c r="WCK130" s="25"/>
      <c r="WCL130" s="25"/>
      <c r="WCM130" s="25"/>
      <c r="WCN130" s="25"/>
      <c r="WCO130" s="25"/>
      <c r="WCP130" s="25"/>
      <c r="WCQ130" s="25"/>
      <c r="WCR130" s="25"/>
      <c r="WCS130" s="25"/>
      <c r="WCT130" s="25"/>
      <c r="WCU130" s="25"/>
      <c r="WCV130" s="25"/>
      <c r="WCW130" s="25"/>
      <c r="WCX130" s="25"/>
      <c r="WCY130" s="25"/>
      <c r="WCZ130" s="25"/>
      <c r="WDA130" s="25"/>
      <c r="WDB130" s="25"/>
      <c r="WDC130" s="25"/>
      <c r="WDD130" s="25"/>
      <c r="WDE130" s="25"/>
      <c r="WDF130" s="25"/>
      <c r="WDG130" s="25"/>
      <c r="WDH130" s="25"/>
      <c r="WDI130" s="25"/>
      <c r="WDJ130" s="25"/>
      <c r="WDK130" s="25"/>
      <c r="WDL130" s="25"/>
      <c r="WDM130" s="25"/>
      <c r="WDN130" s="25"/>
      <c r="WDO130" s="25"/>
      <c r="WDP130" s="25"/>
      <c r="WDQ130" s="25"/>
      <c r="WDR130" s="25"/>
      <c r="WDS130" s="25"/>
      <c r="WDT130" s="25"/>
      <c r="WDU130" s="25"/>
      <c r="WDV130" s="25"/>
      <c r="WDW130" s="25"/>
      <c r="WDX130" s="25"/>
      <c r="WDY130" s="25"/>
      <c r="WDZ130" s="25"/>
      <c r="WEA130" s="25"/>
      <c r="WEB130" s="25"/>
      <c r="WEC130" s="25"/>
      <c r="WED130" s="25"/>
      <c r="WEE130" s="25"/>
      <c r="WEF130" s="25"/>
      <c r="WEG130" s="25"/>
      <c r="WEH130" s="25"/>
      <c r="WEI130" s="25"/>
      <c r="WEJ130" s="25"/>
      <c r="WEK130" s="25"/>
      <c r="WEL130" s="25"/>
      <c r="WEM130" s="25"/>
      <c r="WEN130" s="25"/>
      <c r="WEO130" s="25"/>
      <c r="WEP130" s="25"/>
      <c r="WEQ130" s="25"/>
      <c r="WER130" s="25"/>
      <c r="WES130" s="25"/>
      <c r="WET130" s="25"/>
      <c r="WEU130" s="25"/>
      <c r="WEV130" s="25"/>
      <c r="WEW130" s="25"/>
      <c r="WEX130" s="25"/>
      <c r="WEY130" s="25"/>
      <c r="WEZ130" s="25"/>
      <c r="WFA130" s="25"/>
      <c r="WFB130" s="25"/>
      <c r="WFC130" s="25"/>
      <c r="WFD130" s="25"/>
      <c r="WFE130" s="25"/>
      <c r="WFF130" s="25"/>
      <c r="WFG130" s="25"/>
      <c r="WFH130" s="25"/>
      <c r="WFI130" s="25"/>
      <c r="WFJ130" s="25"/>
      <c r="WFK130" s="25"/>
      <c r="WFL130" s="25"/>
      <c r="WFM130" s="25"/>
      <c r="WFN130" s="25"/>
      <c r="WFO130" s="25"/>
      <c r="WFP130" s="25"/>
      <c r="WFQ130" s="25"/>
      <c r="WFR130" s="25"/>
      <c r="WFS130" s="25"/>
      <c r="WFT130" s="25"/>
      <c r="WFU130" s="25"/>
      <c r="WFV130" s="25"/>
      <c r="WFW130" s="25"/>
      <c r="WFX130" s="25"/>
      <c r="WFY130" s="25"/>
      <c r="WFZ130" s="25"/>
      <c r="WGA130" s="25"/>
      <c r="WGB130" s="25"/>
      <c r="WGC130" s="25"/>
      <c r="WGD130" s="25"/>
      <c r="WGE130" s="25"/>
      <c r="WGF130" s="25"/>
      <c r="WGG130" s="25"/>
      <c r="WGH130" s="25"/>
      <c r="WGI130" s="25"/>
      <c r="WGJ130" s="25"/>
      <c r="WGK130" s="25"/>
      <c r="WGL130" s="25"/>
      <c r="WGM130" s="25"/>
      <c r="WGN130" s="25"/>
      <c r="WGO130" s="25"/>
      <c r="WGP130" s="25"/>
      <c r="WGQ130" s="25"/>
      <c r="WGR130" s="25"/>
      <c r="WGS130" s="25"/>
      <c r="WGT130" s="25"/>
      <c r="WGU130" s="25"/>
      <c r="WGV130" s="25"/>
      <c r="WGW130" s="25"/>
      <c r="WGX130" s="25"/>
      <c r="WGY130" s="25"/>
      <c r="WGZ130" s="25"/>
      <c r="WHA130" s="25"/>
      <c r="WHB130" s="25"/>
      <c r="WHC130" s="25"/>
      <c r="WHD130" s="25"/>
      <c r="WHE130" s="25"/>
      <c r="WHF130" s="25"/>
      <c r="WHG130" s="25"/>
      <c r="WHH130" s="25"/>
      <c r="WHI130" s="25"/>
      <c r="WHJ130" s="25"/>
      <c r="WHK130" s="25"/>
      <c r="WHL130" s="25"/>
      <c r="WHM130" s="25"/>
      <c r="WHN130" s="25"/>
      <c r="WHO130" s="25"/>
      <c r="WHP130" s="25"/>
      <c r="WHQ130" s="25"/>
      <c r="WHR130" s="25"/>
      <c r="WHS130" s="25"/>
      <c r="WHT130" s="25"/>
      <c r="WHU130" s="25"/>
      <c r="WHV130" s="25"/>
      <c r="WHW130" s="25"/>
      <c r="WHX130" s="25"/>
      <c r="WHY130" s="25"/>
      <c r="WHZ130" s="25"/>
      <c r="WIA130" s="25"/>
      <c r="WIB130" s="25"/>
      <c r="WIC130" s="25"/>
      <c r="WID130" s="25"/>
      <c r="WIE130" s="25"/>
      <c r="WIF130" s="25"/>
      <c r="WIG130" s="25"/>
      <c r="WIH130" s="25"/>
      <c r="WII130" s="25"/>
      <c r="WIJ130" s="25"/>
      <c r="WIK130" s="25"/>
      <c r="WIL130" s="25"/>
      <c r="WIM130" s="25"/>
      <c r="WIN130" s="25"/>
      <c r="WIO130" s="25"/>
      <c r="WIP130" s="25"/>
      <c r="WIQ130" s="25"/>
      <c r="WIR130" s="25"/>
      <c r="WIS130" s="25"/>
      <c r="WIT130" s="25"/>
      <c r="WIU130" s="25"/>
      <c r="WIV130" s="25"/>
      <c r="WIW130" s="25"/>
      <c r="WIX130" s="25"/>
      <c r="WIY130" s="25"/>
      <c r="WIZ130" s="25"/>
      <c r="WJA130" s="25"/>
      <c r="WJB130" s="25"/>
      <c r="WJC130" s="25"/>
      <c r="WJD130" s="25"/>
      <c r="WJE130" s="25"/>
      <c r="WJF130" s="25"/>
      <c r="WJG130" s="25"/>
      <c r="WJH130" s="25"/>
      <c r="WJI130" s="25"/>
      <c r="WJJ130" s="25"/>
      <c r="WJK130" s="25"/>
      <c r="WJL130" s="25"/>
      <c r="WJM130" s="25"/>
      <c r="WJN130" s="25"/>
      <c r="WJO130" s="25"/>
      <c r="WJP130" s="25"/>
      <c r="WJQ130" s="25"/>
      <c r="WJR130" s="25"/>
      <c r="WJS130" s="25"/>
      <c r="WJT130" s="25"/>
      <c r="WJU130" s="25"/>
      <c r="WJV130" s="25"/>
      <c r="WJW130" s="25"/>
      <c r="WJX130" s="25"/>
      <c r="WJY130" s="25"/>
      <c r="WJZ130" s="25"/>
      <c r="WKA130" s="25"/>
      <c r="WKB130" s="25"/>
      <c r="WKC130" s="25"/>
      <c r="WKD130" s="25"/>
      <c r="WKE130" s="25"/>
      <c r="WKF130" s="25"/>
      <c r="WKG130" s="25"/>
      <c r="WKH130" s="25"/>
      <c r="WKI130" s="25"/>
      <c r="WKJ130" s="25"/>
      <c r="WKK130" s="25"/>
      <c r="WKL130" s="25"/>
      <c r="WKM130" s="25"/>
      <c r="WKN130" s="25"/>
      <c r="WKO130" s="25"/>
      <c r="WKP130" s="25"/>
      <c r="WKQ130" s="25"/>
      <c r="WKR130" s="25"/>
      <c r="WKS130" s="25"/>
      <c r="WKT130" s="25"/>
      <c r="WKU130" s="25"/>
      <c r="WKV130" s="25"/>
      <c r="WKW130" s="25"/>
      <c r="WKX130" s="25"/>
      <c r="WKY130" s="25"/>
      <c r="WKZ130" s="25"/>
      <c r="WLA130" s="25"/>
      <c r="WLB130" s="25"/>
      <c r="WLC130" s="25"/>
      <c r="WLD130" s="25"/>
      <c r="WLE130" s="25"/>
      <c r="WLF130" s="25"/>
      <c r="WLG130" s="25"/>
      <c r="WLH130" s="25"/>
      <c r="WLI130" s="25"/>
      <c r="WLJ130" s="25"/>
      <c r="WLK130" s="25"/>
      <c r="WLL130" s="25"/>
      <c r="WLM130" s="25"/>
      <c r="WLN130" s="25"/>
      <c r="WLO130" s="25"/>
      <c r="WLP130" s="25"/>
      <c r="WLQ130" s="25"/>
      <c r="WLR130" s="25"/>
      <c r="WLS130" s="25"/>
      <c r="WLT130" s="25"/>
      <c r="WLU130" s="25"/>
      <c r="WLV130" s="25"/>
      <c r="WLW130" s="25"/>
      <c r="WLX130" s="25"/>
      <c r="WLY130" s="25"/>
      <c r="WLZ130" s="25"/>
      <c r="WMA130" s="25"/>
      <c r="WMB130" s="25"/>
      <c r="WMC130" s="25"/>
      <c r="WMD130" s="25"/>
      <c r="WME130" s="25"/>
      <c r="WMF130" s="25"/>
      <c r="WMG130" s="25"/>
      <c r="WMH130" s="25"/>
      <c r="WMI130" s="25"/>
      <c r="WMJ130" s="25"/>
      <c r="WMK130" s="25"/>
      <c r="WML130" s="25"/>
      <c r="WMM130" s="25"/>
      <c r="WMN130" s="25"/>
      <c r="WMO130" s="25"/>
      <c r="WMP130" s="25"/>
      <c r="WMQ130" s="25"/>
      <c r="WMR130" s="25"/>
      <c r="WMS130" s="25"/>
      <c r="WMT130" s="25"/>
      <c r="WMU130" s="25"/>
      <c r="WMV130" s="25"/>
      <c r="WMW130" s="25"/>
      <c r="WMX130" s="25"/>
      <c r="WMY130" s="25"/>
      <c r="WMZ130" s="25"/>
      <c r="WNA130" s="25"/>
      <c r="WNB130" s="25"/>
      <c r="WNC130" s="25"/>
      <c r="WND130" s="25"/>
      <c r="WNE130" s="25"/>
      <c r="WNF130" s="25"/>
      <c r="WNG130" s="25"/>
      <c r="WNH130" s="25"/>
      <c r="WNI130" s="25"/>
      <c r="WNJ130" s="25"/>
      <c r="WNK130" s="25"/>
      <c r="WNL130" s="25"/>
      <c r="WNM130" s="25"/>
      <c r="WNN130" s="25"/>
      <c r="WNO130" s="25"/>
      <c r="WNP130" s="25"/>
      <c r="WNQ130" s="25"/>
      <c r="WNR130" s="25"/>
      <c r="WNS130" s="25"/>
      <c r="WNT130" s="25"/>
      <c r="WNU130" s="25"/>
      <c r="WNV130" s="25"/>
      <c r="WNW130" s="25"/>
      <c r="WNX130" s="25"/>
      <c r="WNY130" s="25"/>
      <c r="WNZ130" s="25"/>
      <c r="WOA130" s="25"/>
      <c r="WOB130" s="25"/>
      <c r="WOC130" s="25"/>
      <c r="WOD130" s="25"/>
      <c r="WOE130" s="25"/>
      <c r="WOF130" s="25"/>
      <c r="WOG130" s="25"/>
      <c r="WOH130" s="25"/>
      <c r="WOI130" s="25"/>
      <c r="WOJ130" s="25"/>
      <c r="WOK130" s="25"/>
      <c r="WOL130" s="25"/>
      <c r="WOM130" s="25"/>
      <c r="WON130" s="25"/>
      <c r="WOO130" s="25"/>
      <c r="WOP130" s="25"/>
      <c r="WOQ130" s="25"/>
      <c r="WOR130" s="25"/>
      <c r="WOS130" s="25"/>
      <c r="WOT130" s="25"/>
      <c r="WOU130" s="25"/>
      <c r="WOV130" s="25"/>
      <c r="WOW130" s="25"/>
      <c r="WOX130" s="25"/>
      <c r="WOY130" s="25"/>
      <c r="WOZ130" s="25"/>
      <c r="WPA130" s="25"/>
      <c r="WPB130" s="25"/>
      <c r="WPC130" s="25"/>
      <c r="WPD130" s="25"/>
      <c r="WPE130" s="25"/>
      <c r="WPF130" s="25"/>
      <c r="WPG130" s="25"/>
      <c r="WPH130" s="25"/>
      <c r="WPI130" s="25"/>
      <c r="WPJ130" s="25"/>
      <c r="WPK130" s="25"/>
      <c r="WPL130" s="25"/>
      <c r="WPM130" s="25"/>
      <c r="WPN130" s="25"/>
      <c r="WPO130" s="25"/>
      <c r="WPP130" s="25"/>
      <c r="WPQ130" s="25"/>
      <c r="WPR130" s="25"/>
      <c r="WPS130" s="25"/>
      <c r="WPT130" s="25"/>
      <c r="WPU130" s="25"/>
      <c r="WPV130" s="25"/>
      <c r="WPW130" s="25"/>
      <c r="WPX130" s="25"/>
      <c r="WPY130" s="25"/>
      <c r="WPZ130" s="25"/>
      <c r="WQA130" s="25"/>
      <c r="WQB130" s="25"/>
      <c r="WQC130" s="25"/>
      <c r="WQD130" s="25"/>
      <c r="WQE130" s="25"/>
      <c r="WQF130" s="25"/>
      <c r="WQG130" s="25"/>
      <c r="WQH130" s="25"/>
      <c r="WQI130" s="25"/>
      <c r="WQJ130" s="25"/>
      <c r="WQK130" s="25"/>
      <c r="WQL130" s="25"/>
      <c r="WQM130" s="25"/>
      <c r="WQN130" s="25"/>
      <c r="WQO130" s="25"/>
      <c r="WQP130" s="25"/>
      <c r="WQQ130" s="25"/>
      <c r="WQR130" s="25"/>
      <c r="WQS130" s="25"/>
      <c r="WQT130" s="25"/>
      <c r="WQU130" s="25"/>
      <c r="WQV130" s="25"/>
      <c r="WQW130" s="25"/>
      <c r="WQX130" s="25"/>
      <c r="WQY130" s="25"/>
      <c r="WQZ130" s="25"/>
      <c r="WRA130" s="25"/>
      <c r="WRB130" s="25"/>
      <c r="WRC130" s="25"/>
      <c r="WRD130" s="25"/>
      <c r="WRE130" s="25"/>
      <c r="WRF130" s="25"/>
      <c r="WRG130" s="25"/>
      <c r="WRH130" s="25"/>
      <c r="WRI130" s="25"/>
      <c r="WRJ130" s="25"/>
      <c r="WRK130" s="25"/>
      <c r="WRL130" s="25"/>
      <c r="WRM130" s="25"/>
      <c r="WRN130" s="25"/>
      <c r="WRO130" s="25"/>
      <c r="WRP130" s="25"/>
      <c r="WRQ130" s="25"/>
      <c r="WRR130" s="25"/>
      <c r="WRS130" s="25"/>
      <c r="WRT130" s="25"/>
      <c r="WRU130" s="25"/>
      <c r="WRV130" s="25"/>
      <c r="WRW130" s="25"/>
      <c r="WRX130" s="25"/>
      <c r="WRY130" s="25"/>
      <c r="WRZ130" s="25"/>
      <c r="WSA130" s="25"/>
      <c r="WSB130" s="25"/>
      <c r="WSC130" s="25"/>
      <c r="WSD130" s="25"/>
      <c r="WSE130" s="25"/>
      <c r="WSF130" s="25"/>
      <c r="WSG130" s="25"/>
      <c r="WSH130" s="25"/>
      <c r="WSI130" s="25"/>
      <c r="WSJ130" s="25"/>
      <c r="WSK130" s="25"/>
      <c r="WSL130" s="25"/>
      <c r="WSM130" s="25"/>
      <c r="WSN130" s="25"/>
      <c r="WSO130" s="25"/>
      <c r="WSP130" s="25"/>
      <c r="WSQ130" s="25"/>
      <c r="WSR130" s="25"/>
      <c r="WSS130" s="25"/>
      <c r="WST130" s="25"/>
      <c r="WSU130" s="25"/>
      <c r="WSV130" s="25"/>
      <c r="WSW130" s="25"/>
      <c r="WSX130" s="25"/>
      <c r="WSY130" s="25"/>
      <c r="WSZ130" s="25"/>
      <c r="WTA130" s="25"/>
      <c r="WTB130" s="25"/>
      <c r="WTC130" s="25"/>
      <c r="WTD130" s="25"/>
      <c r="WTE130" s="25"/>
      <c r="WTF130" s="25"/>
      <c r="WTG130" s="25"/>
      <c r="WTH130" s="25"/>
      <c r="WTI130" s="25"/>
      <c r="WTJ130" s="25"/>
      <c r="WTK130" s="25"/>
      <c r="WTL130" s="25"/>
      <c r="WTM130" s="25"/>
      <c r="WTN130" s="25"/>
      <c r="WTO130" s="25"/>
      <c r="WTP130" s="25"/>
      <c r="WTQ130" s="25"/>
      <c r="WTR130" s="25"/>
      <c r="WTS130" s="25"/>
      <c r="WTT130" s="25"/>
      <c r="WTU130" s="25"/>
      <c r="WTV130" s="25"/>
      <c r="WTW130" s="25"/>
      <c r="WTX130" s="25"/>
      <c r="WTY130" s="25"/>
      <c r="WTZ130" s="25"/>
      <c r="WUA130" s="25"/>
      <c r="WUB130" s="25"/>
      <c r="WUC130" s="25"/>
      <c r="WUD130" s="25"/>
      <c r="WUE130" s="25"/>
      <c r="WUF130" s="25"/>
      <c r="WUG130" s="25"/>
      <c r="WUH130" s="25"/>
      <c r="WUI130" s="25"/>
      <c r="WUJ130" s="25"/>
      <c r="WUK130" s="25"/>
      <c r="WUL130" s="25"/>
      <c r="WUM130" s="25"/>
      <c r="WUN130" s="25"/>
      <c r="WUO130" s="25"/>
      <c r="WUP130" s="25"/>
      <c r="WUQ130" s="25"/>
      <c r="WUR130" s="25"/>
      <c r="WUS130" s="25"/>
      <c r="WUT130" s="25"/>
      <c r="WUU130" s="25"/>
      <c r="WUV130" s="25"/>
      <c r="WUW130" s="25"/>
      <c r="WUX130" s="25"/>
      <c r="WUY130" s="25"/>
      <c r="WUZ130" s="25"/>
      <c r="WVA130" s="25"/>
      <c r="WVB130" s="25"/>
      <c r="WVC130" s="25"/>
      <c r="WVD130" s="25"/>
      <c r="WVE130" s="25"/>
      <c r="WVF130" s="25"/>
      <c r="WVG130" s="25"/>
      <c r="WVH130" s="25"/>
      <c r="WVI130" s="25"/>
      <c r="WVJ130" s="25"/>
      <c r="WVK130" s="25"/>
      <c r="WVL130" s="25"/>
      <c r="WVM130" s="25"/>
      <c r="WVN130" s="25"/>
      <c r="WVO130" s="25"/>
      <c r="WVP130" s="25"/>
      <c r="WVQ130" s="25"/>
      <c r="WVR130" s="25"/>
      <c r="WVS130" s="25"/>
      <c r="WVT130" s="25"/>
      <c r="WVU130" s="25"/>
      <c r="WVV130" s="25"/>
      <c r="WVW130" s="25"/>
      <c r="WVX130" s="25"/>
      <c r="WVY130" s="25"/>
      <c r="WVZ130" s="25"/>
      <c r="WWA130" s="25"/>
      <c r="WWB130" s="25"/>
      <c r="WWC130" s="25"/>
      <c r="WWD130" s="25"/>
      <c r="WWE130" s="25"/>
      <c r="WWF130" s="25"/>
      <c r="WWG130" s="25"/>
      <c r="WWH130" s="25"/>
      <c r="WWI130" s="25"/>
      <c r="WWJ130" s="25"/>
      <c r="WWK130" s="25"/>
      <c r="WWL130" s="25"/>
      <c r="WWM130" s="25"/>
      <c r="WWN130" s="25"/>
      <c r="WWO130" s="25"/>
      <c r="WWP130" s="25"/>
      <c r="WWQ130" s="25"/>
      <c r="WWR130" s="25"/>
      <c r="WWS130" s="25"/>
      <c r="WWT130" s="25"/>
      <c r="WWU130" s="25"/>
      <c r="WWV130" s="25"/>
      <c r="WWW130" s="25"/>
      <c r="WWX130" s="25"/>
      <c r="WWY130" s="25"/>
      <c r="WWZ130" s="25"/>
      <c r="WXA130" s="25"/>
      <c r="WXB130" s="25"/>
      <c r="WXC130" s="25"/>
      <c r="WXD130" s="25"/>
      <c r="WXE130" s="25"/>
      <c r="WXF130" s="25"/>
      <c r="WXG130" s="25"/>
      <c r="WXH130" s="25"/>
      <c r="WXI130" s="25"/>
      <c r="WXJ130" s="25"/>
      <c r="WXK130" s="25"/>
      <c r="WXL130" s="25"/>
      <c r="WXM130" s="25"/>
      <c r="WXN130" s="25"/>
      <c r="WXO130" s="25"/>
      <c r="WXP130" s="25"/>
      <c r="WXQ130" s="25"/>
      <c r="WXR130" s="25"/>
      <c r="WXS130" s="25"/>
      <c r="WXT130" s="25"/>
      <c r="WXU130" s="25"/>
      <c r="WXV130" s="25"/>
      <c r="WXW130" s="25"/>
      <c r="WXX130" s="25"/>
      <c r="WXY130" s="25"/>
      <c r="WXZ130" s="25"/>
      <c r="WYA130" s="25"/>
      <c r="WYB130" s="25"/>
      <c r="WYC130" s="25"/>
      <c r="WYD130" s="25"/>
      <c r="WYE130" s="25"/>
      <c r="WYF130" s="25"/>
      <c r="WYG130" s="25"/>
      <c r="WYH130" s="25"/>
      <c r="WYI130" s="25"/>
      <c r="WYJ130" s="25"/>
      <c r="WYK130" s="25"/>
      <c r="WYL130" s="25"/>
      <c r="WYM130" s="25"/>
      <c r="WYN130" s="25"/>
      <c r="WYO130" s="25"/>
      <c r="WYP130" s="25"/>
      <c r="WYQ130" s="25"/>
      <c r="WYR130" s="25"/>
      <c r="WYS130" s="25"/>
      <c r="WYT130" s="25"/>
      <c r="WYU130" s="25"/>
      <c r="WYV130" s="25"/>
      <c r="WYW130" s="25"/>
      <c r="WYX130" s="25"/>
      <c r="WYY130" s="25"/>
      <c r="WYZ130" s="25"/>
      <c r="WZA130" s="25"/>
      <c r="WZB130" s="25"/>
      <c r="WZC130" s="25"/>
      <c r="WZD130" s="25"/>
      <c r="WZE130" s="25"/>
      <c r="WZF130" s="25"/>
      <c r="WZG130" s="25"/>
      <c r="WZH130" s="25"/>
      <c r="WZI130" s="25"/>
      <c r="WZJ130" s="25"/>
      <c r="WZK130" s="25"/>
      <c r="WZL130" s="25"/>
      <c r="WZM130" s="25"/>
      <c r="WZN130" s="25"/>
      <c r="WZO130" s="25"/>
      <c r="WZP130" s="25"/>
      <c r="WZQ130" s="25"/>
      <c r="WZR130" s="25"/>
      <c r="WZS130" s="25"/>
      <c r="WZT130" s="25"/>
      <c r="WZU130" s="25"/>
      <c r="WZV130" s="25"/>
      <c r="WZW130" s="25"/>
      <c r="WZX130" s="25"/>
      <c r="WZY130" s="25"/>
      <c r="WZZ130" s="25"/>
      <c r="XAA130" s="25"/>
      <c r="XAB130" s="25"/>
      <c r="XAC130" s="25"/>
      <c r="XAD130" s="25"/>
      <c r="XAE130" s="25"/>
      <c r="XAF130" s="25"/>
      <c r="XAG130" s="25"/>
      <c r="XAH130" s="25"/>
      <c r="XAI130" s="25"/>
      <c r="XAJ130" s="25"/>
      <c r="XAK130" s="25"/>
      <c r="XAL130" s="25"/>
      <c r="XAM130" s="25"/>
      <c r="XAN130" s="25"/>
      <c r="XAO130" s="25"/>
      <c r="XAP130" s="25"/>
      <c r="XAQ130" s="25"/>
      <c r="XAR130" s="25"/>
      <c r="XAS130" s="25"/>
      <c r="XAT130" s="25"/>
      <c r="XAU130" s="25"/>
      <c r="XAV130" s="25"/>
      <c r="XAW130" s="25"/>
      <c r="XAX130" s="25"/>
      <c r="XAY130" s="25"/>
      <c r="XAZ130" s="25"/>
      <c r="XBA130" s="25"/>
      <c r="XBB130" s="25"/>
      <c r="XBC130" s="25"/>
      <c r="XBD130" s="25"/>
      <c r="XBE130" s="25"/>
      <c r="XBF130" s="25"/>
      <c r="XBG130" s="25"/>
      <c r="XBH130" s="25"/>
      <c r="XBI130" s="25"/>
      <c r="XBJ130" s="25"/>
      <c r="XBK130" s="25"/>
      <c r="XBL130" s="25"/>
      <c r="XBM130" s="25"/>
      <c r="XBN130" s="25"/>
      <c r="XBO130" s="25"/>
      <c r="XBP130" s="25"/>
      <c r="XBQ130" s="25"/>
      <c r="XBR130" s="25"/>
      <c r="XBS130" s="25"/>
      <c r="XBT130" s="25"/>
      <c r="XBU130" s="25"/>
      <c r="XBV130" s="25"/>
      <c r="XBW130" s="25"/>
      <c r="XBX130" s="25"/>
      <c r="XBY130" s="25"/>
      <c r="XBZ130" s="25"/>
      <c r="XCA130" s="25"/>
      <c r="XCB130" s="25"/>
      <c r="XCC130" s="25"/>
      <c r="XCD130" s="25"/>
      <c r="XCE130" s="25"/>
      <c r="XCF130" s="25"/>
      <c r="XCG130" s="25"/>
      <c r="XCH130" s="25"/>
      <c r="XCI130" s="25"/>
      <c r="XCJ130" s="25"/>
      <c r="XCK130" s="25"/>
      <c r="XCL130" s="25"/>
      <c r="XCM130" s="25"/>
      <c r="XCN130" s="25"/>
      <c r="XCO130" s="25"/>
      <c r="XCP130" s="25"/>
      <c r="XCQ130" s="25"/>
      <c r="XCR130" s="25"/>
      <c r="XCS130" s="25"/>
      <c r="XCT130" s="25"/>
      <c r="XCU130" s="25"/>
      <c r="XCV130" s="25"/>
      <c r="XCW130" s="25"/>
      <c r="XCX130" s="25"/>
      <c r="XCY130" s="25"/>
      <c r="XCZ130" s="25"/>
      <c r="XDA130" s="25"/>
      <c r="XDB130" s="25"/>
      <c r="XDC130" s="25"/>
      <c r="XDD130" s="25"/>
      <c r="XDE130" s="25"/>
      <c r="XDF130" s="25"/>
      <c r="XDG130" s="25"/>
      <c r="XDH130" s="25"/>
      <c r="XDI130" s="25"/>
      <c r="XDJ130" s="25"/>
      <c r="XDK130" s="25"/>
      <c r="XDL130" s="25"/>
      <c r="XDM130" s="25"/>
      <c r="XDN130" s="25"/>
      <c r="XDO130" s="25"/>
      <c r="XDP130" s="25"/>
      <c r="XDQ130" s="25"/>
      <c r="XDR130" s="25"/>
      <c r="XDS130" s="25"/>
      <c r="XDT130" s="25"/>
      <c r="XDU130" s="25"/>
      <c r="XDV130" s="25"/>
      <c r="XDW130" s="25"/>
      <c r="XDX130" s="25"/>
      <c r="XDY130" s="25"/>
      <c r="XDZ130" s="25"/>
      <c r="XEA130" s="25"/>
      <c r="XEB130" s="25"/>
      <c r="XEC130" s="25"/>
      <c r="XED130" s="25"/>
      <c r="XEE130" s="25"/>
      <c r="XEF130" s="25"/>
      <c r="XEG130" s="25"/>
      <c r="XEH130" s="25"/>
      <c r="XEI130" s="25"/>
      <c r="XEJ130" s="25"/>
      <c r="XEK130" s="25"/>
      <c r="XEL130" s="25"/>
      <c r="XEM130" s="25"/>
      <c r="XEN130" s="25"/>
      <c r="XEO130" s="25"/>
      <c r="XEP130" s="25"/>
      <c r="XEQ130" s="25"/>
    </row>
    <row r="131" spans="1:16371" s="27" customFormat="1" ht="32.4" x14ac:dyDescent="0.2">
      <c r="A131" s="8" t="s">
        <v>284</v>
      </c>
      <c r="B131" s="8" t="s">
        <v>373</v>
      </c>
      <c r="C131" s="8" t="s">
        <v>374</v>
      </c>
      <c r="D131" s="8" t="s">
        <v>375</v>
      </c>
      <c r="E131" s="8"/>
    </row>
    <row r="132" spans="1:16371" s="30" customFormat="1" ht="75.599999999999994" x14ac:dyDescent="0.2">
      <c r="A132" s="8" t="s">
        <v>284</v>
      </c>
      <c r="B132" s="8" t="s">
        <v>376</v>
      </c>
      <c r="C132" s="8" t="s">
        <v>377</v>
      </c>
      <c r="D132" s="8" t="s">
        <v>378</v>
      </c>
      <c r="E132" s="8"/>
    </row>
    <row r="133" spans="1:16371" s="30" customFormat="1" ht="108" x14ac:dyDescent="0.2">
      <c r="A133" s="8" t="s">
        <v>284</v>
      </c>
      <c r="B133" s="8" t="s">
        <v>379</v>
      </c>
      <c r="C133" s="8" t="s">
        <v>380</v>
      </c>
      <c r="D133" s="8" t="s">
        <v>381</v>
      </c>
      <c r="E133" s="8"/>
    </row>
    <row r="134" spans="1:16371" s="30" customFormat="1" ht="97.2" x14ac:dyDescent="0.2">
      <c r="A134" s="8" t="s">
        <v>284</v>
      </c>
      <c r="B134" s="8" t="s">
        <v>382</v>
      </c>
      <c r="C134" s="8" t="s">
        <v>383</v>
      </c>
      <c r="D134" s="8" t="s">
        <v>384</v>
      </c>
      <c r="E134" s="8"/>
    </row>
    <row r="135" spans="1:16371" s="30" customFormat="1" ht="172.8" x14ac:dyDescent="0.2">
      <c r="A135" s="8" t="s">
        <v>284</v>
      </c>
      <c r="B135" s="8" t="s">
        <v>385</v>
      </c>
      <c r="C135" s="8" t="s">
        <v>386</v>
      </c>
      <c r="D135" s="8" t="s">
        <v>387</v>
      </c>
      <c r="E135" s="8"/>
    </row>
    <row r="136" spans="1:16371" s="30" customFormat="1" ht="64.8" x14ac:dyDescent="0.2">
      <c r="A136" s="8" t="s">
        <v>284</v>
      </c>
      <c r="B136" s="8" t="s">
        <v>388</v>
      </c>
      <c r="C136" s="8" t="s">
        <v>389</v>
      </c>
      <c r="D136" s="8" t="s">
        <v>390</v>
      </c>
      <c r="E136" s="8"/>
    </row>
    <row r="137" spans="1:16371" s="30" customFormat="1" ht="32.4" x14ac:dyDescent="0.2">
      <c r="A137" s="8" t="s">
        <v>284</v>
      </c>
      <c r="B137" s="8" t="s">
        <v>391</v>
      </c>
      <c r="C137" s="8" t="s">
        <v>392</v>
      </c>
      <c r="D137" s="8" t="s">
        <v>393</v>
      </c>
      <c r="E137" s="8"/>
    </row>
    <row r="138" spans="1:16371" s="30" customFormat="1" ht="54" x14ac:dyDescent="0.2">
      <c r="A138" s="8" t="s">
        <v>284</v>
      </c>
      <c r="B138" s="8" t="s">
        <v>394</v>
      </c>
      <c r="C138" s="8" t="s">
        <v>395</v>
      </c>
      <c r="D138" s="8" t="s">
        <v>396</v>
      </c>
      <c r="E138" s="8"/>
    </row>
    <row r="139" spans="1:16371" s="30" customFormat="1" ht="75.599999999999994" x14ac:dyDescent="0.2">
      <c r="A139" s="8" t="s">
        <v>284</v>
      </c>
      <c r="B139" s="8" t="s">
        <v>397</v>
      </c>
      <c r="C139" s="8" t="s">
        <v>398</v>
      </c>
      <c r="D139" s="8" t="s">
        <v>399</v>
      </c>
      <c r="E139" s="8"/>
    </row>
    <row r="140" spans="1:16371" s="27" customFormat="1" ht="64.8" x14ac:dyDescent="0.2">
      <c r="A140" s="8" t="s">
        <v>400</v>
      </c>
      <c r="B140" s="8" t="s">
        <v>401</v>
      </c>
      <c r="C140" s="8" t="s">
        <v>402</v>
      </c>
      <c r="D140" s="8" t="s">
        <v>403</v>
      </c>
      <c r="E140" s="8" t="s">
        <v>404</v>
      </c>
    </row>
    <row r="141" spans="1:16371" s="16" customFormat="1" ht="21.6" x14ac:dyDescent="0.2">
      <c r="A141" s="3" t="s">
        <v>405</v>
      </c>
      <c r="B141" s="3" t="s">
        <v>406</v>
      </c>
      <c r="C141" s="4" t="s">
        <v>407</v>
      </c>
      <c r="D141" s="4" t="s">
        <v>408</v>
      </c>
      <c r="E141" s="3"/>
      <c r="F141" s="31"/>
    </row>
    <row r="142" spans="1:16371" s="16" customFormat="1" ht="32.4" x14ac:dyDescent="0.2">
      <c r="A142" s="3" t="s">
        <v>405</v>
      </c>
      <c r="B142" s="3" t="s">
        <v>406</v>
      </c>
      <c r="C142" s="4" t="s">
        <v>409</v>
      </c>
      <c r="D142" s="3" t="s">
        <v>410</v>
      </c>
      <c r="E142" s="3"/>
      <c r="F142" s="31"/>
    </row>
    <row r="143" spans="1:16371" s="32" customFormat="1" ht="43.2" x14ac:dyDescent="0.2">
      <c r="A143" s="3" t="s">
        <v>411</v>
      </c>
      <c r="B143" s="3" t="s">
        <v>412</v>
      </c>
      <c r="C143" s="4" t="s">
        <v>413</v>
      </c>
      <c r="D143" s="3" t="s">
        <v>414</v>
      </c>
      <c r="E143" s="3"/>
    </row>
    <row r="144" spans="1:16371" s="16" customFormat="1" ht="32.4" x14ac:dyDescent="0.2">
      <c r="A144" s="3" t="s">
        <v>405</v>
      </c>
      <c r="B144" s="3" t="s">
        <v>415</v>
      </c>
      <c r="C144" s="4" t="s">
        <v>416</v>
      </c>
      <c r="D144" s="3" t="s">
        <v>417</v>
      </c>
      <c r="E144" s="3"/>
      <c r="F144" s="31"/>
    </row>
    <row r="145" spans="1:6" s="16" customFormat="1" ht="32.4" x14ac:dyDescent="0.2">
      <c r="A145" s="3" t="s">
        <v>405</v>
      </c>
      <c r="B145" s="3" t="s">
        <v>415</v>
      </c>
      <c r="C145" s="4" t="s">
        <v>418</v>
      </c>
      <c r="D145" s="3" t="s">
        <v>417</v>
      </c>
      <c r="E145" s="3"/>
      <c r="F145" s="31"/>
    </row>
    <row r="146" spans="1:6" s="16" customFormat="1" ht="32.4" x14ac:dyDescent="0.2">
      <c r="A146" s="3" t="s">
        <v>405</v>
      </c>
      <c r="B146" s="3" t="s">
        <v>415</v>
      </c>
      <c r="C146" s="4" t="s">
        <v>419</v>
      </c>
      <c r="D146" s="3" t="s">
        <v>417</v>
      </c>
      <c r="E146" s="3"/>
      <c r="F146" s="31"/>
    </row>
    <row r="147" spans="1:6" s="32" customFormat="1" ht="32.4" x14ac:dyDescent="0.2">
      <c r="A147" s="3" t="s">
        <v>411</v>
      </c>
      <c r="B147" s="3" t="s">
        <v>420</v>
      </c>
      <c r="C147" s="4" t="s">
        <v>421</v>
      </c>
      <c r="D147" s="3" t="s">
        <v>422</v>
      </c>
      <c r="E147" s="3"/>
    </row>
    <row r="148" spans="1:6" s="32" customFormat="1" ht="32.4" x14ac:dyDescent="0.2">
      <c r="A148" s="3" t="s">
        <v>411</v>
      </c>
      <c r="B148" s="3" t="s">
        <v>420</v>
      </c>
      <c r="C148" s="4" t="s">
        <v>423</v>
      </c>
      <c r="D148" s="3" t="s">
        <v>422</v>
      </c>
      <c r="E148" s="3"/>
    </row>
    <row r="149" spans="1:6" s="16" customFormat="1" ht="54" x14ac:dyDescent="0.2">
      <c r="A149" s="3" t="s">
        <v>405</v>
      </c>
      <c r="B149" s="3" t="s">
        <v>424</v>
      </c>
      <c r="C149" s="3" t="s">
        <v>425</v>
      </c>
      <c r="D149" s="3" t="s">
        <v>426</v>
      </c>
      <c r="E149" s="3" t="s">
        <v>427</v>
      </c>
      <c r="F149" s="31"/>
    </row>
    <row r="150" spans="1:6" s="16" customFormat="1" ht="32.4" x14ac:dyDescent="0.2">
      <c r="A150" s="3" t="s">
        <v>405</v>
      </c>
      <c r="B150" s="3" t="s">
        <v>428</v>
      </c>
      <c r="C150" s="3" t="s">
        <v>429</v>
      </c>
      <c r="D150" s="3" t="s">
        <v>430</v>
      </c>
      <c r="E150" s="3"/>
      <c r="F150" s="31"/>
    </row>
    <row r="151" spans="1:6" s="16" customFormat="1" ht="75.599999999999994" x14ac:dyDescent="0.2">
      <c r="A151" s="3" t="s">
        <v>405</v>
      </c>
      <c r="B151" s="3" t="s">
        <v>1472</v>
      </c>
      <c r="C151" s="3" t="s">
        <v>431</v>
      </c>
      <c r="D151" s="3" t="s">
        <v>417</v>
      </c>
      <c r="E151" s="3"/>
      <c r="F151" s="31"/>
    </row>
    <row r="152" spans="1:6" s="32" customFormat="1" ht="75.599999999999994" x14ac:dyDescent="0.2">
      <c r="A152" s="3" t="s">
        <v>411</v>
      </c>
      <c r="B152" s="3" t="s">
        <v>432</v>
      </c>
      <c r="C152" s="3" t="s">
        <v>433</v>
      </c>
      <c r="D152" s="3" t="s">
        <v>422</v>
      </c>
      <c r="E152" s="3"/>
    </row>
    <row r="153" spans="1:6" s="16" customFormat="1" ht="32.4" x14ac:dyDescent="0.2">
      <c r="A153" s="3" t="s">
        <v>434</v>
      </c>
      <c r="B153" s="3" t="s">
        <v>435</v>
      </c>
      <c r="C153" s="4" t="s">
        <v>436</v>
      </c>
      <c r="D153" s="3" t="s">
        <v>437</v>
      </c>
      <c r="E153" s="3" t="s">
        <v>438</v>
      </c>
      <c r="F153" s="31"/>
    </row>
    <row r="154" spans="1:6" s="16" customFormat="1" ht="32.4" x14ac:dyDescent="0.2">
      <c r="A154" s="3" t="s">
        <v>434</v>
      </c>
      <c r="B154" s="3" t="s">
        <v>439</v>
      </c>
      <c r="C154" s="4" t="s">
        <v>440</v>
      </c>
      <c r="D154" s="3" t="s">
        <v>441</v>
      </c>
      <c r="E154" s="3"/>
      <c r="F154" s="31"/>
    </row>
    <row r="155" spans="1:6" s="16" customFormat="1" ht="32.4" x14ac:dyDescent="0.2">
      <c r="A155" s="3" t="s">
        <v>434</v>
      </c>
      <c r="B155" s="3" t="s">
        <v>442</v>
      </c>
      <c r="C155" s="4" t="s">
        <v>443</v>
      </c>
      <c r="D155" s="3" t="s">
        <v>1473</v>
      </c>
      <c r="E155" s="3" t="s">
        <v>1474</v>
      </c>
      <c r="F155" s="31"/>
    </row>
    <row r="156" spans="1:6" s="16" customFormat="1" ht="64.8" x14ac:dyDescent="0.2">
      <c r="A156" s="3" t="s">
        <v>434</v>
      </c>
      <c r="B156" s="3" t="s">
        <v>444</v>
      </c>
      <c r="C156" s="4" t="s">
        <v>445</v>
      </c>
      <c r="D156" s="3" t="s">
        <v>446</v>
      </c>
      <c r="E156" s="3" t="s">
        <v>1475</v>
      </c>
      <c r="F156" s="31"/>
    </row>
    <row r="157" spans="1:6" s="16" customFormat="1" ht="43.2" x14ac:dyDescent="0.2">
      <c r="A157" s="3" t="s">
        <v>434</v>
      </c>
      <c r="B157" s="3" t="s">
        <v>447</v>
      </c>
      <c r="C157" s="4" t="s">
        <v>448</v>
      </c>
      <c r="D157" s="3" t="s">
        <v>449</v>
      </c>
      <c r="E157" s="3" t="s">
        <v>450</v>
      </c>
      <c r="F157" s="31"/>
    </row>
    <row r="158" spans="1:6" s="16" customFormat="1" ht="32.4" x14ac:dyDescent="0.2">
      <c r="A158" s="3" t="s">
        <v>434</v>
      </c>
      <c r="B158" s="3" t="s">
        <v>451</v>
      </c>
      <c r="C158" s="4" t="s">
        <v>452</v>
      </c>
      <c r="D158" s="3" t="s">
        <v>449</v>
      </c>
      <c r="E158" s="3"/>
      <c r="F158" s="31"/>
    </row>
    <row r="159" spans="1:6" s="16" customFormat="1" ht="75.599999999999994" x14ac:dyDescent="0.2">
      <c r="A159" s="3" t="s">
        <v>434</v>
      </c>
      <c r="B159" s="3" t="s">
        <v>453</v>
      </c>
      <c r="C159" s="4" t="s">
        <v>1476</v>
      </c>
      <c r="D159" s="3" t="s">
        <v>454</v>
      </c>
      <c r="E159" s="3"/>
      <c r="F159" s="31"/>
    </row>
    <row r="160" spans="1:6" s="16" customFormat="1" ht="97.2" x14ac:dyDescent="0.2">
      <c r="A160" s="3" t="s">
        <v>434</v>
      </c>
      <c r="B160" s="3" t="s">
        <v>455</v>
      </c>
      <c r="C160" s="4" t="s">
        <v>456</v>
      </c>
      <c r="D160" s="3" t="s">
        <v>1477</v>
      </c>
      <c r="E160" s="3"/>
      <c r="F160" s="31"/>
    </row>
    <row r="161" spans="1:6" s="16" customFormat="1" ht="32.4" x14ac:dyDescent="0.2">
      <c r="A161" s="3" t="s">
        <v>434</v>
      </c>
      <c r="B161" s="3" t="s">
        <v>457</v>
      </c>
      <c r="C161" s="4" t="s">
        <v>1478</v>
      </c>
      <c r="D161" s="3" t="s">
        <v>1479</v>
      </c>
      <c r="E161" s="3"/>
      <c r="F161" s="25"/>
    </row>
    <row r="162" spans="1:6" s="16" customFormat="1" ht="64.8" x14ac:dyDescent="0.2">
      <c r="A162" s="3" t="s">
        <v>434</v>
      </c>
      <c r="B162" s="3" t="s">
        <v>458</v>
      </c>
      <c r="C162" s="4" t="s">
        <v>459</v>
      </c>
      <c r="D162" s="3" t="s">
        <v>283</v>
      </c>
      <c r="E162" s="3"/>
    </row>
    <row r="163" spans="1:6" s="16" customFormat="1" ht="64.8" x14ac:dyDescent="0.2">
      <c r="A163" s="3" t="s">
        <v>460</v>
      </c>
      <c r="B163" s="3" t="s">
        <v>461</v>
      </c>
      <c r="C163" s="4" t="s">
        <v>462</v>
      </c>
      <c r="D163" s="15"/>
      <c r="E163" s="3" t="s">
        <v>463</v>
      </c>
    </row>
    <row r="164" spans="1:6" s="16" customFormat="1" ht="64.8" x14ac:dyDescent="0.2">
      <c r="A164" s="3" t="s">
        <v>460</v>
      </c>
      <c r="B164" s="3" t="s">
        <v>464</v>
      </c>
      <c r="C164" s="4" t="s">
        <v>465</v>
      </c>
      <c r="D164" s="3" t="s">
        <v>466</v>
      </c>
      <c r="E164" s="3"/>
    </row>
    <row r="165" spans="1:6" s="16" customFormat="1" ht="75.599999999999994" x14ac:dyDescent="0.2">
      <c r="A165" s="3" t="s">
        <v>467</v>
      </c>
      <c r="B165" s="3" t="s">
        <v>468</v>
      </c>
      <c r="C165" s="4" t="s">
        <v>469</v>
      </c>
      <c r="D165" s="3" t="s">
        <v>1480</v>
      </c>
      <c r="E165" s="3"/>
    </row>
    <row r="166" spans="1:6" s="16" customFormat="1" ht="43.2" x14ac:dyDescent="0.2">
      <c r="A166" s="3" t="s">
        <v>467</v>
      </c>
      <c r="B166" s="3" t="s">
        <v>470</v>
      </c>
      <c r="C166" s="4" t="s">
        <v>471</v>
      </c>
      <c r="D166" s="3" t="s">
        <v>472</v>
      </c>
      <c r="E166" s="3"/>
    </row>
    <row r="167" spans="1:6" s="16" customFormat="1" ht="43.2" x14ac:dyDescent="0.2">
      <c r="A167" s="3" t="s">
        <v>467</v>
      </c>
      <c r="B167" s="3" t="s">
        <v>473</v>
      </c>
      <c r="C167" s="4" t="s">
        <v>474</v>
      </c>
      <c r="D167" s="3" t="s">
        <v>472</v>
      </c>
      <c r="E167" s="3"/>
    </row>
    <row r="168" spans="1:6" s="16" customFormat="1" ht="43.2" x14ac:dyDescent="0.2">
      <c r="A168" s="3" t="s">
        <v>467</v>
      </c>
      <c r="B168" s="3" t="s">
        <v>475</v>
      </c>
      <c r="C168" s="4" t="s">
        <v>476</v>
      </c>
      <c r="D168" s="3" t="s">
        <v>1481</v>
      </c>
      <c r="E168" s="3"/>
    </row>
    <row r="169" spans="1:6" s="16" customFormat="1" ht="54" x14ac:dyDescent="0.2">
      <c r="A169" s="6" t="s">
        <v>467</v>
      </c>
      <c r="B169" s="3" t="s">
        <v>477</v>
      </c>
      <c r="C169" s="4" t="s">
        <v>478</v>
      </c>
      <c r="D169" s="3" t="s">
        <v>1482</v>
      </c>
      <c r="E169" s="6"/>
    </row>
    <row r="170" spans="1:6" s="16" customFormat="1" ht="32.4" x14ac:dyDescent="0.2">
      <c r="A170" s="3" t="s">
        <v>479</v>
      </c>
      <c r="B170" s="3" t="s">
        <v>480</v>
      </c>
      <c r="C170" s="4" t="s">
        <v>481</v>
      </c>
      <c r="D170" s="3" t="s">
        <v>482</v>
      </c>
      <c r="E170" s="3"/>
    </row>
    <row r="171" spans="1:6" s="16" customFormat="1" ht="32.4" x14ac:dyDescent="0.2">
      <c r="A171" s="3" t="s">
        <v>479</v>
      </c>
      <c r="B171" s="3" t="s">
        <v>483</v>
      </c>
      <c r="C171" s="4" t="s">
        <v>484</v>
      </c>
      <c r="D171" s="3" t="s">
        <v>485</v>
      </c>
      <c r="E171" s="3"/>
    </row>
    <row r="172" spans="1:6" s="16" customFormat="1" ht="64.8" x14ac:dyDescent="0.2">
      <c r="A172" s="3" t="s">
        <v>479</v>
      </c>
      <c r="B172" s="3" t="s">
        <v>486</v>
      </c>
      <c r="C172" s="4" t="s">
        <v>487</v>
      </c>
      <c r="D172" s="3" t="s">
        <v>488</v>
      </c>
      <c r="E172" s="3"/>
    </row>
    <row r="173" spans="1:6" s="16" customFormat="1" ht="32.4" x14ac:dyDescent="0.2">
      <c r="A173" s="3" t="s">
        <v>489</v>
      </c>
      <c r="B173" s="3" t="s">
        <v>490</v>
      </c>
      <c r="C173" s="4" t="s">
        <v>491</v>
      </c>
      <c r="D173" s="3" t="s">
        <v>1435</v>
      </c>
      <c r="E173" s="3" t="s">
        <v>1436</v>
      </c>
    </row>
    <row r="174" spans="1:6" s="16" customFormat="1" ht="54" x14ac:dyDescent="0.2">
      <c r="A174" s="3" t="s">
        <v>492</v>
      </c>
      <c r="B174" s="3" t="s">
        <v>493</v>
      </c>
      <c r="C174" s="4" t="s">
        <v>494</v>
      </c>
      <c r="D174" s="3" t="s">
        <v>495</v>
      </c>
      <c r="E174" s="3"/>
    </row>
    <row r="175" spans="1:6" s="16" customFormat="1" ht="64.8" x14ac:dyDescent="0.2">
      <c r="A175" s="3" t="s">
        <v>492</v>
      </c>
      <c r="B175" s="3" t="s">
        <v>496</v>
      </c>
      <c r="C175" s="4" t="s">
        <v>497</v>
      </c>
      <c r="D175" s="3" t="s">
        <v>498</v>
      </c>
      <c r="E175" s="3"/>
    </row>
    <row r="176" spans="1:6" s="16" customFormat="1" ht="32.4" x14ac:dyDescent="0.2">
      <c r="A176" s="3" t="s">
        <v>499</v>
      </c>
      <c r="B176" s="3" t="s">
        <v>500</v>
      </c>
      <c r="C176" s="4" t="s">
        <v>501</v>
      </c>
      <c r="D176" s="3" t="s">
        <v>502</v>
      </c>
      <c r="E176" s="3"/>
    </row>
    <row r="177" spans="1:5" s="16" customFormat="1" ht="32.4" x14ac:dyDescent="0.2">
      <c r="A177" s="3" t="s">
        <v>499</v>
      </c>
      <c r="B177" s="3" t="s">
        <v>500</v>
      </c>
      <c r="C177" s="4" t="s">
        <v>503</v>
      </c>
      <c r="D177" s="3" t="s">
        <v>504</v>
      </c>
      <c r="E177" s="3"/>
    </row>
    <row r="178" spans="1:5" s="16" customFormat="1" ht="32.4" x14ac:dyDescent="0.2">
      <c r="A178" s="3" t="s">
        <v>499</v>
      </c>
      <c r="B178" s="3" t="s">
        <v>500</v>
      </c>
      <c r="C178" s="4" t="s">
        <v>505</v>
      </c>
      <c r="D178" s="3" t="s">
        <v>506</v>
      </c>
      <c r="E178" s="3"/>
    </row>
    <row r="179" spans="1:5" s="16" customFormat="1" ht="64.8" x14ac:dyDescent="0.2">
      <c r="A179" s="3" t="s">
        <v>499</v>
      </c>
      <c r="B179" s="3" t="s">
        <v>507</v>
      </c>
      <c r="C179" s="4" t="s">
        <v>508</v>
      </c>
      <c r="D179" s="3" t="s">
        <v>509</v>
      </c>
      <c r="E179" s="3"/>
    </row>
    <row r="180" spans="1:5" s="16" customFormat="1" ht="32.4" x14ac:dyDescent="0.2">
      <c r="A180" s="3" t="s">
        <v>499</v>
      </c>
      <c r="B180" s="3" t="s">
        <v>510</v>
      </c>
      <c r="C180" s="4" t="s">
        <v>511</v>
      </c>
      <c r="D180" s="3" t="s">
        <v>512</v>
      </c>
      <c r="E180" s="3" t="s">
        <v>513</v>
      </c>
    </row>
    <row r="181" spans="1:5" s="16" customFormat="1" ht="32.4" x14ac:dyDescent="0.2">
      <c r="A181" s="3" t="s">
        <v>499</v>
      </c>
      <c r="B181" s="3" t="s">
        <v>514</v>
      </c>
      <c r="C181" s="4" t="s">
        <v>515</v>
      </c>
      <c r="D181" s="3" t="s">
        <v>516</v>
      </c>
      <c r="E181" s="3" t="s">
        <v>517</v>
      </c>
    </row>
    <row r="182" spans="1:5" s="16" customFormat="1" ht="43.2" x14ac:dyDescent="0.2">
      <c r="A182" s="3" t="s">
        <v>518</v>
      </c>
      <c r="B182" s="3" t="s">
        <v>519</v>
      </c>
      <c r="C182" s="4" t="s">
        <v>520</v>
      </c>
      <c r="D182" s="3" t="s">
        <v>521</v>
      </c>
      <c r="E182" s="3"/>
    </row>
    <row r="183" spans="1:5" s="16" customFormat="1" ht="259.2" x14ac:dyDescent="0.2">
      <c r="A183" s="3" t="s">
        <v>518</v>
      </c>
      <c r="B183" s="3" t="s">
        <v>522</v>
      </c>
      <c r="C183" s="4" t="s">
        <v>523</v>
      </c>
      <c r="D183" s="3" t="s">
        <v>524</v>
      </c>
      <c r="E183" s="1" t="s">
        <v>525</v>
      </c>
    </row>
    <row r="184" spans="1:5" s="16" customFormat="1" ht="86.4" x14ac:dyDescent="0.2">
      <c r="A184" s="3" t="s">
        <v>518</v>
      </c>
      <c r="B184" s="3" t="s">
        <v>526</v>
      </c>
      <c r="C184" s="4" t="s">
        <v>527</v>
      </c>
      <c r="D184" s="3" t="s">
        <v>528</v>
      </c>
      <c r="E184" s="3" t="s">
        <v>1483</v>
      </c>
    </row>
    <row r="185" spans="1:5" s="16" customFormat="1" ht="43.2" x14ac:dyDescent="0.2">
      <c r="A185" s="3" t="s">
        <v>529</v>
      </c>
      <c r="B185" s="3" t="s">
        <v>530</v>
      </c>
      <c r="C185" s="4" t="s">
        <v>531</v>
      </c>
      <c r="D185" s="3" t="s">
        <v>1484</v>
      </c>
      <c r="E185" s="3"/>
    </row>
    <row r="186" spans="1:5" s="16" customFormat="1" ht="248.4" customHeight="1" x14ac:dyDescent="0.2">
      <c r="A186" s="3" t="s">
        <v>532</v>
      </c>
      <c r="B186" s="3" t="s">
        <v>533</v>
      </c>
      <c r="C186" s="4" t="s">
        <v>534</v>
      </c>
      <c r="D186" s="3" t="s">
        <v>535</v>
      </c>
      <c r="E186" s="3"/>
    </row>
    <row r="187" spans="1:5" s="16" customFormat="1" ht="43.2" x14ac:dyDescent="0.2">
      <c r="A187" s="3" t="s">
        <v>532</v>
      </c>
      <c r="B187" s="3" t="s">
        <v>536</v>
      </c>
      <c r="C187" s="4" t="s">
        <v>537</v>
      </c>
      <c r="D187" s="3" t="s">
        <v>1485</v>
      </c>
      <c r="E187" s="3"/>
    </row>
    <row r="188" spans="1:5" s="16" customFormat="1" ht="43.2" x14ac:dyDescent="0.2">
      <c r="A188" s="3" t="s">
        <v>532</v>
      </c>
      <c r="B188" s="3" t="s">
        <v>538</v>
      </c>
      <c r="C188" s="4" t="s">
        <v>539</v>
      </c>
      <c r="D188" s="3" t="s">
        <v>540</v>
      </c>
      <c r="E188" s="3"/>
    </row>
    <row r="189" spans="1:5" s="16" customFormat="1" ht="351.6" customHeight="1" x14ac:dyDescent="0.2">
      <c r="A189" s="3" t="s">
        <v>532</v>
      </c>
      <c r="B189" s="3" t="s">
        <v>541</v>
      </c>
      <c r="C189" s="4" t="s">
        <v>542</v>
      </c>
      <c r="D189" s="35" t="s">
        <v>543</v>
      </c>
      <c r="E189" s="3"/>
    </row>
    <row r="190" spans="1:5" s="16" customFormat="1" ht="32.4" x14ac:dyDescent="0.2">
      <c r="A190" s="3" t="s">
        <v>544</v>
      </c>
      <c r="B190" s="3" t="s">
        <v>545</v>
      </c>
      <c r="C190" s="4" t="s">
        <v>546</v>
      </c>
      <c r="D190" s="3" t="s">
        <v>547</v>
      </c>
      <c r="E190" s="3" t="s">
        <v>548</v>
      </c>
    </row>
    <row r="191" spans="1:5" s="16" customFormat="1" ht="32.4" x14ac:dyDescent="0.2">
      <c r="A191" s="3" t="s">
        <v>544</v>
      </c>
      <c r="B191" s="3" t="s">
        <v>549</v>
      </c>
      <c r="C191" s="4" t="s">
        <v>550</v>
      </c>
      <c r="D191" s="3" t="s">
        <v>551</v>
      </c>
      <c r="E191" s="3"/>
    </row>
    <row r="192" spans="1:5" s="16" customFormat="1" ht="64.8" x14ac:dyDescent="0.2">
      <c r="A192" s="3" t="s">
        <v>544</v>
      </c>
      <c r="B192" s="3" t="s">
        <v>552</v>
      </c>
      <c r="C192" s="4" t="s">
        <v>553</v>
      </c>
      <c r="D192" s="3" t="s">
        <v>554</v>
      </c>
      <c r="E192" s="3" t="s">
        <v>555</v>
      </c>
    </row>
    <row r="193" spans="1:5" s="16" customFormat="1" ht="43.2" x14ac:dyDescent="0.2">
      <c r="A193" s="3" t="s">
        <v>544</v>
      </c>
      <c r="B193" s="3" t="s">
        <v>556</v>
      </c>
      <c r="C193" s="4" t="s">
        <v>557</v>
      </c>
      <c r="D193" s="3" t="s">
        <v>551</v>
      </c>
      <c r="E193" s="3"/>
    </row>
    <row r="194" spans="1:5" s="16" customFormat="1" ht="54" x14ac:dyDescent="0.2">
      <c r="A194" s="3" t="s">
        <v>544</v>
      </c>
      <c r="B194" s="3" t="s">
        <v>558</v>
      </c>
      <c r="C194" s="4" t="s">
        <v>559</v>
      </c>
      <c r="D194" s="3" t="s">
        <v>560</v>
      </c>
      <c r="E194" s="3"/>
    </row>
    <row r="195" spans="1:5" s="16" customFormat="1" ht="64.8" x14ac:dyDescent="0.2">
      <c r="A195" s="3" t="s">
        <v>561</v>
      </c>
      <c r="B195" s="3" t="s">
        <v>562</v>
      </c>
      <c r="C195" s="4" t="s">
        <v>563</v>
      </c>
      <c r="D195" s="3" t="s">
        <v>1486</v>
      </c>
      <c r="E195" s="3" t="s">
        <v>1487</v>
      </c>
    </row>
    <row r="196" spans="1:5" s="16" customFormat="1" ht="32.4" x14ac:dyDescent="0.2">
      <c r="A196" s="3" t="s">
        <v>564</v>
      </c>
      <c r="B196" s="3" t="s">
        <v>565</v>
      </c>
      <c r="C196" s="4" t="s">
        <v>566</v>
      </c>
      <c r="D196" s="3" t="s">
        <v>567</v>
      </c>
      <c r="E196" s="3"/>
    </row>
    <row r="197" spans="1:5" s="16" customFormat="1" ht="86.4" x14ac:dyDescent="0.2">
      <c r="A197" s="3" t="s">
        <v>568</v>
      </c>
      <c r="B197" s="3" t="s">
        <v>569</v>
      </c>
      <c r="C197" s="4" t="s">
        <v>570</v>
      </c>
      <c r="D197" s="3" t="s">
        <v>1488</v>
      </c>
      <c r="E197" s="3"/>
    </row>
    <row r="198" spans="1:5" s="16" customFormat="1" ht="75.599999999999994" x14ac:dyDescent="0.2">
      <c r="A198" s="3" t="s">
        <v>568</v>
      </c>
      <c r="B198" s="3" t="s">
        <v>571</v>
      </c>
      <c r="C198" s="4" t="s">
        <v>572</v>
      </c>
      <c r="D198" s="3" t="s">
        <v>573</v>
      </c>
      <c r="E198" s="3" t="s">
        <v>574</v>
      </c>
    </row>
    <row r="199" spans="1:5" s="16" customFormat="1" ht="43.2" x14ac:dyDescent="0.2">
      <c r="A199" s="3" t="s">
        <v>568</v>
      </c>
      <c r="B199" s="3" t="s">
        <v>575</v>
      </c>
      <c r="C199" s="4" t="s">
        <v>576</v>
      </c>
      <c r="D199" s="3" t="s">
        <v>577</v>
      </c>
      <c r="E199" s="3"/>
    </row>
    <row r="200" spans="1:5" s="16" customFormat="1" ht="43.2" x14ac:dyDescent="0.2">
      <c r="A200" s="3" t="s">
        <v>568</v>
      </c>
      <c r="B200" s="3" t="s">
        <v>578</v>
      </c>
      <c r="C200" s="4" t="s">
        <v>579</v>
      </c>
      <c r="D200" s="3" t="s">
        <v>580</v>
      </c>
      <c r="E200" s="3"/>
    </row>
    <row r="201" spans="1:5" s="16" customFormat="1" ht="32.4" x14ac:dyDescent="0.2">
      <c r="A201" s="3" t="s">
        <v>568</v>
      </c>
      <c r="B201" s="3" t="s">
        <v>581</v>
      </c>
      <c r="C201" s="4" t="s">
        <v>582</v>
      </c>
      <c r="D201" s="3" t="s">
        <v>1489</v>
      </c>
      <c r="E201" s="3" t="s">
        <v>1437</v>
      </c>
    </row>
    <row r="202" spans="1:5" s="16" customFormat="1" ht="32.4" x14ac:dyDescent="0.2">
      <c r="A202" s="3" t="s">
        <v>568</v>
      </c>
      <c r="B202" s="3" t="s">
        <v>583</v>
      </c>
      <c r="C202" s="4" t="s">
        <v>584</v>
      </c>
      <c r="D202" s="3" t="s">
        <v>585</v>
      </c>
      <c r="E202" s="3"/>
    </row>
    <row r="203" spans="1:5" s="16" customFormat="1" ht="43.2" x14ac:dyDescent="0.2">
      <c r="A203" s="3" t="s">
        <v>568</v>
      </c>
      <c r="B203" s="3" t="s">
        <v>586</v>
      </c>
      <c r="C203" s="4" t="s">
        <v>587</v>
      </c>
      <c r="D203" s="3" t="s">
        <v>588</v>
      </c>
      <c r="E203" s="3"/>
    </row>
    <row r="204" spans="1:5" s="16" customFormat="1" ht="43.2" x14ac:dyDescent="0.2">
      <c r="A204" s="4" t="s">
        <v>589</v>
      </c>
      <c r="B204" s="3" t="s">
        <v>590</v>
      </c>
      <c r="C204" s="4" t="s">
        <v>591</v>
      </c>
      <c r="D204" s="3" t="s">
        <v>592</v>
      </c>
      <c r="E204" s="8"/>
    </row>
    <row r="205" spans="1:5" s="16" customFormat="1" ht="21.6" x14ac:dyDescent="0.2">
      <c r="A205" s="4" t="s">
        <v>589</v>
      </c>
      <c r="B205" s="3" t="s">
        <v>593</v>
      </c>
      <c r="C205" s="4" t="s">
        <v>594</v>
      </c>
      <c r="D205" s="3" t="s">
        <v>595</v>
      </c>
      <c r="E205" s="8"/>
    </row>
    <row r="206" spans="1:5" s="16" customFormat="1" ht="21.6" x14ac:dyDescent="0.2">
      <c r="A206" s="4" t="s">
        <v>589</v>
      </c>
      <c r="B206" s="3" t="s">
        <v>593</v>
      </c>
      <c r="C206" s="4" t="s">
        <v>596</v>
      </c>
      <c r="D206" s="3" t="s">
        <v>597</v>
      </c>
      <c r="E206" s="8"/>
    </row>
    <row r="207" spans="1:5" s="16" customFormat="1" ht="64.8" x14ac:dyDescent="0.2">
      <c r="A207" s="4" t="s">
        <v>589</v>
      </c>
      <c r="B207" s="3" t="s">
        <v>590</v>
      </c>
      <c r="C207" s="4" t="s">
        <v>596</v>
      </c>
      <c r="D207" s="3" t="s">
        <v>598</v>
      </c>
      <c r="E207" s="8"/>
    </row>
    <row r="208" spans="1:5" s="16" customFormat="1" ht="32.4" x14ac:dyDescent="0.2">
      <c r="A208" s="4" t="s">
        <v>589</v>
      </c>
      <c r="B208" s="3" t="s">
        <v>590</v>
      </c>
      <c r="C208" s="4" t="s">
        <v>599</v>
      </c>
      <c r="D208" s="3" t="s">
        <v>592</v>
      </c>
      <c r="E208" s="8"/>
    </row>
    <row r="209" spans="1:5" s="16" customFormat="1" ht="32.4" x14ac:dyDescent="0.2">
      <c r="A209" s="4" t="s">
        <v>589</v>
      </c>
      <c r="B209" s="4" t="s">
        <v>600</v>
      </c>
      <c r="C209" s="4" t="s">
        <v>601</v>
      </c>
      <c r="D209" s="3" t="s">
        <v>602</v>
      </c>
      <c r="E209" s="8"/>
    </row>
    <row r="210" spans="1:5" s="16" customFormat="1" ht="32.4" x14ac:dyDescent="0.2">
      <c r="A210" s="4" t="s">
        <v>589</v>
      </c>
      <c r="B210" s="4" t="s">
        <v>603</v>
      </c>
      <c r="C210" s="4" t="s">
        <v>604</v>
      </c>
      <c r="D210" s="3" t="s">
        <v>602</v>
      </c>
      <c r="E210" s="8"/>
    </row>
    <row r="211" spans="1:5" s="16" customFormat="1" ht="54" x14ac:dyDescent="0.2">
      <c r="A211" s="3" t="s">
        <v>589</v>
      </c>
      <c r="B211" s="3" t="s">
        <v>605</v>
      </c>
      <c r="C211" s="3" t="s">
        <v>606</v>
      </c>
      <c r="D211" s="3" t="s">
        <v>607</v>
      </c>
      <c r="E211" s="3" t="s">
        <v>608</v>
      </c>
    </row>
    <row r="212" spans="1:5" s="16" customFormat="1" ht="54" x14ac:dyDescent="0.2">
      <c r="A212" s="3" t="s">
        <v>589</v>
      </c>
      <c r="B212" s="3" t="s">
        <v>609</v>
      </c>
      <c r="C212" s="4" t="s">
        <v>610</v>
      </c>
      <c r="D212" s="3" t="s">
        <v>602</v>
      </c>
      <c r="E212" s="8"/>
    </row>
    <row r="213" spans="1:5" s="16" customFormat="1" ht="64.8" x14ac:dyDescent="0.2">
      <c r="A213" s="3" t="s">
        <v>589</v>
      </c>
      <c r="B213" s="3" t="s">
        <v>611</v>
      </c>
      <c r="C213" s="4" t="s">
        <v>612</v>
      </c>
      <c r="D213" s="3" t="s">
        <v>602</v>
      </c>
      <c r="E213" s="8"/>
    </row>
    <row r="214" spans="1:5" s="16" customFormat="1" ht="32.4" x14ac:dyDescent="0.2">
      <c r="A214" s="3" t="s">
        <v>589</v>
      </c>
      <c r="B214" s="3" t="s">
        <v>613</v>
      </c>
      <c r="C214" s="3" t="s">
        <v>614</v>
      </c>
      <c r="D214" s="3" t="s">
        <v>1490</v>
      </c>
      <c r="E214" s="3"/>
    </row>
    <row r="215" spans="1:5" s="16" customFormat="1" ht="32.4" x14ac:dyDescent="0.2">
      <c r="A215" s="3" t="s">
        <v>589</v>
      </c>
      <c r="B215" s="3" t="s">
        <v>615</v>
      </c>
      <c r="C215" s="3" t="s">
        <v>616</v>
      </c>
      <c r="D215" s="3" t="s">
        <v>617</v>
      </c>
      <c r="E215" s="3" t="s">
        <v>618</v>
      </c>
    </row>
    <row r="216" spans="1:5" s="16" customFormat="1" ht="32.4" x14ac:dyDescent="0.2">
      <c r="A216" s="3" t="s">
        <v>589</v>
      </c>
      <c r="B216" s="3" t="s">
        <v>619</v>
      </c>
      <c r="C216" s="3" t="s">
        <v>620</v>
      </c>
      <c r="D216" s="3" t="s">
        <v>621</v>
      </c>
      <c r="E216" s="3"/>
    </row>
    <row r="217" spans="1:5" s="16" customFormat="1" ht="43.2" x14ac:dyDescent="0.2">
      <c r="A217" s="3" t="s">
        <v>589</v>
      </c>
      <c r="B217" s="3" t="s">
        <v>622</v>
      </c>
      <c r="C217" s="3" t="s">
        <v>623</v>
      </c>
      <c r="D217" s="3" t="s">
        <v>624</v>
      </c>
      <c r="E217" s="3"/>
    </row>
    <row r="218" spans="1:5" s="16" customFormat="1" ht="43.2" x14ac:dyDescent="0.2">
      <c r="A218" s="4" t="s">
        <v>589</v>
      </c>
      <c r="B218" s="3" t="s">
        <v>625</v>
      </c>
      <c r="C218" s="4" t="s">
        <v>626</v>
      </c>
      <c r="D218" s="4" t="s">
        <v>627</v>
      </c>
      <c r="E218" s="8"/>
    </row>
    <row r="219" spans="1:5" s="16" customFormat="1" ht="43.2" x14ac:dyDescent="0.2">
      <c r="A219" s="4" t="s">
        <v>628</v>
      </c>
      <c r="B219" s="4" t="s">
        <v>629</v>
      </c>
      <c r="C219" s="9" t="s">
        <v>630</v>
      </c>
      <c r="D219" s="4" t="s">
        <v>631</v>
      </c>
      <c r="E219" s="3"/>
    </row>
    <row r="220" spans="1:5" s="16" customFormat="1" ht="43.2" x14ac:dyDescent="0.2">
      <c r="A220" s="4" t="s">
        <v>628</v>
      </c>
      <c r="B220" s="4" t="s">
        <v>1491</v>
      </c>
      <c r="C220" s="9" t="s">
        <v>1492</v>
      </c>
      <c r="D220" s="4" t="s">
        <v>95</v>
      </c>
      <c r="E220" s="4" t="s">
        <v>95</v>
      </c>
    </row>
    <row r="221" spans="1:5" s="16" customFormat="1" ht="118.8" x14ac:dyDescent="0.2">
      <c r="A221" s="4" t="s">
        <v>628</v>
      </c>
      <c r="B221" s="3" t="s">
        <v>632</v>
      </c>
      <c r="C221" s="4" t="s">
        <v>633</v>
      </c>
      <c r="D221" s="4" t="s">
        <v>634</v>
      </c>
      <c r="E221" s="4" t="s">
        <v>635</v>
      </c>
    </row>
    <row r="222" spans="1:5" s="16" customFormat="1" ht="43.2" x14ac:dyDescent="0.2">
      <c r="A222" s="4" t="s">
        <v>628</v>
      </c>
      <c r="B222" s="3" t="s">
        <v>636</v>
      </c>
      <c r="C222" s="4" t="s">
        <v>637</v>
      </c>
      <c r="D222" s="4" t="s">
        <v>631</v>
      </c>
      <c r="E222" s="4"/>
    </row>
    <row r="223" spans="1:5" s="16" customFormat="1" ht="32.4" x14ac:dyDescent="0.2">
      <c r="A223" s="4" t="s">
        <v>638</v>
      </c>
      <c r="B223" s="3" t="s">
        <v>639</v>
      </c>
      <c r="C223" s="4" t="s">
        <v>640</v>
      </c>
      <c r="D223" s="3" t="s">
        <v>641</v>
      </c>
      <c r="E223" s="8" t="s">
        <v>642</v>
      </c>
    </row>
    <row r="224" spans="1:5" s="16" customFormat="1" ht="54" x14ac:dyDescent="0.2">
      <c r="A224" s="4" t="s">
        <v>638</v>
      </c>
      <c r="B224" s="3" t="s">
        <v>643</v>
      </c>
      <c r="C224" s="4" t="s">
        <v>644</v>
      </c>
      <c r="D224" s="3" t="s">
        <v>645</v>
      </c>
      <c r="E224" s="8"/>
    </row>
    <row r="225" spans="1:5" s="16" customFormat="1" ht="64.8" x14ac:dyDescent="0.2">
      <c r="A225" s="4" t="s">
        <v>628</v>
      </c>
      <c r="B225" s="3" t="s">
        <v>646</v>
      </c>
      <c r="C225" s="3" t="s">
        <v>647</v>
      </c>
      <c r="D225" s="4" t="s">
        <v>631</v>
      </c>
      <c r="E225" s="3"/>
    </row>
    <row r="226" spans="1:5" s="16" customFormat="1" ht="54" x14ac:dyDescent="0.2">
      <c r="A226" s="4" t="s">
        <v>648</v>
      </c>
      <c r="B226" s="3" t="s">
        <v>649</v>
      </c>
      <c r="C226" s="4" t="s">
        <v>650</v>
      </c>
      <c r="D226" s="4" t="s">
        <v>651</v>
      </c>
      <c r="E226" s="10"/>
    </row>
    <row r="227" spans="1:5" s="16" customFormat="1" ht="43.2" x14ac:dyDescent="0.2">
      <c r="A227" s="4" t="s">
        <v>648</v>
      </c>
      <c r="B227" s="3" t="s">
        <v>652</v>
      </c>
      <c r="C227" s="4" t="s">
        <v>653</v>
      </c>
      <c r="D227" s="4" t="s">
        <v>651</v>
      </c>
      <c r="E227" s="10"/>
    </row>
    <row r="228" spans="1:5" s="16" customFormat="1" ht="32.4" x14ac:dyDescent="0.2">
      <c r="A228" s="4" t="s">
        <v>654</v>
      </c>
      <c r="B228" s="4" t="s">
        <v>655</v>
      </c>
      <c r="C228" s="4" t="s">
        <v>656</v>
      </c>
      <c r="D228" s="4" t="s">
        <v>657</v>
      </c>
      <c r="E228" s="8"/>
    </row>
    <row r="229" spans="1:5" s="16" customFormat="1" ht="54" x14ac:dyDescent="0.2">
      <c r="A229" s="4" t="s">
        <v>658</v>
      </c>
      <c r="B229" s="3" t="s">
        <v>659</v>
      </c>
      <c r="C229" s="4" t="s">
        <v>660</v>
      </c>
      <c r="D229" s="3" t="s">
        <v>661</v>
      </c>
      <c r="E229" s="8"/>
    </row>
    <row r="230" spans="1:5" s="16" customFormat="1" ht="32.4" x14ac:dyDescent="0.2">
      <c r="A230" s="4" t="s">
        <v>658</v>
      </c>
      <c r="B230" s="3" t="s">
        <v>662</v>
      </c>
      <c r="C230" s="4" t="s">
        <v>663</v>
      </c>
      <c r="D230" s="3" t="s">
        <v>664</v>
      </c>
      <c r="E230" s="8"/>
    </row>
    <row r="231" spans="1:5" s="16" customFormat="1" ht="43.2" x14ac:dyDescent="0.2">
      <c r="A231" s="4" t="s">
        <v>658</v>
      </c>
      <c r="B231" s="4" t="s">
        <v>665</v>
      </c>
      <c r="C231" s="4" t="s">
        <v>666</v>
      </c>
      <c r="D231" s="4" t="s">
        <v>667</v>
      </c>
      <c r="E231" s="4" t="s">
        <v>668</v>
      </c>
    </row>
    <row r="232" spans="1:5" s="33" customFormat="1" ht="388.8" x14ac:dyDescent="0.2">
      <c r="A232" s="20" t="s">
        <v>1493</v>
      </c>
      <c r="B232" s="4" t="s">
        <v>669</v>
      </c>
      <c r="C232" s="4" t="s">
        <v>670</v>
      </c>
      <c r="D232" s="4" t="s">
        <v>671</v>
      </c>
      <c r="E232" s="4"/>
    </row>
    <row r="233" spans="1:5" s="33" customFormat="1" ht="32.4" x14ac:dyDescent="0.2">
      <c r="A233" s="20" t="s">
        <v>1494</v>
      </c>
      <c r="B233" s="4" t="s">
        <v>672</v>
      </c>
      <c r="C233" s="4" t="s">
        <v>673</v>
      </c>
      <c r="D233" s="4" t="s">
        <v>674</v>
      </c>
      <c r="E233" s="4"/>
    </row>
    <row r="234" spans="1:5" s="16" customFormat="1" ht="32.4" x14ac:dyDescent="0.2">
      <c r="A234" s="3" t="s">
        <v>675</v>
      </c>
      <c r="B234" s="3" t="s">
        <v>676</v>
      </c>
      <c r="C234" s="4" t="s">
        <v>677</v>
      </c>
      <c r="D234" s="3" t="s">
        <v>678</v>
      </c>
      <c r="E234" s="3"/>
    </row>
    <row r="235" spans="1:5" s="16" customFormat="1" ht="54" x14ac:dyDescent="0.2">
      <c r="A235" s="3" t="s">
        <v>679</v>
      </c>
      <c r="B235" s="3" t="s">
        <v>680</v>
      </c>
      <c r="C235" s="4" t="s">
        <v>1495</v>
      </c>
      <c r="D235" s="3" t="s">
        <v>681</v>
      </c>
      <c r="E235" s="3" t="s">
        <v>682</v>
      </c>
    </row>
    <row r="236" spans="1:5" s="16" customFormat="1" ht="54" x14ac:dyDescent="0.2">
      <c r="A236" s="3" t="s">
        <v>683</v>
      </c>
      <c r="B236" s="3" t="s">
        <v>684</v>
      </c>
      <c r="C236" s="4" t="s">
        <v>685</v>
      </c>
      <c r="D236" s="3" t="s">
        <v>686</v>
      </c>
      <c r="E236" s="3"/>
    </row>
    <row r="237" spans="1:5" s="16" customFormat="1" ht="32.4" x14ac:dyDescent="0.2">
      <c r="A237" s="3" t="s">
        <v>683</v>
      </c>
      <c r="B237" s="3" t="s">
        <v>687</v>
      </c>
      <c r="C237" s="4" t="s">
        <v>688</v>
      </c>
      <c r="D237" s="3" t="s">
        <v>689</v>
      </c>
      <c r="E237" s="3"/>
    </row>
    <row r="238" spans="1:5" s="16" customFormat="1" ht="75.599999999999994" x14ac:dyDescent="0.2">
      <c r="A238" s="3" t="s">
        <v>683</v>
      </c>
      <c r="B238" s="3" t="s">
        <v>690</v>
      </c>
      <c r="C238" s="4" t="s">
        <v>691</v>
      </c>
      <c r="D238" s="3" t="s">
        <v>692</v>
      </c>
      <c r="E238" s="3"/>
    </row>
    <row r="239" spans="1:5" s="16" customFormat="1" ht="64.8" x14ac:dyDescent="0.2">
      <c r="A239" s="3" t="s">
        <v>683</v>
      </c>
      <c r="B239" s="3" t="s">
        <v>693</v>
      </c>
      <c r="C239" s="4" t="s">
        <v>694</v>
      </c>
      <c r="D239" s="3" t="s">
        <v>695</v>
      </c>
      <c r="E239" s="3"/>
    </row>
    <row r="240" spans="1:5" s="16" customFormat="1" ht="32.4" x14ac:dyDescent="0.2">
      <c r="A240" s="3" t="s">
        <v>683</v>
      </c>
      <c r="B240" s="3" t="s">
        <v>696</v>
      </c>
      <c r="C240" s="4" t="s">
        <v>697</v>
      </c>
      <c r="D240" s="3" t="s">
        <v>631</v>
      </c>
      <c r="E240" s="3"/>
    </row>
    <row r="241" spans="1:5" s="16" customFormat="1" ht="54" x14ac:dyDescent="0.2">
      <c r="A241" s="3" t="s">
        <v>683</v>
      </c>
      <c r="B241" s="3" t="s">
        <v>698</v>
      </c>
      <c r="C241" s="4" t="s">
        <v>699</v>
      </c>
      <c r="D241" s="3" t="s">
        <v>700</v>
      </c>
      <c r="E241" s="3"/>
    </row>
    <row r="242" spans="1:5" s="16" customFormat="1" ht="54" x14ac:dyDescent="0.2">
      <c r="A242" s="3" t="s">
        <v>683</v>
      </c>
      <c r="B242" s="3" t="s">
        <v>701</v>
      </c>
      <c r="C242" s="4" t="s">
        <v>702</v>
      </c>
      <c r="D242" s="3" t="s">
        <v>703</v>
      </c>
      <c r="E242" s="3"/>
    </row>
    <row r="243" spans="1:5" s="16" customFormat="1" ht="32.4" x14ac:dyDescent="0.2">
      <c r="A243" s="3" t="s">
        <v>704</v>
      </c>
      <c r="B243" s="3" t="s">
        <v>705</v>
      </c>
      <c r="C243" s="4" t="s">
        <v>706</v>
      </c>
      <c r="D243" s="3" t="s">
        <v>707</v>
      </c>
      <c r="E243" s="3"/>
    </row>
    <row r="244" spans="1:5" s="16" customFormat="1" ht="32.4" x14ac:dyDescent="0.2">
      <c r="A244" s="3" t="s">
        <v>704</v>
      </c>
      <c r="B244" s="3" t="s">
        <v>708</v>
      </c>
      <c r="C244" s="4" t="s">
        <v>709</v>
      </c>
      <c r="D244" s="3" t="s">
        <v>710</v>
      </c>
      <c r="E244" s="3"/>
    </row>
    <row r="245" spans="1:5" s="16" customFormat="1" ht="32.4" x14ac:dyDescent="0.2">
      <c r="A245" s="3" t="s">
        <v>683</v>
      </c>
      <c r="B245" s="3" t="s">
        <v>711</v>
      </c>
      <c r="C245" s="4" t="s">
        <v>712</v>
      </c>
      <c r="D245" s="3" t="s">
        <v>713</v>
      </c>
      <c r="E245" s="3"/>
    </row>
    <row r="246" spans="1:5" s="16" customFormat="1" ht="32.4" x14ac:dyDescent="0.2">
      <c r="A246" s="3" t="s">
        <v>683</v>
      </c>
      <c r="B246" s="3" t="s">
        <v>711</v>
      </c>
      <c r="C246" s="4" t="s">
        <v>712</v>
      </c>
      <c r="D246" s="3" t="s">
        <v>714</v>
      </c>
      <c r="E246" s="3"/>
    </row>
    <row r="247" spans="1:5" s="16" customFormat="1" ht="43.2" x14ac:dyDescent="0.2">
      <c r="A247" s="3" t="s">
        <v>683</v>
      </c>
      <c r="B247" s="3" t="s">
        <v>715</v>
      </c>
      <c r="C247" s="4" t="s">
        <v>716</v>
      </c>
      <c r="D247" s="3" t="s">
        <v>717</v>
      </c>
      <c r="E247" s="3"/>
    </row>
    <row r="248" spans="1:5" s="16" customFormat="1" ht="32.4" x14ac:dyDescent="0.2">
      <c r="A248" s="3" t="s">
        <v>683</v>
      </c>
      <c r="B248" s="3" t="s">
        <v>718</v>
      </c>
      <c r="C248" s="4" t="s">
        <v>719</v>
      </c>
      <c r="D248" s="3" t="s">
        <v>717</v>
      </c>
      <c r="E248" s="3"/>
    </row>
    <row r="249" spans="1:5" s="16" customFormat="1" ht="43.2" x14ac:dyDescent="0.2">
      <c r="A249" s="3" t="s">
        <v>683</v>
      </c>
      <c r="B249" s="3" t="s">
        <v>720</v>
      </c>
      <c r="C249" s="4" t="s">
        <v>721</v>
      </c>
      <c r="D249" s="3" t="s">
        <v>722</v>
      </c>
      <c r="E249" s="3"/>
    </row>
    <row r="250" spans="1:5" s="16" customFormat="1" ht="43.2" x14ac:dyDescent="0.2">
      <c r="A250" s="3" t="s">
        <v>683</v>
      </c>
      <c r="B250" s="3" t="s">
        <v>723</v>
      </c>
      <c r="C250" s="4" t="s">
        <v>724</v>
      </c>
      <c r="D250" s="3" t="s">
        <v>725</v>
      </c>
      <c r="E250" s="3"/>
    </row>
    <row r="251" spans="1:5" s="16" customFormat="1" ht="32.4" x14ac:dyDescent="0.2">
      <c r="A251" s="3" t="s">
        <v>683</v>
      </c>
      <c r="B251" s="3" t="s">
        <v>711</v>
      </c>
      <c r="C251" s="4" t="s">
        <v>712</v>
      </c>
      <c r="D251" s="3" t="s">
        <v>726</v>
      </c>
      <c r="E251" s="3"/>
    </row>
    <row r="252" spans="1:5" s="16" customFormat="1" ht="43.2" x14ac:dyDescent="0.2">
      <c r="A252" s="3" t="s">
        <v>683</v>
      </c>
      <c r="B252" s="3" t="s">
        <v>727</v>
      </c>
      <c r="C252" s="4" t="s">
        <v>728</v>
      </c>
      <c r="D252" s="3" t="s">
        <v>729</v>
      </c>
      <c r="E252" s="3"/>
    </row>
    <row r="253" spans="1:5" s="16" customFormat="1" ht="43.2" x14ac:dyDescent="0.2">
      <c r="A253" s="3" t="s">
        <v>683</v>
      </c>
      <c r="B253" s="3" t="s">
        <v>730</v>
      </c>
      <c r="C253" s="4" t="s">
        <v>731</v>
      </c>
      <c r="D253" s="3" t="s">
        <v>732</v>
      </c>
      <c r="E253" s="3"/>
    </row>
    <row r="254" spans="1:5" s="16" customFormat="1" ht="32.4" x14ac:dyDescent="0.2">
      <c r="A254" s="3" t="s">
        <v>683</v>
      </c>
      <c r="B254" s="3" t="s">
        <v>733</v>
      </c>
      <c r="C254" s="4" t="s">
        <v>734</v>
      </c>
      <c r="D254" s="3" t="s">
        <v>735</v>
      </c>
      <c r="E254" s="3"/>
    </row>
    <row r="255" spans="1:5" s="16" customFormat="1" ht="43.2" x14ac:dyDescent="0.2">
      <c r="A255" s="3" t="s">
        <v>683</v>
      </c>
      <c r="B255" s="3" t="s">
        <v>736</v>
      </c>
      <c r="C255" s="4" t="s">
        <v>737</v>
      </c>
      <c r="D255" s="3" t="s">
        <v>738</v>
      </c>
      <c r="E255" s="3"/>
    </row>
    <row r="256" spans="1:5" s="16" customFormat="1" ht="43.2" x14ac:dyDescent="0.2">
      <c r="A256" s="3" t="s">
        <v>683</v>
      </c>
      <c r="B256" s="3" t="s">
        <v>739</v>
      </c>
      <c r="C256" s="4" t="s">
        <v>740</v>
      </c>
      <c r="D256" s="3" t="s">
        <v>717</v>
      </c>
      <c r="E256" s="3"/>
    </row>
    <row r="257" spans="1:5" s="16" customFormat="1" ht="32.4" x14ac:dyDescent="0.2">
      <c r="A257" s="3" t="s">
        <v>683</v>
      </c>
      <c r="B257" s="3" t="s">
        <v>741</v>
      </c>
      <c r="C257" s="4" t="s">
        <v>742</v>
      </c>
      <c r="D257" s="3" t="s">
        <v>743</v>
      </c>
      <c r="E257" s="3"/>
    </row>
    <row r="258" spans="1:5" s="16" customFormat="1" ht="43.2" x14ac:dyDescent="0.2">
      <c r="A258" s="3" t="s">
        <v>683</v>
      </c>
      <c r="B258" s="3" t="s">
        <v>744</v>
      </c>
      <c r="C258" s="4" t="s">
        <v>1496</v>
      </c>
      <c r="D258" s="3" t="s">
        <v>745</v>
      </c>
      <c r="E258" s="3"/>
    </row>
    <row r="259" spans="1:5" s="11" customFormat="1" ht="43.2" x14ac:dyDescent="0.2">
      <c r="A259" s="3" t="s">
        <v>683</v>
      </c>
      <c r="B259" s="3" t="s">
        <v>746</v>
      </c>
      <c r="C259" s="4" t="s">
        <v>747</v>
      </c>
      <c r="D259" s="3" t="s">
        <v>745</v>
      </c>
      <c r="E259" s="3"/>
    </row>
    <row r="260" spans="1:5" s="16" customFormat="1" ht="43.2" x14ac:dyDescent="0.2">
      <c r="A260" s="3" t="s">
        <v>683</v>
      </c>
      <c r="B260" s="3" t="s">
        <v>748</v>
      </c>
      <c r="C260" s="3" t="s">
        <v>749</v>
      </c>
      <c r="D260" s="3" t="s">
        <v>631</v>
      </c>
      <c r="E260" s="3"/>
    </row>
    <row r="261" spans="1:5" s="16" customFormat="1" ht="43.2" x14ac:dyDescent="0.2">
      <c r="A261" s="3" t="s">
        <v>683</v>
      </c>
      <c r="B261" s="3" t="s">
        <v>750</v>
      </c>
      <c r="C261" s="3" t="s">
        <v>751</v>
      </c>
      <c r="D261" s="3" t="s">
        <v>752</v>
      </c>
      <c r="E261" s="3"/>
    </row>
    <row r="262" spans="1:5" s="16" customFormat="1" ht="43.2" x14ac:dyDescent="0.2">
      <c r="A262" s="3" t="s">
        <v>683</v>
      </c>
      <c r="B262" s="3" t="s">
        <v>753</v>
      </c>
      <c r="C262" s="4" t="s">
        <v>754</v>
      </c>
      <c r="D262" s="3" t="s">
        <v>631</v>
      </c>
      <c r="E262" s="3"/>
    </row>
    <row r="263" spans="1:5" s="16" customFormat="1" ht="43.2" x14ac:dyDescent="0.2">
      <c r="A263" s="3" t="s">
        <v>683</v>
      </c>
      <c r="B263" s="3" t="s">
        <v>744</v>
      </c>
      <c r="C263" s="4" t="s">
        <v>1497</v>
      </c>
      <c r="D263" s="3" t="s">
        <v>755</v>
      </c>
      <c r="E263" s="3"/>
    </row>
    <row r="264" spans="1:5" s="11" customFormat="1" ht="43.2" x14ac:dyDescent="0.2">
      <c r="A264" s="3" t="s">
        <v>683</v>
      </c>
      <c r="B264" s="3" t="s">
        <v>746</v>
      </c>
      <c r="C264" s="4" t="s">
        <v>756</v>
      </c>
      <c r="D264" s="3" t="s">
        <v>755</v>
      </c>
      <c r="E264" s="3"/>
    </row>
    <row r="265" spans="1:5" s="11" customFormat="1" ht="43.2" x14ac:dyDescent="0.2">
      <c r="A265" s="3" t="s">
        <v>683</v>
      </c>
      <c r="B265" s="3" t="s">
        <v>757</v>
      </c>
      <c r="C265" s="4" t="s">
        <v>758</v>
      </c>
      <c r="D265" s="3" t="s">
        <v>732</v>
      </c>
      <c r="E265" s="3"/>
    </row>
    <row r="266" spans="1:5" s="11" customFormat="1" ht="64.8" x14ac:dyDescent="0.2">
      <c r="A266" s="3" t="s">
        <v>683</v>
      </c>
      <c r="B266" s="3" t="s">
        <v>759</v>
      </c>
      <c r="C266" s="4" t="s">
        <v>760</v>
      </c>
      <c r="D266" s="3" t="s">
        <v>752</v>
      </c>
      <c r="E266" s="3" t="s">
        <v>761</v>
      </c>
    </row>
    <row r="267" spans="1:5" s="16" customFormat="1" ht="75.599999999999994" x14ac:dyDescent="0.2">
      <c r="A267" s="3" t="s">
        <v>683</v>
      </c>
      <c r="B267" s="3" t="s">
        <v>762</v>
      </c>
      <c r="C267" s="4" t="s">
        <v>763</v>
      </c>
      <c r="D267" s="3" t="s">
        <v>722</v>
      </c>
      <c r="E267" s="3"/>
    </row>
    <row r="268" spans="1:5" s="16" customFormat="1" ht="54" x14ac:dyDescent="0.2">
      <c r="A268" s="3" t="s">
        <v>683</v>
      </c>
      <c r="B268" s="3" t="s">
        <v>764</v>
      </c>
      <c r="C268" s="4" t="s">
        <v>1498</v>
      </c>
      <c r="D268" s="3" t="s">
        <v>722</v>
      </c>
      <c r="E268" s="3"/>
    </row>
    <row r="269" spans="1:5" s="16" customFormat="1" ht="54" x14ac:dyDescent="0.2">
      <c r="A269" s="3" t="s">
        <v>765</v>
      </c>
      <c r="B269" s="3" t="s">
        <v>766</v>
      </c>
      <c r="C269" s="4" t="s">
        <v>767</v>
      </c>
      <c r="D269" s="3" t="s">
        <v>768</v>
      </c>
      <c r="E269" s="3"/>
    </row>
    <row r="270" spans="1:5" s="16" customFormat="1" ht="54" x14ac:dyDescent="0.2">
      <c r="A270" s="3" t="s">
        <v>765</v>
      </c>
      <c r="B270" s="3" t="s">
        <v>769</v>
      </c>
      <c r="C270" s="4" t="s">
        <v>770</v>
      </c>
      <c r="D270" s="3" t="s">
        <v>771</v>
      </c>
      <c r="E270" s="3"/>
    </row>
    <row r="271" spans="1:5" s="16" customFormat="1" ht="54" x14ac:dyDescent="0.2">
      <c r="A271" s="3" t="s">
        <v>765</v>
      </c>
      <c r="B271" s="3" t="s">
        <v>772</v>
      </c>
      <c r="C271" s="4" t="s">
        <v>773</v>
      </c>
      <c r="D271" s="3" t="s">
        <v>774</v>
      </c>
      <c r="E271" s="3"/>
    </row>
    <row r="272" spans="1:5" s="16" customFormat="1" ht="43.2" x14ac:dyDescent="0.2">
      <c r="A272" s="4" t="s">
        <v>775</v>
      </c>
      <c r="B272" s="4" t="s">
        <v>776</v>
      </c>
      <c r="C272" s="4" t="s">
        <v>777</v>
      </c>
      <c r="D272" s="3" t="s">
        <v>602</v>
      </c>
      <c r="E272" s="8"/>
    </row>
    <row r="273" spans="1:5" s="16" customFormat="1" ht="43.2" x14ac:dyDescent="0.2">
      <c r="A273" s="4" t="s">
        <v>778</v>
      </c>
      <c r="B273" s="4" t="s">
        <v>779</v>
      </c>
      <c r="C273" s="4" t="s">
        <v>780</v>
      </c>
      <c r="D273" s="3" t="s">
        <v>602</v>
      </c>
      <c r="E273" s="8"/>
    </row>
    <row r="274" spans="1:5" s="16" customFormat="1" ht="43.2" x14ac:dyDescent="0.2">
      <c r="A274" s="4" t="s">
        <v>778</v>
      </c>
      <c r="B274" s="4" t="s">
        <v>781</v>
      </c>
      <c r="C274" s="4" t="s">
        <v>782</v>
      </c>
      <c r="D274" s="3" t="s">
        <v>1499</v>
      </c>
      <c r="E274" s="8"/>
    </row>
    <row r="275" spans="1:5" s="16" customFormat="1" ht="43.2" x14ac:dyDescent="0.2">
      <c r="A275" s="4" t="s">
        <v>783</v>
      </c>
      <c r="B275" s="4" t="s">
        <v>784</v>
      </c>
      <c r="C275" s="4" t="s">
        <v>785</v>
      </c>
      <c r="D275" s="3" t="s">
        <v>95</v>
      </c>
      <c r="E275" s="4" t="s">
        <v>786</v>
      </c>
    </row>
    <row r="276" spans="1:5" s="16" customFormat="1" ht="54" x14ac:dyDescent="0.2">
      <c r="A276" s="4" t="s">
        <v>783</v>
      </c>
      <c r="B276" s="4" t="s">
        <v>787</v>
      </c>
      <c r="C276" s="4" t="s">
        <v>788</v>
      </c>
      <c r="D276" s="3" t="s">
        <v>789</v>
      </c>
      <c r="E276" s="4" t="s">
        <v>790</v>
      </c>
    </row>
    <row r="277" spans="1:5" s="16" customFormat="1" ht="64.8" x14ac:dyDescent="0.2">
      <c r="A277" s="4" t="s">
        <v>783</v>
      </c>
      <c r="B277" s="4" t="s">
        <v>791</v>
      </c>
      <c r="C277" s="4" t="s">
        <v>792</v>
      </c>
      <c r="D277" s="3" t="s">
        <v>1500</v>
      </c>
      <c r="E277" s="4" t="s">
        <v>1501</v>
      </c>
    </row>
    <row r="278" spans="1:5" s="16" customFormat="1" ht="54" x14ac:dyDescent="0.2">
      <c r="A278" s="4" t="s">
        <v>783</v>
      </c>
      <c r="B278" s="4" t="s">
        <v>793</v>
      </c>
      <c r="C278" s="4" t="s">
        <v>794</v>
      </c>
      <c r="D278" s="3" t="s">
        <v>795</v>
      </c>
      <c r="E278" s="4"/>
    </row>
    <row r="279" spans="1:5" s="16" customFormat="1" ht="54" x14ac:dyDescent="0.2">
      <c r="A279" s="4" t="s">
        <v>783</v>
      </c>
      <c r="B279" s="4" t="s">
        <v>796</v>
      </c>
      <c r="C279" s="4" t="s">
        <v>797</v>
      </c>
      <c r="D279" s="3" t="s">
        <v>798</v>
      </c>
      <c r="E279" s="4" t="s">
        <v>799</v>
      </c>
    </row>
    <row r="280" spans="1:5" s="16" customFormat="1" ht="54" x14ac:dyDescent="0.2">
      <c r="A280" s="4" t="s">
        <v>800</v>
      </c>
      <c r="B280" s="3" t="s">
        <v>801</v>
      </c>
      <c r="C280" s="4" t="s">
        <v>802</v>
      </c>
      <c r="D280" s="4" t="s">
        <v>1502</v>
      </c>
      <c r="E280" s="4" t="s">
        <v>1503</v>
      </c>
    </row>
    <row r="281" spans="1:5" s="16" customFormat="1" ht="54" x14ac:dyDescent="0.2">
      <c r="A281" s="4" t="s">
        <v>803</v>
      </c>
      <c r="B281" s="4" t="s">
        <v>804</v>
      </c>
      <c r="C281" s="4" t="s">
        <v>805</v>
      </c>
      <c r="D281" s="4" t="s">
        <v>806</v>
      </c>
      <c r="E281" s="8"/>
    </row>
    <row r="282" spans="1:5" s="16" customFormat="1" ht="108" x14ac:dyDescent="0.2">
      <c r="A282" s="4" t="s">
        <v>803</v>
      </c>
      <c r="B282" s="4" t="s">
        <v>807</v>
      </c>
      <c r="C282" s="4" t="s">
        <v>808</v>
      </c>
      <c r="D282" s="4" t="s">
        <v>809</v>
      </c>
      <c r="E282" s="8"/>
    </row>
    <row r="283" spans="1:5" s="16" customFormat="1" ht="54" x14ac:dyDescent="0.2">
      <c r="A283" s="4" t="s">
        <v>803</v>
      </c>
      <c r="B283" s="4" t="s">
        <v>810</v>
      </c>
      <c r="C283" s="4" t="s">
        <v>811</v>
      </c>
      <c r="D283" s="4" t="s">
        <v>809</v>
      </c>
      <c r="E283" s="8"/>
    </row>
    <row r="284" spans="1:5" s="16" customFormat="1" ht="43.2" x14ac:dyDescent="0.2">
      <c r="A284" s="4" t="s">
        <v>803</v>
      </c>
      <c r="B284" s="4" t="s">
        <v>812</v>
      </c>
      <c r="C284" s="4" t="s">
        <v>813</v>
      </c>
      <c r="D284" s="4" t="s">
        <v>814</v>
      </c>
      <c r="E284" s="8"/>
    </row>
    <row r="285" spans="1:5" s="16" customFormat="1" ht="64.8" x14ac:dyDescent="0.2">
      <c r="A285" s="4" t="s">
        <v>803</v>
      </c>
      <c r="B285" s="4" t="s">
        <v>815</v>
      </c>
      <c r="C285" s="4" t="s">
        <v>816</v>
      </c>
      <c r="D285" s="4" t="s">
        <v>1504</v>
      </c>
      <c r="E285" s="8"/>
    </row>
    <row r="286" spans="1:5" s="16" customFormat="1" ht="43.2" x14ac:dyDescent="0.2">
      <c r="A286" s="4" t="s">
        <v>803</v>
      </c>
      <c r="B286" s="4" t="s">
        <v>817</v>
      </c>
      <c r="C286" s="4" t="s">
        <v>818</v>
      </c>
      <c r="D286" s="4" t="s">
        <v>819</v>
      </c>
      <c r="E286" s="8"/>
    </row>
    <row r="287" spans="1:5" s="16" customFormat="1" ht="43.2" x14ac:dyDescent="0.2">
      <c r="A287" s="3" t="s">
        <v>820</v>
      </c>
      <c r="B287" s="3" t="s">
        <v>821</v>
      </c>
      <c r="C287" s="4" t="s">
        <v>822</v>
      </c>
      <c r="D287" s="3" t="s">
        <v>823</v>
      </c>
      <c r="E287" s="3"/>
    </row>
    <row r="288" spans="1:5" s="16" customFormat="1" ht="43.2" x14ac:dyDescent="0.2">
      <c r="A288" s="3" t="s">
        <v>820</v>
      </c>
      <c r="B288" s="3" t="s">
        <v>824</v>
      </c>
      <c r="C288" s="4" t="s">
        <v>825</v>
      </c>
      <c r="D288" s="3" t="s">
        <v>826</v>
      </c>
      <c r="E288" s="3"/>
    </row>
    <row r="289" spans="1:5" s="16" customFormat="1" ht="54" x14ac:dyDescent="0.2">
      <c r="A289" s="3" t="s">
        <v>820</v>
      </c>
      <c r="B289" s="3" t="s">
        <v>827</v>
      </c>
      <c r="C289" s="4" t="s">
        <v>828</v>
      </c>
      <c r="D289" s="3" t="s">
        <v>829</v>
      </c>
      <c r="E289" s="3" t="s">
        <v>830</v>
      </c>
    </row>
    <row r="290" spans="1:5" s="16" customFormat="1" ht="409.6" x14ac:dyDescent="0.2">
      <c r="A290" s="4" t="s">
        <v>820</v>
      </c>
      <c r="B290" s="4" t="s">
        <v>831</v>
      </c>
      <c r="C290" s="4" t="s">
        <v>832</v>
      </c>
      <c r="D290" s="1" t="s">
        <v>833</v>
      </c>
      <c r="E290" s="4" t="s">
        <v>834</v>
      </c>
    </row>
    <row r="291" spans="1:5" s="16" customFormat="1" ht="43.2" x14ac:dyDescent="0.2">
      <c r="A291" s="3" t="s">
        <v>820</v>
      </c>
      <c r="B291" s="3" t="s">
        <v>835</v>
      </c>
      <c r="C291" s="4" t="s">
        <v>836</v>
      </c>
      <c r="D291" s="3" t="s">
        <v>837</v>
      </c>
      <c r="E291" s="3" t="s">
        <v>838</v>
      </c>
    </row>
    <row r="292" spans="1:5" s="16" customFormat="1" ht="43.2" x14ac:dyDescent="0.2">
      <c r="A292" s="3" t="s">
        <v>820</v>
      </c>
      <c r="B292" s="3" t="s">
        <v>839</v>
      </c>
      <c r="C292" s="4" t="s">
        <v>840</v>
      </c>
      <c r="D292" s="3" t="s">
        <v>841</v>
      </c>
      <c r="E292" s="3"/>
    </row>
    <row r="293" spans="1:5" s="16" customFormat="1" ht="32.4" x14ac:dyDescent="0.2">
      <c r="A293" s="3" t="s">
        <v>842</v>
      </c>
      <c r="B293" s="3" t="s">
        <v>843</v>
      </c>
      <c r="C293" s="4" t="s">
        <v>844</v>
      </c>
      <c r="D293" s="3" t="s">
        <v>845</v>
      </c>
      <c r="E293" s="3" t="s">
        <v>846</v>
      </c>
    </row>
    <row r="294" spans="1:5" s="16" customFormat="1" ht="32.4" x14ac:dyDescent="0.2">
      <c r="A294" s="3" t="s">
        <v>842</v>
      </c>
      <c r="B294" s="3" t="s">
        <v>847</v>
      </c>
      <c r="C294" s="3" t="s">
        <v>848</v>
      </c>
      <c r="D294" s="4" t="s">
        <v>849</v>
      </c>
      <c r="E294" s="4" t="s">
        <v>850</v>
      </c>
    </row>
    <row r="295" spans="1:5" s="16" customFormat="1" ht="32.4" x14ac:dyDescent="0.2">
      <c r="A295" s="3" t="s">
        <v>842</v>
      </c>
      <c r="B295" s="3" t="s">
        <v>851</v>
      </c>
      <c r="C295" s="3" t="s">
        <v>852</v>
      </c>
      <c r="D295" s="4" t="s">
        <v>849</v>
      </c>
      <c r="E295" s="4" t="s">
        <v>850</v>
      </c>
    </row>
    <row r="296" spans="1:5" s="16" customFormat="1" ht="32.4" x14ac:dyDescent="0.2">
      <c r="A296" s="3" t="s">
        <v>842</v>
      </c>
      <c r="B296" s="3" t="s">
        <v>853</v>
      </c>
      <c r="C296" s="3" t="s">
        <v>854</v>
      </c>
      <c r="D296" s="3" t="s">
        <v>855</v>
      </c>
      <c r="E296" s="3"/>
    </row>
    <row r="297" spans="1:5" s="16" customFormat="1" ht="43.2" x14ac:dyDescent="0.2">
      <c r="A297" s="3" t="s">
        <v>856</v>
      </c>
      <c r="B297" s="3" t="s">
        <v>839</v>
      </c>
      <c r="C297" s="4" t="s">
        <v>857</v>
      </c>
      <c r="D297" s="3" t="s">
        <v>858</v>
      </c>
      <c r="E297" s="3"/>
    </row>
    <row r="298" spans="1:5" s="16" customFormat="1" ht="32.4" x14ac:dyDescent="0.2">
      <c r="A298" s="3" t="s">
        <v>856</v>
      </c>
      <c r="B298" s="3" t="s">
        <v>859</v>
      </c>
      <c r="C298" s="4" t="s">
        <v>860</v>
      </c>
      <c r="D298" s="3" t="s">
        <v>861</v>
      </c>
      <c r="E298" s="3"/>
    </row>
    <row r="299" spans="1:5" s="16" customFormat="1" ht="54" x14ac:dyDescent="0.2">
      <c r="A299" s="3" t="s">
        <v>856</v>
      </c>
      <c r="B299" s="4" t="s">
        <v>862</v>
      </c>
      <c r="C299" s="3" t="s">
        <v>863</v>
      </c>
      <c r="D299" s="3" t="s">
        <v>864</v>
      </c>
      <c r="E299" s="3"/>
    </row>
    <row r="300" spans="1:5" s="16" customFormat="1" ht="21.6" x14ac:dyDescent="0.2">
      <c r="A300" s="3" t="s">
        <v>856</v>
      </c>
      <c r="B300" s="4" t="s">
        <v>865</v>
      </c>
      <c r="C300" s="3" t="s">
        <v>866</v>
      </c>
      <c r="D300" s="3" t="s">
        <v>867</v>
      </c>
      <c r="E300" s="3"/>
    </row>
    <row r="301" spans="1:5" s="16" customFormat="1" ht="64.8" x14ac:dyDescent="0.2">
      <c r="A301" s="3" t="s">
        <v>868</v>
      </c>
      <c r="B301" s="3" t="s">
        <v>869</v>
      </c>
      <c r="C301" s="4" t="s">
        <v>870</v>
      </c>
      <c r="D301" s="3" t="s">
        <v>871</v>
      </c>
      <c r="E301" s="3"/>
    </row>
    <row r="302" spans="1:5" s="16" customFormat="1" ht="43.2" x14ac:dyDescent="0.2">
      <c r="A302" s="3" t="s">
        <v>868</v>
      </c>
      <c r="B302" s="3" t="s">
        <v>839</v>
      </c>
      <c r="C302" s="4" t="s">
        <v>872</v>
      </c>
      <c r="D302" s="3" t="s">
        <v>858</v>
      </c>
      <c r="E302" s="3"/>
    </row>
    <row r="303" spans="1:5" s="16" customFormat="1" ht="32.4" x14ac:dyDescent="0.2">
      <c r="A303" s="3" t="s">
        <v>868</v>
      </c>
      <c r="B303" s="3" t="s">
        <v>873</v>
      </c>
      <c r="C303" s="4" t="s">
        <v>874</v>
      </c>
      <c r="D303" s="3" t="s">
        <v>873</v>
      </c>
      <c r="E303" s="3"/>
    </row>
    <row r="304" spans="1:5" s="16" customFormat="1" ht="32.4" x14ac:dyDescent="0.2">
      <c r="A304" s="3" t="s">
        <v>868</v>
      </c>
      <c r="B304" s="3" t="s">
        <v>875</v>
      </c>
      <c r="C304" s="4" t="s">
        <v>876</v>
      </c>
      <c r="D304" s="3" t="s">
        <v>875</v>
      </c>
      <c r="E304" s="3"/>
    </row>
    <row r="305" spans="1:5" s="16" customFormat="1" ht="32.4" x14ac:dyDescent="0.2">
      <c r="A305" s="3" t="s">
        <v>877</v>
      </c>
      <c r="B305" s="3" t="s">
        <v>878</v>
      </c>
      <c r="C305" s="4" t="s">
        <v>879</v>
      </c>
      <c r="D305" s="3" t="s">
        <v>880</v>
      </c>
      <c r="E305" s="3"/>
    </row>
    <row r="306" spans="1:5" s="16" customFormat="1" ht="32.4" x14ac:dyDescent="0.2">
      <c r="A306" s="4" t="s">
        <v>881</v>
      </c>
      <c r="B306" s="3" t="s">
        <v>882</v>
      </c>
      <c r="C306" s="4" t="s">
        <v>883</v>
      </c>
      <c r="D306" s="3" t="s">
        <v>884</v>
      </c>
      <c r="E306" s="3"/>
    </row>
    <row r="307" spans="1:5" s="16" customFormat="1" ht="32.4" x14ac:dyDescent="0.2">
      <c r="A307" s="4" t="s">
        <v>881</v>
      </c>
      <c r="B307" s="3" t="s">
        <v>882</v>
      </c>
      <c r="C307" s="4" t="s">
        <v>885</v>
      </c>
      <c r="D307" s="3" t="s">
        <v>886</v>
      </c>
      <c r="E307" s="3"/>
    </row>
    <row r="308" spans="1:5" s="16" customFormat="1" ht="43.2" x14ac:dyDescent="0.2">
      <c r="A308" s="4" t="s">
        <v>881</v>
      </c>
      <c r="B308" s="4" t="s">
        <v>839</v>
      </c>
      <c r="C308" s="4" t="s">
        <v>887</v>
      </c>
      <c r="D308" s="4" t="s">
        <v>888</v>
      </c>
      <c r="E308" s="4"/>
    </row>
    <row r="309" spans="1:5" s="16" customFormat="1" ht="32.4" x14ac:dyDescent="0.2">
      <c r="A309" s="4" t="s">
        <v>881</v>
      </c>
      <c r="B309" s="3" t="s">
        <v>862</v>
      </c>
      <c r="C309" s="4" t="s">
        <v>889</v>
      </c>
      <c r="D309" s="3" t="s">
        <v>890</v>
      </c>
      <c r="E309" s="3"/>
    </row>
    <row r="310" spans="1:5" s="16" customFormat="1" ht="43.2" x14ac:dyDescent="0.2">
      <c r="A310" s="3" t="s">
        <v>881</v>
      </c>
      <c r="B310" s="3" t="s">
        <v>891</v>
      </c>
      <c r="C310" s="3" t="s">
        <v>892</v>
      </c>
      <c r="D310" s="3" t="s">
        <v>893</v>
      </c>
      <c r="E310" s="3"/>
    </row>
    <row r="311" spans="1:5" s="16" customFormat="1" ht="43.2" x14ac:dyDescent="0.2">
      <c r="A311" s="3" t="s">
        <v>894</v>
      </c>
      <c r="B311" s="3" t="s">
        <v>895</v>
      </c>
      <c r="C311" s="4" t="s">
        <v>896</v>
      </c>
      <c r="D311" s="3" t="s">
        <v>897</v>
      </c>
      <c r="E311" s="3"/>
    </row>
    <row r="312" spans="1:5" s="16" customFormat="1" ht="32.4" x14ac:dyDescent="0.2">
      <c r="A312" s="3" t="s">
        <v>894</v>
      </c>
      <c r="B312" s="3" t="s">
        <v>895</v>
      </c>
      <c r="C312" s="4" t="s">
        <v>898</v>
      </c>
      <c r="D312" s="3" t="s">
        <v>899</v>
      </c>
      <c r="E312" s="3"/>
    </row>
    <row r="313" spans="1:5" s="16" customFormat="1" ht="32.4" x14ac:dyDescent="0.2">
      <c r="A313" s="3" t="s">
        <v>894</v>
      </c>
      <c r="B313" s="4" t="s">
        <v>900</v>
      </c>
      <c r="C313" s="4" t="s">
        <v>901</v>
      </c>
      <c r="D313" s="3" t="s">
        <v>888</v>
      </c>
      <c r="E313" s="3"/>
    </row>
    <row r="314" spans="1:5" s="16" customFormat="1" ht="32.4" x14ac:dyDescent="0.2">
      <c r="A314" s="3" t="s">
        <v>894</v>
      </c>
      <c r="B314" s="3" t="s">
        <v>902</v>
      </c>
      <c r="C314" s="4" t="s">
        <v>903</v>
      </c>
      <c r="D314" s="3" t="s">
        <v>884</v>
      </c>
      <c r="E314" s="3"/>
    </row>
    <row r="315" spans="1:5" s="16" customFormat="1" ht="21.6" x14ac:dyDescent="0.2">
      <c r="A315" s="3" t="s">
        <v>904</v>
      </c>
      <c r="B315" s="3" t="s">
        <v>865</v>
      </c>
      <c r="C315" s="4" t="s">
        <v>898</v>
      </c>
      <c r="D315" s="3" t="s">
        <v>905</v>
      </c>
      <c r="E315" s="3"/>
    </row>
    <row r="316" spans="1:5" s="16" customFormat="1" ht="43.2" x14ac:dyDescent="0.2">
      <c r="A316" s="3" t="s">
        <v>904</v>
      </c>
      <c r="B316" s="3" t="s">
        <v>839</v>
      </c>
      <c r="C316" s="4" t="s">
        <v>857</v>
      </c>
      <c r="D316" s="3" t="s">
        <v>858</v>
      </c>
      <c r="E316" s="3"/>
    </row>
    <row r="317" spans="1:5" s="16" customFormat="1" ht="32.4" x14ac:dyDescent="0.2">
      <c r="A317" s="3" t="s">
        <v>904</v>
      </c>
      <c r="B317" s="3" t="s">
        <v>859</v>
      </c>
      <c r="C317" s="4" t="s">
        <v>906</v>
      </c>
      <c r="D317" s="3" t="s">
        <v>907</v>
      </c>
      <c r="E317" s="3"/>
    </row>
    <row r="318" spans="1:5" s="16" customFormat="1" ht="21.6" x14ac:dyDescent="0.2">
      <c r="A318" s="4" t="s">
        <v>904</v>
      </c>
      <c r="B318" s="4" t="s">
        <v>908</v>
      </c>
      <c r="C318" s="4" t="s">
        <v>909</v>
      </c>
      <c r="D318" s="3" t="s">
        <v>910</v>
      </c>
      <c r="E318" s="3"/>
    </row>
    <row r="319" spans="1:5" s="16" customFormat="1" ht="21.6" x14ac:dyDescent="0.2">
      <c r="A319" s="4" t="s">
        <v>904</v>
      </c>
      <c r="B319" s="4" t="s">
        <v>911</v>
      </c>
      <c r="C319" s="4" t="s">
        <v>912</v>
      </c>
      <c r="D319" s="3" t="s">
        <v>911</v>
      </c>
      <c r="E319" s="3"/>
    </row>
    <row r="320" spans="1:5" s="16" customFormat="1" ht="43.2" x14ac:dyDescent="0.2">
      <c r="A320" s="4" t="s">
        <v>913</v>
      </c>
      <c r="B320" s="4" t="s">
        <v>914</v>
      </c>
      <c r="C320" s="4" t="s">
        <v>915</v>
      </c>
      <c r="D320" s="3" t="s">
        <v>916</v>
      </c>
      <c r="E320" s="3"/>
    </row>
    <row r="321" spans="1:5" s="16" customFormat="1" ht="54" x14ac:dyDescent="0.2">
      <c r="A321" s="4" t="s">
        <v>913</v>
      </c>
      <c r="B321" s="4" t="s">
        <v>862</v>
      </c>
      <c r="C321" s="4" t="s">
        <v>917</v>
      </c>
      <c r="D321" s="3" t="s">
        <v>918</v>
      </c>
      <c r="E321" s="3"/>
    </row>
    <row r="322" spans="1:5" s="16" customFormat="1" ht="43.2" x14ac:dyDescent="0.2">
      <c r="A322" s="4" t="s">
        <v>913</v>
      </c>
      <c r="B322" s="4" t="s">
        <v>865</v>
      </c>
      <c r="C322" s="4" t="s">
        <v>898</v>
      </c>
      <c r="D322" s="3" t="s">
        <v>919</v>
      </c>
      <c r="E322" s="3"/>
    </row>
    <row r="323" spans="1:5" s="16" customFormat="1" ht="64.8" x14ac:dyDescent="0.2">
      <c r="A323" s="4" t="s">
        <v>913</v>
      </c>
      <c r="B323" s="4" t="s">
        <v>920</v>
      </c>
      <c r="C323" s="4" t="s">
        <v>921</v>
      </c>
      <c r="D323" s="3" t="s">
        <v>858</v>
      </c>
      <c r="E323" s="3"/>
    </row>
    <row r="324" spans="1:5" s="16" customFormat="1" ht="43.2" x14ac:dyDescent="0.2">
      <c r="A324" s="3" t="s">
        <v>913</v>
      </c>
      <c r="B324" s="4" t="s">
        <v>922</v>
      </c>
      <c r="C324" s="4" t="s">
        <v>923</v>
      </c>
      <c r="D324" s="4" t="s">
        <v>924</v>
      </c>
      <c r="E324" s="8"/>
    </row>
    <row r="325" spans="1:5" s="16" customFormat="1" ht="64.8" x14ac:dyDescent="0.2">
      <c r="A325" s="3" t="s">
        <v>925</v>
      </c>
      <c r="B325" s="4" t="s">
        <v>926</v>
      </c>
      <c r="C325" s="4" t="s">
        <v>927</v>
      </c>
      <c r="D325" s="4" t="s">
        <v>928</v>
      </c>
      <c r="E325" s="8"/>
    </row>
    <row r="326" spans="1:5" s="33" customFormat="1" ht="48.45" customHeight="1" x14ac:dyDescent="0.2">
      <c r="A326" s="3" t="s">
        <v>929</v>
      </c>
      <c r="B326" s="4" t="s">
        <v>930</v>
      </c>
      <c r="C326" s="4" t="s">
        <v>931</v>
      </c>
      <c r="D326" s="4" t="s">
        <v>932</v>
      </c>
      <c r="E326" s="4"/>
    </row>
    <row r="327" spans="1:5" s="33" customFormat="1" ht="48.45" customHeight="1" x14ac:dyDescent="0.2">
      <c r="A327" s="3" t="s">
        <v>929</v>
      </c>
      <c r="B327" s="4" t="s">
        <v>933</v>
      </c>
      <c r="C327" s="4" t="s">
        <v>934</v>
      </c>
      <c r="D327" s="4" t="s">
        <v>935</v>
      </c>
      <c r="E327" s="4"/>
    </row>
    <row r="328" spans="1:5" s="33" customFormat="1" ht="48.45" customHeight="1" x14ac:dyDescent="0.2">
      <c r="A328" s="3" t="s">
        <v>929</v>
      </c>
      <c r="B328" s="4" t="s">
        <v>936</v>
      </c>
      <c r="C328" s="4" t="s">
        <v>937</v>
      </c>
      <c r="D328" s="3" t="s">
        <v>938</v>
      </c>
      <c r="E328" s="3"/>
    </row>
    <row r="329" spans="1:5" s="33" customFormat="1" ht="48.45" customHeight="1" x14ac:dyDescent="0.2">
      <c r="A329" s="3" t="s">
        <v>929</v>
      </c>
      <c r="B329" s="4" t="s">
        <v>936</v>
      </c>
      <c r="C329" s="4" t="s">
        <v>939</v>
      </c>
      <c r="D329" s="4" t="s">
        <v>940</v>
      </c>
      <c r="E329" s="4"/>
    </row>
    <row r="330" spans="1:5" s="16" customFormat="1" ht="43.2" x14ac:dyDescent="0.2">
      <c r="A330" s="3" t="s">
        <v>941</v>
      </c>
      <c r="B330" s="3" t="s">
        <v>942</v>
      </c>
      <c r="C330" s="4" t="s">
        <v>943</v>
      </c>
      <c r="D330" s="4" t="s">
        <v>944</v>
      </c>
      <c r="E330" s="8"/>
    </row>
    <row r="331" spans="1:5" s="16" customFormat="1" ht="43.2" x14ac:dyDescent="0.2">
      <c r="A331" s="3" t="s">
        <v>941</v>
      </c>
      <c r="B331" s="4" t="s">
        <v>839</v>
      </c>
      <c r="C331" s="4" t="s">
        <v>901</v>
      </c>
      <c r="D331" s="4" t="s">
        <v>888</v>
      </c>
      <c r="E331" s="4"/>
    </row>
    <row r="332" spans="1:5" s="16" customFormat="1" ht="43.2" x14ac:dyDescent="0.2">
      <c r="A332" s="3" t="s">
        <v>941</v>
      </c>
      <c r="B332" s="4" t="s">
        <v>945</v>
      </c>
      <c r="C332" s="4" t="s">
        <v>946</v>
      </c>
      <c r="D332" s="4" t="s">
        <v>947</v>
      </c>
      <c r="E332" s="4"/>
    </row>
    <row r="333" spans="1:5" s="16" customFormat="1" ht="43.2" x14ac:dyDescent="0.2">
      <c r="A333" s="3" t="s">
        <v>941</v>
      </c>
      <c r="B333" s="4" t="s">
        <v>948</v>
      </c>
      <c r="C333" s="4" t="s">
        <v>949</v>
      </c>
      <c r="D333" s="4" t="s">
        <v>950</v>
      </c>
      <c r="E333" s="4"/>
    </row>
    <row r="334" spans="1:5" s="16" customFormat="1" ht="43.2" x14ac:dyDescent="0.2">
      <c r="A334" s="3" t="s">
        <v>941</v>
      </c>
      <c r="B334" s="4" t="s">
        <v>951</v>
      </c>
      <c r="C334" s="4" t="s">
        <v>952</v>
      </c>
      <c r="D334" s="4" t="s">
        <v>953</v>
      </c>
      <c r="E334" s="4"/>
    </row>
    <row r="335" spans="1:5" s="16" customFormat="1" ht="43.2" x14ac:dyDescent="0.2">
      <c r="A335" s="3" t="s">
        <v>954</v>
      </c>
      <c r="B335" s="3" t="s">
        <v>955</v>
      </c>
      <c r="C335" s="4" t="s">
        <v>956</v>
      </c>
      <c r="D335" s="3" t="s">
        <v>957</v>
      </c>
      <c r="E335" s="3" t="s">
        <v>1505</v>
      </c>
    </row>
    <row r="336" spans="1:5" s="16" customFormat="1" ht="43.2" x14ac:dyDescent="0.2">
      <c r="A336" s="3" t="s">
        <v>954</v>
      </c>
      <c r="B336" s="3" t="s">
        <v>958</v>
      </c>
      <c r="C336" s="4" t="s">
        <v>959</v>
      </c>
      <c r="D336" s="3" t="s">
        <v>960</v>
      </c>
      <c r="E336" s="3"/>
    </row>
    <row r="337" spans="1:5" s="16" customFormat="1" ht="43.2" x14ac:dyDescent="0.2">
      <c r="A337" s="3" t="s">
        <v>954</v>
      </c>
      <c r="B337" s="3" t="s">
        <v>961</v>
      </c>
      <c r="C337" s="4" t="s">
        <v>962</v>
      </c>
      <c r="D337" s="3" t="s">
        <v>963</v>
      </c>
      <c r="E337" s="3"/>
    </row>
    <row r="338" spans="1:5" s="16" customFormat="1" ht="43.2" x14ac:dyDescent="0.2">
      <c r="A338" s="3" t="s">
        <v>954</v>
      </c>
      <c r="B338" s="3" t="s">
        <v>964</v>
      </c>
      <c r="C338" s="4" t="s">
        <v>965</v>
      </c>
      <c r="D338" s="3" t="s">
        <v>966</v>
      </c>
      <c r="E338" s="3" t="s">
        <v>967</v>
      </c>
    </row>
    <row r="339" spans="1:5" s="16" customFormat="1" ht="43.2" x14ac:dyDescent="0.2">
      <c r="A339" s="3" t="s">
        <v>954</v>
      </c>
      <c r="B339" s="3" t="s">
        <v>961</v>
      </c>
      <c r="C339" s="4" t="s">
        <v>962</v>
      </c>
      <c r="D339" s="3" t="s">
        <v>963</v>
      </c>
      <c r="E339" s="3"/>
    </row>
    <row r="340" spans="1:5" s="16" customFormat="1" ht="43.2" x14ac:dyDescent="0.2">
      <c r="A340" s="3" t="s">
        <v>954</v>
      </c>
      <c r="B340" s="3" t="s">
        <v>964</v>
      </c>
      <c r="C340" s="4" t="s">
        <v>965</v>
      </c>
      <c r="D340" s="3" t="s">
        <v>966</v>
      </c>
      <c r="E340" s="3" t="s">
        <v>967</v>
      </c>
    </row>
    <row r="341" spans="1:5" s="16" customFormat="1" ht="43.2" x14ac:dyDescent="0.2">
      <c r="A341" s="3" t="s">
        <v>954</v>
      </c>
      <c r="B341" s="3" t="s">
        <v>968</v>
      </c>
      <c r="C341" s="4" t="s">
        <v>969</v>
      </c>
      <c r="D341" s="3" t="s">
        <v>970</v>
      </c>
      <c r="E341" s="3" t="s">
        <v>971</v>
      </c>
    </row>
    <row r="342" spans="1:5" s="16" customFormat="1" ht="32.4" x14ac:dyDescent="0.2">
      <c r="A342" s="3" t="s">
        <v>954</v>
      </c>
      <c r="B342" s="3" t="s">
        <v>972</v>
      </c>
      <c r="C342" s="4" t="s">
        <v>973</v>
      </c>
      <c r="D342" s="3" t="s">
        <v>974</v>
      </c>
      <c r="E342" s="3"/>
    </row>
    <row r="343" spans="1:5" s="16" customFormat="1" ht="43.2" x14ac:dyDescent="0.2">
      <c r="A343" s="3" t="s">
        <v>954</v>
      </c>
      <c r="B343" s="3" t="s">
        <v>964</v>
      </c>
      <c r="C343" s="4" t="s">
        <v>975</v>
      </c>
      <c r="D343" s="3" t="s">
        <v>976</v>
      </c>
      <c r="E343" s="3"/>
    </row>
    <row r="344" spans="1:5" s="16" customFormat="1" ht="43.2" x14ac:dyDescent="0.2">
      <c r="A344" s="3" t="s">
        <v>954</v>
      </c>
      <c r="B344" s="3" t="s">
        <v>964</v>
      </c>
      <c r="C344" s="4" t="s">
        <v>977</v>
      </c>
      <c r="D344" s="3" t="s">
        <v>978</v>
      </c>
      <c r="E344" s="3"/>
    </row>
    <row r="345" spans="1:5" s="16" customFormat="1" ht="43.2" x14ac:dyDescent="0.2">
      <c r="A345" s="3" t="s">
        <v>954</v>
      </c>
      <c r="B345" s="3" t="s">
        <v>964</v>
      </c>
      <c r="C345" s="4" t="s">
        <v>979</v>
      </c>
      <c r="D345" s="3" t="s">
        <v>980</v>
      </c>
      <c r="E345" s="3"/>
    </row>
    <row r="346" spans="1:5" s="16" customFormat="1" ht="43.2" x14ac:dyDescent="0.2">
      <c r="A346" s="3" t="s">
        <v>954</v>
      </c>
      <c r="B346" s="3" t="s">
        <v>964</v>
      </c>
      <c r="C346" s="4" t="s">
        <v>975</v>
      </c>
      <c r="D346" s="3" t="s">
        <v>981</v>
      </c>
      <c r="E346" s="3"/>
    </row>
    <row r="347" spans="1:5" s="16" customFormat="1" ht="64.8" x14ac:dyDescent="0.2">
      <c r="A347" s="3" t="s">
        <v>982</v>
      </c>
      <c r="B347" s="3" t="s">
        <v>983</v>
      </c>
      <c r="C347" s="4" t="s">
        <v>984</v>
      </c>
      <c r="D347" s="4" t="s">
        <v>1438</v>
      </c>
      <c r="E347" s="3"/>
    </row>
    <row r="348" spans="1:5" s="16" customFormat="1" ht="43.2" x14ac:dyDescent="0.2">
      <c r="A348" s="3" t="s">
        <v>982</v>
      </c>
      <c r="B348" s="3" t="s">
        <v>985</v>
      </c>
      <c r="C348" s="4" t="s">
        <v>986</v>
      </c>
      <c r="D348" s="4" t="s">
        <v>987</v>
      </c>
      <c r="E348" s="4"/>
    </row>
    <row r="349" spans="1:5" s="16" customFormat="1" ht="32.4" x14ac:dyDescent="0.2">
      <c r="A349" s="3" t="s">
        <v>988</v>
      </c>
      <c r="B349" s="3" t="s">
        <v>989</v>
      </c>
      <c r="C349" s="4" t="s">
        <v>990</v>
      </c>
      <c r="D349" s="3" t="s">
        <v>991</v>
      </c>
      <c r="E349" s="3"/>
    </row>
    <row r="350" spans="1:5" s="16" customFormat="1" ht="21.6" x14ac:dyDescent="0.2">
      <c r="A350" s="3" t="s">
        <v>988</v>
      </c>
      <c r="B350" s="3" t="s">
        <v>992</v>
      </c>
      <c r="C350" s="4" t="s">
        <v>993</v>
      </c>
      <c r="D350" s="3" t="s">
        <v>994</v>
      </c>
      <c r="E350" s="3"/>
    </row>
    <row r="351" spans="1:5" s="16" customFormat="1" ht="32.4" x14ac:dyDescent="0.2">
      <c r="A351" s="3" t="s">
        <v>988</v>
      </c>
      <c r="B351" s="3" t="s">
        <v>995</v>
      </c>
      <c r="C351" s="4" t="s">
        <v>996</v>
      </c>
      <c r="D351" s="3" t="s">
        <v>997</v>
      </c>
      <c r="E351" s="3"/>
    </row>
    <row r="352" spans="1:5" s="16" customFormat="1" ht="64.8" x14ac:dyDescent="0.2">
      <c r="A352" s="3" t="s">
        <v>988</v>
      </c>
      <c r="B352" s="3" t="s">
        <v>998</v>
      </c>
      <c r="C352" s="4" t="s">
        <v>999</v>
      </c>
      <c r="D352" s="3" t="s">
        <v>1000</v>
      </c>
      <c r="E352" s="3"/>
    </row>
    <row r="353" spans="1:5" s="16" customFormat="1" ht="32.4" x14ac:dyDescent="0.2">
      <c r="A353" s="3" t="s">
        <v>988</v>
      </c>
      <c r="B353" s="3" t="s">
        <v>1001</v>
      </c>
      <c r="C353" s="4" t="s">
        <v>1002</v>
      </c>
      <c r="D353" s="3" t="s">
        <v>1003</v>
      </c>
      <c r="E353" s="3" t="s">
        <v>1004</v>
      </c>
    </row>
    <row r="354" spans="1:5" s="16" customFormat="1" ht="64.8" x14ac:dyDescent="0.2">
      <c r="A354" s="3" t="s">
        <v>988</v>
      </c>
      <c r="B354" s="3" t="s">
        <v>1005</v>
      </c>
      <c r="C354" s="4" t="s">
        <v>1006</v>
      </c>
      <c r="D354" s="3" t="s">
        <v>1506</v>
      </c>
      <c r="E354" s="3" t="s">
        <v>1507</v>
      </c>
    </row>
    <row r="355" spans="1:5" s="16" customFormat="1" ht="54" x14ac:dyDescent="0.2">
      <c r="A355" s="3" t="s">
        <v>1007</v>
      </c>
      <c r="B355" s="3" t="s">
        <v>1508</v>
      </c>
      <c r="C355" s="4" t="s">
        <v>1008</v>
      </c>
      <c r="D355" s="3" t="s">
        <v>1009</v>
      </c>
      <c r="E355" s="3"/>
    </row>
    <row r="356" spans="1:5" s="16" customFormat="1" ht="32.4" x14ac:dyDescent="0.2">
      <c r="A356" s="3" t="s">
        <v>1007</v>
      </c>
      <c r="B356" s="3" t="s">
        <v>1010</v>
      </c>
      <c r="C356" s="4" t="s">
        <v>1011</v>
      </c>
      <c r="D356" s="3" t="s">
        <v>1012</v>
      </c>
      <c r="E356" s="3" t="s">
        <v>1013</v>
      </c>
    </row>
    <row r="357" spans="1:5" s="16" customFormat="1" ht="43.2" x14ac:dyDescent="0.2">
      <c r="A357" s="3" t="s">
        <v>1007</v>
      </c>
      <c r="B357" s="3" t="s">
        <v>1014</v>
      </c>
      <c r="C357" s="4" t="s">
        <v>1015</v>
      </c>
      <c r="D357" s="3" t="s">
        <v>1016</v>
      </c>
      <c r="E357" s="3" t="s">
        <v>1013</v>
      </c>
    </row>
    <row r="358" spans="1:5" s="16" customFormat="1" ht="43.2" x14ac:dyDescent="0.2">
      <c r="A358" s="3" t="s">
        <v>1017</v>
      </c>
      <c r="B358" s="3" t="s">
        <v>1018</v>
      </c>
      <c r="C358" s="4" t="s">
        <v>1019</v>
      </c>
      <c r="D358" s="3" t="s">
        <v>1020</v>
      </c>
      <c r="E358" s="3"/>
    </row>
    <row r="359" spans="1:5" s="16" customFormat="1" ht="21.6" x14ac:dyDescent="0.2">
      <c r="A359" s="3" t="s">
        <v>1021</v>
      </c>
      <c r="B359" s="3" t="s">
        <v>1022</v>
      </c>
      <c r="C359" s="4" t="s">
        <v>1023</v>
      </c>
      <c r="D359" s="3" t="s">
        <v>1024</v>
      </c>
      <c r="E359" s="3" t="s">
        <v>1025</v>
      </c>
    </row>
    <row r="360" spans="1:5" s="23" customFormat="1" ht="32.4" x14ac:dyDescent="0.2">
      <c r="A360" s="3" t="s">
        <v>1026</v>
      </c>
      <c r="B360" s="3" t="s">
        <v>1027</v>
      </c>
      <c r="C360" s="4" t="s">
        <v>1028</v>
      </c>
      <c r="D360" s="3" t="s">
        <v>1029</v>
      </c>
      <c r="E360" s="3"/>
    </row>
    <row r="361" spans="1:5" s="23" customFormat="1" ht="32.4" x14ac:dyDescent="0.2">
      <c r="A361" s="3" t="s">
        <v>1026</v>
      </c>
      <c r="B361" s="3" t="s">
        <v>1030</v>
      </c>
      <c r="C361" s="4" t="s">
        <v>1031</v>
      </c>
      <c r="D361" s="3" t="s">
        <v>1032</v>
      </c>
      <c r="E361" s="3" t="s">
        <v>1033</v>
      </c>
    </row>
    <row r="362" spans="1:5" s="16" customFormat="1" ht="194.4" x14ac:dyDescent="0.2">
      <c r="A362" s="3" t="s">
        <v>1034</v>
      </c>
      <c r="B362" s="3" t="s">
        <v>1035</v>
      </c>
      <c r="C362" s="4" t="s">
        <v>1036</v>
      </c>
      <c r="D362" s="3" t="s">
        <v>1509</v>
      </c>
      <c r="E362" s="3" t="s">
        <v>1037</v>
      </c>
    </row>
    <row r="363" spans="1:5" s="16" customFormat="1" ht="43.2" x14ac:dyDescent="0.2">
      <c r="A363" s="3" t="s">
        <v>1038</v>
      </c>
      <c r="B363" s="3" t="s">
        <v>1039</v>
      </c>
      <c r="C363" s="4" t="s">
        <v>1040</v>
      </c>
      <c r="D363" s="3" t="s">
        <v>1041</v>
      </c>
      <c r="E363" s="3" t="s">
        <v>1510</v>
      </c>
    </row>
    <row r="364" spans="1:5" s="16" customFormat="1" ht="21.6" x14ac:dyDescent="0.2">
      <c r="A364" s="3" t="s">
        <v>1042</v>
      </c>
      <c r="B364" s="3" t="s">
        <v>1043</v>
      </c>
      <c r="C364" s="4" t="s">
        <v>1044</v>
      </c>
      <c r="D364" s="3" t="s">
        <v>1045</v>
      </c>
      <c r="E364" s="3" t="s">
        <v>1046</v>
      </c>
    </row>
    <row r="365" spans="1:5" s="16" customFormat="1" ht="43.2" x14ac:dyDescent="0.2">
      <c r="A365" s="3" t="s">
        <v>1047</v>
      </c>
      <c r="B365" s="3" t="s">
        <v>1048</v>
      </c>
      <c r="C365" s="4" t="s">
        <v>1049</v>
      </c>
      <c r="D365" s="3" t="s">
        <v>1050</v>
      </c>
      <c r="E365" s="3"/>
    </row>
    <row r="366" spans="1:5" s="16" customFormat="1" ht="54" x14ac:dyDescent="0.2">
      <c r="A366" s="3" t="s">
        <v>1051</v>
      </c>
      <c r="B366" s="3" t="s">
        <v>1052</v>
      </c>
      <c r="C366" s="3" t="s">
        <v>1053</v>
      </c>
      <c r="D366" s="3" t="s">
        <v>1054</v>
      </c>
      <c r="E366" s="3"/>
    </row>
    <row r="367" spans="1:5" s="16" customFormat="1" ht="64.8" x14ac:dyDescent="0.2">
      <c r="A367" s="3" t="s">
        <v>1051</v>
      </c>
      <c r="B367" s="3" t="s">
        <v>1055</v>
      </c>
      <c r="C367" s="3" t="s">
        <v>1056</v>
      </c>
      <c r="D367" s="3" t="s">
        <v>1057</v>
      </c>
      <c r="E367" s="3"/>
    </row>
    <row r="368" spans="1:5" s="16" customFormat="1" ht="43.2" x14ac:dyDescent="0.2">
      <c r="A368" s="3" t="s">
        <v>1051</v>
      </c>
      <c r="B368" s="3" t="s">
        <v>1055</v>
      </c>
      <c r="C368" s="3" t="s">
        <v>1058</v>
      </c>
      <c r="D368" s="3" t="s">
        <v>1059</v>
      </c>
      <c r="E368" s="3"/>
    </row>
    <row r="369" spans="1:5" s="16" customFormat="1" ht="43.2" x14ac:dyDescent="0.2">
      <c r="A369" s="3" t="s">
        <v>1051</v>
      </c>
      <c r="B369" s="3" t="s">
        <v>1055</v>
      </c>
      <c r="C369" s="3" t="s">
        <v>1060</v>
      </c>
      <c r="D369" s="3" t="s">
        <v>1061</v>
      </c>
      <c r="E369" s="3"/>
    </row>
    <row r="370" spans="1:5" s="16" customFormat="1" ht="43.2" x14ac:dyDescent="0.2">
      <c r="A370" s="3" t="s">
        <v>1051</v>
      </c>
      <c r="B370" s="3" t="s">
        <v>1055</v>
      </c>
      <c r="C370" s="3" t="s">
        <v>1062</v>
      </c>
      <c r="D370" s="3" t="s">
        <v>1063</v>
      </c>
      <c r="E370" s="3"/>
    </row>
    <row r="371" spans="1:5" s="16" customFormat="1" ht="43.2" x14ac:dyDescent="0.2">
      <c r="A371" s="3" t="s">
        <v>1051</v>
      </c>
      <c r="B371" s="3" t="s">
        <v>1055</v>
      </c>
      <c r="C371" s="3" t="s">
        <v>1064</v>
      </c>
      <c r="D371" s="3" t="s">
        <v>1065</v>
      </c>
      <c r="E371" s="3"/>
    </row>
    <row r="372" spans="1:5" s="16" customFormat="1" ht="43.2" x14ac:dyDescent="0.2">
      <c r="A372" s="3" t="s">
        <v>1051</v>
      </c>
      <c r="B372" s="3" t="s">
        <v>1055</v>
      </c>
      <c r="C372" s="3" t="s">
        <v>1066</v>
      </c>
      <c r="D372" s="3" t="s">
        <v>1067</v>
      </c>
      <c r="E372" s="3"/>
    </row>
    <row r="373" spans="1:5" s="16" customFormat="1" ht="43.2" x14ac:dyDescent="0.2">
      <c r="A373" s="3" t="s">
        <v>1051</v>
      </c>
      <c r="B373" s="3" t="s">
        <v>1055</v>
      </c>
      <c r="C373" s="3" t="s">
        <v>1068</v>
      </c>
      <c r="D373" s="3" t="s">
        <v>1069</v>
      </c>
      <c r="E373" s="3"/>
    </row>
    <row r="374" spans="1:5" s="16" customFormat="1" ht="43.2" x14ac:dyDescent="0.2">
      <c r="A374" s="3" t="s">
        <v>1051</v>
      </c>
      <c r="B374" s="3" t="s">
        <v>1055</v>
      </c>
      <c r="C374" s="3" t="s">
        <v>1070</v>
      </c>
      <c r="D374" s="3" t="s">
        <v>1071</v>
      </c>
      <c r="E374" s="3"/>
    </row>
    <row r="375" spans="1:5" s="16" customFormat="1" ht="43.2" x14ac:dyDescent="0.2">
      <c r="A375" s="3" t="s">
        <v>1051</v>
      </c>
      <c r="B375" s="3" t="s">
        <v>1055</v>
      </c>
      <c r="C375" s="3" t="s">
        <v>1072</v>
      </c>
      <c r="D375" s="3" t="s">
        <v>1067</v>
      </c>
      <c r="E375" s="3" t="s">
        <v>1073</v>
      </c>
    </row>
    <row r="376" spans="1:5" s="16" customFormat="1" ht="64.8" x14ac:dyDescent="0.2">
      <c r="A376" s="3" t="s">
        <v>1051</v>
      </c>
      <c r="B376" s="3" t="s">
        <v>1074</v>
      </c>
      <c r="C376" s="3" t="s">
        <v>1075</v>
      </c>
      <c r="D376" s="3" t="s">
        <v>1076</v>
      </c>
      <c r="E376" s="3"/>
    </row>
    <row r="377" spans="1:5" s="16" customFormat="1" ht="32.4" x14ac:dyDescent="0.2">
      <c r="A377" s="3" t="s">
        <v>1051</v>
      </c>
      <c r="B377" s="3" t="s">
        <v>1074</v>
      </c>
      <c r="C377" s="3" t="s">
        <v>1077</v>
      </c>
      <c r="D377" s="3" t="s">
        <v>1078</v>
      </c>
      <c r="E377" s="3"/>
    </row>
    <row r="378" spans="1:5" s="16" customFormat="1" ht="32.4" x14ac:dyDescent="0.2">
      <c r="A378" s="3" t="s">
        <v>1051</v>
      </c>
      <c r="B378" s="3" t="s">
        <v>1074</v>
      </c>
      <c r="C378" s="3" t="s">
        <v>1079</v>
      </c>
      <c r="D378" s="3" t="s">
        <v>1080</v>
      </c>
      <c r="E378" s="3"/>
    </row>
    <row r="379" spans="1:5" s="16" customFormat="1" ht="43.2" x14ac:dyDescent="0.2">
      <c r="A379" s="3" t="s">
        <v>1051</v>
      </c>
      <c r="B379" s="3" t="s">
        <v>1074</v>
      </c>
      <c r="C379" s="3" t="s">
        <v>1081</v>
      </c>
      <c r="D379" s="3" t="s">
        <v>1082</v>
      </c>
      <c r="E379" s="3"/>
    </row>
    <row r="380" spans="1:5" s="16" customFormat="1" ht="32.4" x14ac:dyDescent="0.2">
      <c r="A380" s="3" t="s">
        <v>1051</v>
      </c>
      <c r="B380" s="3" t="s">
        <v>1074</v>
      </c>
      <c r="C380" s="3" t="s">
        <v>1083</v>
      </c>
      <c r="D380" s="3" t="s">
        <v>1084</v>
      </c>
      <c r="E380" s="3"/>
    </row>
    <row r="381" spans="1:5" s="16" customFormat="1" ht="43.2" x14ac:dyDescent="0.2">
      <c r="A381" s="3" t="s">
        <v>1051</v>
      </c>
      <c r="B381" s="3" t="s">
        <v>1055</v>
      </c>
      <c r="C381" s="3" t="s">
        <v>1085</v>
      </c>
      <c r="D381" s="3" t="s">
        <v>1086</v>
      </c>
      <c r="E381" s="3"/>
    </row>
    <row r="382" spans="1:5" s="16" customFormat="1" ht="43.2" x14ac:dyDescent="0.2">
      <c r="A382" s="3" t="s">
        <v>1051</v>
      </c>
      <c r="B382" s="3" t="s">
        <v>1055</v>
      </c>
      <c r="C382" s="3" t="s">
        <v>1087</v>
      </c>
      <c r="D382" s="3" t="s">
        <v>1088</v>
      </c>
      <c r="E382" s="3"/>
    </row>
    <row r="383" spans="1:5" s="16" customFormat="1" ht="43.2" x14ac:dyDescent="0.2">
      <c r="A383" s="3" t="s">
        <v>1051</v>
      </c>
      <c r="B383" s="3" t="s">
        <v>1055</v>
      </c>
      <c r="C383" s="3" t="s">
        <v>1089</v>
      </c>
      <c r="D383" s="3" t="s">
        <v>1090</v>
      </c>
      <c r="E383" s="3"/>
    </row>
    <row r="384" spans="1:5" s="16" customFormat="1" ht="32.4" x14ac:dyDescent="0.2">
      <c r="A384" s="3" t="s">
        <v>1051</v>
      </c>
      <c r="B384" s="3" t="s">
        <v>1091</v>
      </c>
      <c r="C384" s="3" t="s">
        <v>1092</v>
      </c>
      <c r="D384" s="3" t="s">
        <v>1093</v>
      </c>
      <c r="E384" s="3"/>
    </row>
    <row r="385" spans="1:6" s="16" customFormat="1" ht="43.2" x14ac:dyDescent="0.2">
      <c r="A385" s="3" t="s">
        <v>1051</v>
      </c>
      <c r="B385" s="3" t="s">
        <v>1055</v>
      </c>
      <c r="C385" s="3" t="s">
        <v>1094</v>
      </c>
      <c r="D385" s="3" t="s">
        <v>1095</v>
      </c>
      <c r="E385" s="3"/>
    </row>
    <row r="386" spans="1:6" s="16" customFormat="1" ht="43.2" x14ac:dyDescent="0.2">
      <c r="A386" s="3" t="s">
        <v>1051</v>
      </c>
      <c r="B386" s="3" t="s">
        <v>1055</v>
      </c>
      <c r="C386" s="4" t="s">
        <v>1096</v>
      </c>
      <c r="D386" s="3" t="s">
        <v>1097</v>
      </c>
      <c r="E386" s="3"/>
    </row>
    <row r="387" spans="1:6" s="16" customFormat="1" ht="43.2" x14ac:dyDescent="0.2">
      <c r="A387" s="3" t="s">
        <v>1051</v>
      </c>
      <c r="B387" s="3" t="s">
        <v>1055</v>
      </c>
      <c r="C387" s="4" t="s">
        <v>1098</v>
      </c>
      <c r="D387" s="3" t="s">
        <v>1099</v>
      </c>
      <c r="E387" s="3"/>
    </row>
    <row r="388" spans="1:6" s="16" customFormat="1" ht="43.2" x14ac:dyDescent="0.2">
      <c r="A388" s="3" t="s">
        <v>1051</v>
      </c>
      <c r="B388" s="3" t="s">
        <v>1055</v>
      </c>
      <c r="C388" s="4" t="s">
        <v>1100</v>
      </c>
      <c r="D388" s="3" t="s">
        <v>1101</v>
      </c>
      <c r="E388" s="3"/>
    </row>
    <row r="389" spans="1:6" s="16" customFormat="1" ht="43.2" x14ac:dyDescent="0.2">
      <c r="A389" s="3" t="s">
        <v>1051</v>
      </c>
      <c r="B389" s="3" t="s">
        <v>1055</v>
      </c>
      <c r="C389" s="4" t="s">
        <v>1100</v>
      </c>
      <c r="D389" s="3" t="s">
        <v>1102</v>
      </c>
      <c r="E389" s="3"/>
    </row>
    <row r="390" spans="1:6" s="16" customFormat="1" ht="43.2" x14ac:dyDescent="0.2">
      <c r="A390" s="3" t="s">
        <v>1051</v>
      </c>
      <c r="B390" s="3" t="s">
        <v>1055</v>
      </c>
      <c r="C390" s="4" t="s">
        <v>1103</v>
      </c>
      <c r="D390" s="3" t="s">
        <v>1104</v>
      </c>
      <c r="E390" s="3"/>
    </row>
    <row r="391" spans="1:6" s="16" customFormat="1" ht="43.2" x14ac:dyDescent="0.2">
      <c r="A391" s="3" t="s">
        <v>1051</v>
      </c>
      <c r="B391" s="3" t="s">
        <v>1055</v>
      </c>
      <c r="C391" s="4" t="s">
        <v>1105</v>
      </c>
      <c r="D391" s="3" t="s">
        <v>1106</v>
      </c>
      <c r="E391" s="3"/>
      <c r="F391" s="25"/>
    </row>
    <row r="392" spans="1:6" s="16" customFormat="1" ht="43.2" x14ac:dyDescent="0.2">
      <c r="A392" s="3" t="s">
        <v>1051</v>
      </c>
      <c r="B392" s="3" t="s">
        <v>1055</v>
      </c>
      <c r="C392" s="4" t="s">
        <v>1105</v>
      </c>
      <c r="D392" s="3" t="s">
        <v>1107</v>
      </c>
      <c r="E392" s="3"/>
    </row>
    <row r="393" spans="1:6" s="16" customFormat="1" ht="32.4" x14ac:dyDescent="0.2">
      <c r="A393" s="3" t="s">
        <v>1051</v>
      </c>
      <c r="B393" s="3" t="s">
        <v>1074</v>
      </c>
      <c r="C393" s="3" t="s">
        <v>1108</v>
      </c>
      <c r="D393" s="3" t="s">
        <v>1109</v>
      </c>
      <c r="E393" s="3" t="s">
        <v>1110</v>
      </c>
    </row>
    <row r="394" spans="1:6" s="16" customFormat="1" ht="64.8" x14ac:dyDescent="0.2">
      <c r="A394" s="3" t="s">
        <v>1051</v>
      </c>
      <c r="B394" s="3" t="s">
        <v>1074</v>
      </c>
      <c r="C394" s="3" t="s">
        <v>1511</v>
      </c>
      <c r="D394" s="3" t="s">
        <v>1111</v>
      </c>
      <c r="E394" s="3" t="s">
        <v>1512</v>
      </c>
    </row>
    <row r="395" spans="1:6" s="16" customFormat="1" ht="43.2" x14ac:dyDescent="0.2">
      <c r="A395" s="3" t="s">
        <v>1051</v>
      </c>
      <c r="B395" s="3" t="s">
        <v>1074</v>
      </c>
      <c r="C395" s="3" t="s">
        <v>1112</v>
      </c>
      <c r="D395" s="3" t="s">
        <v>1111</v>
      </c>
      <c r="E395" s="3" t="s">
        <v>1113</v>
      </c>
    </row>
    <row r="396" spans="1:6" s="16" customFormat="1" ht="64.8" x14ac:dyDescent="0.2">
      <c r="A396" s="3" t="s">
        <v>1051</v>
      </c>
      <c r="B396" s="3" t="s">
        <v>1074</v>
      </c>
      <c r="C396" s="3" t="s">
        <v>1114</v>
      </c>
      <c r="D396" s="3" t="s">
        <v>1111</v>
      </c>
      <c r="E396" s="3" t="s">
        <v>1115</v>
      </c>
    </row>
    <row r="397" spans="1:6" s="16" customFormat="1" ht="43.2" x14ac:dyDescent="0.2">
      <c r="A397" s="3" t="s">
        <v>1051</v>
      </c>
      <c r="B397" s="3" t="s">
        <v>1074</v>
      </c>
      <c r="C397" s="3" t="s">
        <v>1116</v>
      </c>
      <c r="D397" s="3" t="s">
        <v>1111</v>
      </c>
      <c r="E397" s="3" t="s">
        <v>1117</v>
      </c>
    </row>
    <row r="398" spans="1:6" s="16" customFormat="1" ht="45" customHeight="1" x14ac:dyDescent="0.2">
      <c r="A398" s="3" t="s">
        <v>1051</v>
      </c>
      <c r="B398" s="3" t="s">
        <v>1118</v>
      </c>
      <c r="C398" s="3" t="s">
        <v>1119</v>
      </c>
      <c r="D398" s="3" t="s">
        <v>1120</v>
      </c>
      <c r="E398" s="4"/>
    </row>
    <row r="399" spans="1:6" s="16" customFormat="1" ht="229.8" customHeight="1" x14ac:dyDescent="0.2">
      <c r="A399" s="3" t="s">
        <v>1051</v>
      </c>
      <c r="B399" s="3" t="s">
        <v>1074</v>
      </c>
      <c r="C399" s="4" t="s">
        <v>1121</v>
      </c>
      <c r="D399" s="3" t="s">
        <v>1513</v>
      </c>
      <c r="E399" s="3" t="s">
        <v>1122</v>
      </c>
    </row>
    <row r="400" spans="1:6" s="16" customFormat="1" ht="43.2" x14ac:dyDescent="0.2">
      <c r="A400" s="3" t="s">
        <v>1051</v>
      </c>
      <c r="B400" s="3" t="s">
        <v>1074</v>
      </c>
      <c r="C400" s="3" t="s">
        <v>1123</v>
      </c>
      <c r="D400" s="3" t="s">
        <v>1124</v>
      </c>
      <c r="E400" s="3"/>
    </row>
    <row r="401" spans="1:5" s="16" customFormat="1" ht="54" x14ac:dyDescent="0.2">
      <c r="A401" s="3" t="s">
        <v>1051</v>
      </c>
      <c r="B401" s="3" t="s">
        <v>1074</v>
      </c>
      <c r="C401" s="3" t="s">
        <v>1125</v>
      </c>
      <c r="D401" s="3" t="s">
        <v>1126</v>
      </c>
      <c r="E401" s="3"/>
    </row>
    <row r="402" spans="1:5" s="16" customFormat="1" ht="43.2" x14ac:dyDescent="0.2">
      <c r="A402" s="3" t="s">
        <v>1051</v>
      </c>
      <c r="B402" s="3" t="s">
        <v>1074</v>
      </c>
      <c r="C402" s="3" t="s">
        <v>1127</v>
      </c>
      <c r="D402" s="3" t="s">
        <v>1128</v>
      </c>
      <c r="E402" s="3"/>
    </row>
    <row r="403" spans="1:5" s="16" customFormat="1" ht="64.8" x14ac:dyDescent="0.2">
      <c r="A403" s="3" t="s">
        <v>1051</v>
      </c>
      <c r="B403" s="3" t="s">
        <v>1129</v>
      </c>
      <c r="C403" s="3" t="s">
        <v>1130</v>
      </c>
      <c r="D403" s="3" t="s">
        <v>1131</v>
      </c>
      <c r="E403" s="3"/>
    </row>
    <row r="404" spans="1:5" s="16" customFormat="1" ht="64.8" x14ac:dyDescent="0.2">
      <c r="A404" s="3" t="s">
        <v>1051</v>
      </c>
      <c r="B404" s="3" t="s">
        <v>1129</v>
      </c>
      <c r="C404" s="3" t="s">
        <v>1132</v>
      </c>
      <c r="D404" s="3" t="s">
        <v>1133</v>
      </c>
      <c r="E404" s="3"/>
    </row>
    <row r="405" spans="1:5" s="16" customFormat="1" ht="54" x14ac:dyDescent="0.2">
      <c r="A405" s="3" t="s">
        <v>1051</v>
      </c>
      <c r="B405" s="3" t="s">
        <v>1129</v>
      </c>
      <c r="C405" s="3" t="s">
        <v>1134</v>
      </c>
      <c r="D405" s="3" t="s">
        <v>1135</v>
      </c>
      <c r="E405" s="3"/>
    </row>
    <row r="406" spans="1:5" s="16" customFormat="1" ht="64.8" x14ac:dyDescent="0.2">
      <c r="A406" s="3" t="s">
        <v>1051</v>
      </c>
      <c r="B406" s="3" t="s">
        <v>1055</v>
      </c>
      <c r="C406" s="3" t="s">
        <v>1136</v>
      </c>
      <c r="D406" s="3" t="s">
        <v>1137</v>
      </c>
      <c r="E406" s="3"/>
    </row>
    <row r="407" spans="1:5" s="16" customFormat="1" ht="54" x14ac:dyDescent="0.2">
      <c r="A407" s="3" t="s">
        <v>1051</v>
      </c>
      <c r="B407" s="3" t="s">
        <v>1055</v>
      </c>
      <c r="C407" s="3" t="s">
        <v>1138</v>
      </c>
      <c r="D407" s="3" t="s">
        <v>1139</v>
      </c>
      <c r="E407" s="3"/>
    </row>
    <row r="408" spans="1:5" s="16" customFormat="1" ht="54" x14ac:dyDescent="0.2">
      <c r="A408" s="3" t="s">
        <v>1051</v>
      </c>
      <c r="B408" s="3" t="s">
        <v>1074</v>
      </c>
      <c r="C408" s="3" t="s">
        <v>1140</v>
      </c>
      <c r="D408" s="3" t="s">
        <v>1141</v>
      </c>
      <c r="E408" s="3"/>
    </row>
    <row r="409" spans="1:5" s="16" customFormat="1" ht="54" x14ac:dyDescent="0.2">
      <c r="A409" s="3" t="s">
        <v>1051</v>
      </c>
      <c r="B409" s="3" t="s">
        <v>1074</v>
      </c>
      <c r="C409" s="3" t="s">
        <v>1142</v>
      </c>
      <c r="D409" s="3" t="s">
        <v>1143</v>
      </c>
      <c r="E409" s="3"/>
    </row>
    <row r="410" spans="1:5" s="16" customFormat="1" ht="64.8" x14ac:dyDescent="0.2">
      <c r="A410" s="3" t="s">
        <v>1051</v>
      </c>
      <c r="B410" s="3" t="s">
        <v>1074</v>
      </c>
      <c r="C410" s="3" t="s">
        <v>1144</v>
      </c>
      <c r="D410" s="3" t="s">
        <v>1145</v>
      </c>
      <c r="E410" s="3"/>
    </row>
    <row r="411" spans="1:5" s="16" customFormat="1" ht="54" x14ac:dyDescent="0.2">
      <c r="A411" s="3" t="s">
        <v>1051</v>
      </c>
      <c r="B411" s="3" t="s">
        <v>1055</v>
      </c>
      <c r="C411" s="3" t="s">
        <v>1146</v>
      </c>
      <c r="D411" s="3" t="s">
        <v>1147</v>
      </c>
      <c r="E411" s="3"/>
    </row>
    <row r="412" spans="1:5" s="16" customFormat="1" ht="43.2" x14ac:dyDescent="0.2">
      <c r="A412" s="3" t="s">
        <v>1051</v>
      </c>
      <c r="B412" s="3" t="s">
        <v>1055</v>
      </c>
      <c r="C412" s="3" t="s">
        <v>1514</v>
      </c>
      <c r="D412" s="3" t="s">
        <v>1148</v>
      </c>
      <c r="E412" s="3"/>
    </row>
    <row r="413" spans="1:5" s="16" customFormat="1" ht="43.2" x14ac:dyDescent="0.2">
      <c r="A413" s="3" t="s">
        <v>1051</v>
      </c>
      <c r="B413" s="3" t="s">
        <v>1055</v>
      </c>
      <c r="C413" s="3" t="s">
        <v>1149</v>
      </c>
      <c r="D413" s="3" t="s">
        <v>1150</v>
      </c>
      <c r="E413" s="3"/>
    </row>
    <row r="414" spans="1:5" s="16" customFormat="1" ht="43.2" x14ac:dyDescent="0.2">
      <c r="A414" s="3" t="s">
        <v>1051</v>
      </c>
      <c r="B414" s="3" t="s">
        <v>1055</v>
      </c>
      <c r="C414" s="3" t="s">
        <v>1151</v>
      </c>
      <c r="D414" s="3" t="s">
        <v>1152</v>
      </c>
      <c r="E414" s="3"/>
    </row>
    <row r="415" spans="1:5" s="16" customFormat="1" ht="64.8" x14ac:dyDescent="0.2">
      <c r="A415" s="3" t="s">
        <v>1051</v>
      </c>
      <c r="B415" s="3" t="s">
        <v>1055</v>
      </c>
      <c r="C415" s="3" t="s">
        <v>1153</v>
      </c>
      <c r="D415" s="3" t="s">
        <v>1154</v>
      </c>
      <c r="E415" s="3"/>
    </row>
    <row r="416" spans="1:5" s="16" customFormat="1" ht="43.2" x14ac:dyDescent="0.2">
      <c r="A416" s="3" t="s">
        <v>1051</v>
      </c>
      <c r="B416" s="3" t="s">
        <v>1055</v>
      </c>
      <c r="C416" s="3" t="s">
        <v>1155</v>
      </c>
      <c r="D416" s="3" t="s">
        <v>1156</v>
      </c>
      <c r="E416" s="3"/>
    </row>
    <row r="417" spans="1:5" s="16" customFormat="1" ht="43.2" x14ac:dyDescent="0.2">
      <c r="A417" s="3" t="s">
        <v>1051</v>
      </c>
      <c r="B417" s="3" t="s">
        <v>1055</v>
      </c>
      <c r="C417" s="3" t="s">
        <v>1157</v>
      </c>
      <c r="D417" s="3" t="s">
        <v>1158</v>
      </c>
      <c r="E417" s="3"/>
    </row>
    <row r="418" spans="1:5" s="16" customFormat="1" ht="43.2" x14ac:dyDescent="0.2">
      <c r="A418" s="3" t="s">
        <v>1051</v>
      </c>
      <c r="B418" s="3" t="s">
        <v>1055</v>
      </c>
      <c r="C418" s="3" t="s">
        <v>1159</v>
      </c>
      <c r="D418" s="3" t="s">
        <v>1160</v>
      </c>
      <c r="E418" s="3"/>
    </row>
    <row r="419" spans="1:5" s="16" customFormat="1" ht="43.2" x14ac:dyDescent="0.2">
      <c r="A419" s="3" t="s">
        <v>1051</v>
      </c>
      <c r="B419" s="3" t="s">
        <v>1055</v>
      </c>
      <c r="C419" s="3" t="s">
        <v>1161</v>
      </c>
      <c r="D419" s="3" t="s">
        <v>1162</v>
      </c>
      <c r="E419" s="3"/>
    </row>
    <row r="420" spans="1:5" s="16" customFormat="1" ht="43.2" x14ac:dyDescent="0.2">
      <c r="A420" s="3" t="s">
        <v>1051</v>
      </c>
      <c r="B420" s="3" t="s">
        <v>1055</v>
      </c>
      <c r="C420" s="3" t="s">
        <v>1163</v>
      </c>
      <c r="D420" s="3" t="s">
        <v>1164</v>
      </c>
      <c r="E420" s="3"/>
    </row>
    <row r="421" spans="1:5" s="16" customFormat="1" ht="43.2" x14ac:dyDescent="0.2">
      <c r="A421" s="3" t="s">
        <v>1051</v>
      </c>
      <c r="B421" s="3" t="s">
        <v>1055</v>
      </c>
      <c r="C421" s="3" t="s">
        <v>1165</v>
      </c>
      <c r="D421" s="3" t="s">
        <v>1166</v>
      </c>
      <c r="E421" s="3"/>
    </row>
    <row r="422" spans="1:5" s="16" customFormat="1" ht="43.2" x14ac:dyDescent="0.2">
      <c r="A422" s="3" t="s">
        <v>1051</v>
      </c>
      <c r="B422" s="3" t="s">
        <v>1055</v>
      </c>
      <c r="C422" s="3" t="s">
        <v>1167</v>
      </c>
      <c r="D422" s="3" t="s">
        <v>1168</v>
      </c>
      <c r="E422" s="3"/>
    </row>
    <row r="423" spans="1:5" s="16" customFormat="1" ht="43.2" x14ac:dyDescent="0.2">
      <c r="A423" s="3" t="s">
        <v>1051</v>
      </c>
      <c r="B423" s="3" t="s">
        <v>1055</v>
      </c>
      <c r="C423" s="3" t="s">
        <v>1169</v>
      </c>
      <c r="D423" s="3" t="s">
        <v>1170</v>
      </c>
      <c r="E423" s="3" t="s">
        <v>1171</v>
      </c>
    </row>
    <row r="424" spans="1:5" s="16" customFormat="1" ht="43.2" x14ac:dyDescent="0.2">
      <c r="A424" s="3" t="s">
        <v>1051</v>
      </c>
      <c r="B424" s="3" t="s">
        <v>1055</v>
      </c>
      <c r="C424" s="3" t="s">
        <v>1172</v>
      </c>
      <c r="D424" s="3" t="s">
        <v>1173</v>
      </c>
      <c r="E424" s="3"/>
    </row>
    <row r="425" spans="1:5" s="16" customFormat="1" ht="43.2" x14ac:dyDescent="0.2">
      <c r="A425" s="3" t="s">
        <v>1051</v>
      </c>
      <c r="B425" s="3" t="s">
        <v>1055</v>
      </c>
      <c r="C425" s="3" t="s">
        <v>1174</v>
      </c>
      <c r="D425" s="3" t="s">
        <v>1175</v>
      </c>
      <c r="E425" s="3"/>
    </row>
    <row r="426" spans="1:5" s="16" customFormat="1" ht="43.2" x14ac:dyDescent="0.2">
      <c r="A426" s="3" t="s">
        <v>1051</v>
      </c>
      <c r="B426" s="3" t="s">
        <v>1055</v>
      </c>
      <c r="C426" s="3" t="s">
        <v>1176</v>
      </c>
      <c r="D426" s="3" t="s">
        <v>1177</v>
      </c>
      <c r="E426" s="3"/>
    </row>
    <row r="427" spans="1:5" s="16" customFormat="1" ht="43.2" x14ac:dyDescent="0.2">
      <c r="A427" s="3" t="s">
        <v>1051</v>
      </c>
      <c r="B427" s="3" t="s">
        <v>1055</v>
      </c>
      <c r="C427" s="3" t="s">
        <v>1178</v>
      </c>
      <c r="D427" s="3" t="s">
        <v>1179</v>
      </c>
      <c r="E427" s="3"/>
    </row>
    <row r="428" spans="1:5" s="16" customFormat="1" ht="43.2" x14ac:dyDescent="0.2">
      <c r="A428" s="3" t="s">
        <v>1051</v>
      </c>
      <c r="B428" s="3" t="s">
        <v>1055</v>
      </c>
      <c r="C428" s="3" t="s">
        <v>1180</v>
      </c>
      <c r="D428" s="3" t="s">
        <v>1181</v>
      </c>
      <c r="E428" s="3"/>
    </row>
    <row r="429" spans="1:5" s="16" customFormat="1" ht="43.2" x14ac:dyDescent="0.2">
      <c r="A429" s="3" t="s">
        <v>1051</v>
      </c>
      <c r="B429" s="3" t="s">
        <v>1055</v>
      </c>
      <c r="C429" s="3" t="s">
        <v>1182</v>
      </c>
      <c r="D429" s="3" t="s">
        <v>1183</v>
      </c>
      <c r="E429" s="3"/>
    </row>
    <row r="430" spans="1:5" s="16" customFormat="1" ht="43.2" x14ac:dyDescent="0.2">
      <c r="A430" s="3" t="s">
        <v>1051</v>
      </c>
      <c r="B430" s="3" t="s">
        <v>1055</v>
      </c>
      <c r="C430" s="3" t="s">
        <v>1184</v>
      </c>
      <c r="D430" s="3" t="s">
        <v>1185</v>
      </c>
      <c r="E430" s="3"/>
    </row>
    <row r="431" spans="1:5" s="16" customFormat="1" ht="43.2" x14ac:dyDescent="0.2">
      <c r="A431" s="3" t="s">
        <v>1051</v>
      </c>
      <c r="B431" s="3" t="s">
        <v>1055</v>
      </c>
      <c r="C431" s="3" t="s">
        <v>1186</v>
      </c>
      <c r="D431" s="3" t="s">
        <v>1187</v>
      </c>
      <c r="E431" s="3"/>
    </row>
    <row r="432" spans="1:5" s="16" customFormat="1" ht="43.2" x14ac:dyDescent="0.2">
      <c r="A432" s="3" t="s">
        <v>1051</v>
      </c>
      <c r="B432" s="3" t="s">
        <v>1055</v>
      </c>
      <c r="C432" s="3" t="s">
        <v>1188</v>
      </c>
      <c r="D432" s="3" t="s">
        <v>1189</v>
      </c>
      <c r="E432" s="3"/>
    </row>
    <row r="433" spans="1:5" s="16" customFormat="1" ht="43.2" x14ac:dyDescent="0.2">
      <c r="A433" s="3" t="s">
        <v>1051</v>
      </c>
      <c r="B433" s="3" t="s">
        <v>1055</v>
      </c>
      <c r="C433" s="3" t="s">
        <v>1190</v>
      </c>
      <c r="D433" s="3" t="s">
        <v>1191</v>
      </c>
      <c r="E433" s="3"/>
    </row>
    <row r="434" spans="1:5" s="16" customFormat="1" ht="54" x14ac:dyDescent="0.2">
      <c r="A434" s="3" t="s">
        <v>1051</v>
      </c>
      <c r="B434" s="3" t="s">
        <v>1055</v>
      </c>
      <c r="C434" s="3" t="s">
        <v>1192</v>
      </c>
      <c r="D434" s="3" t="s">
        <v>1193</v>
      </c>
      <c r="E434" s="3"/>
    </row>
    <row r="435" spans="1:5" s="16" customFormat="1" ht="43.2" x14ac:dyDescent="0.2">
      <c r="A435" s="3" t="s">
        <v>1051</v>
      </c>
      <c r="B435" s="3" t="s">
        <v>1055</v>
      </c>
      <c r="C435" s="3" t="s">
        <v>1194</v>
      </c>
      <c r="D435" s="3" t="s">
        <v>1195</v>
      </c>
      <c r="E435" s="3"/>
    </row>
    <row r="436" spans="1:5" s="16" customFormat="1" ht="43.2" x14ac:dyDescent="0.2">
      <c r="A436" s="3" t="s">
        <v>1051</v>
      </c>
      <c r="B436" s="3" t="s">
        <v>1055</v>
      </c>
      <c r="C436" s="3" t="s">
        <v>1085</v>
      </c>
      <c r="D436" s="3" t="s">
        <v>1086</v>
      </c>
      <c r="E436" s="3"/>
    </row>
    <row r="437" spans="1:5" s="16" customFormat="1" ht="43.2" x14ac:dyDescent="0.2">
      <c r="A437" s="3" t="s">
        <v>1051</v>
      </c>
      <c r="B437" s="3" t="s">
        <v>1055</v>
      </c>
      <c r="C437" s="3" t="s">
        <v>1087</v>
      </c>
      <c r="D437" s="3" t="s">
        <v>1088</v>
      </c>
      <c r="E437" s="3"/>
    </row>
    <row r="438" spans="1:5" s="16" customFormat="1" ht="43.2" x14ac:dyDescent="0.2">
      <c r="A438" s="3" t="s">
        <v>1051</v>
      </c>
      <c r="B438" s="3" t="s">
        <v>1118</v>
      </c>
      <c r="C438" s="3" t="s">
        <v>1089</v>
      </c>
      <c r="D438" s="3" t="s">
        <v>1090</v>
      </c>
      <c r="E438" s="3"/>
    </row>
    <row r="439" spans="1:5" s="16" customFormat="1" ht="32.4" x14ac:dyDescent="0.2">
      <c r="A439" s="3" t="s">
        <v>1051</v>
      </c>
      <c r="B439" s="3" t="s">
        <v>1074</v>
      </c>
      <c r="C439" s="3" t="s">
        <v>1092</v>
      </c>
      <c r="D439" s="3" t="s">
        <v>1093</v>
      </c>
      <c r="E439" s="3"/>
    </row>
    <row r="440" spans="1:5" s="16" customFormat="1" ht="43.2" x14ac:dyDescent="0.2">
      <c r="A440" s="3" t="s">
        <v>1051</v>
      </c>
      <c r="B440" s="3" t="s">
        <v>1055</v>
      </c>
      <c r="C440" s="3" t="s">
        <v>1196</v>
      </c>
      <c r="D440" s="3" t="s">
        <v>1197</v>
      </c>
      <c r="E440" s="3"/>
    </row>
    <row r="441" spans="1:5" s="16" customFormat="1" ht="43.2" x14ac:dyDescent="0.2">
      <c r="A441" s="3" t="s">
        <v>1051</v>
      </c>
      <c r="B441" s="3" t="s">
        <v>1055</v>
      </c>
      <c r="C441" s="3" t="s">
        <v>1198</v>
      </c>
      <c r="D441" s="3" t="s">
        <v>1199</v>
      </c>
      <c r="E441" s="3"/>
    </row>
    <row r="442" spans="1:5" s="11" customFormat="1" ht="43.2" x14ac:dyDescent="0.2">
      <c r="A442" s="3" t="s">
        <v>1051</v>
      </c>
      <c r="B442" s="3" t="s">
        <v>1055</v>
      </c>
      <c r="C442" s="3" t="s">
        <v>1200</v>
      </c>
      <c r="D442" s="3" t="s">
        <v>1201</v>
      </c>
      <c r="E442" s="3" t="s">
        <v>1202</v>
      </c>
    </row>
    <row r="443" spans="1:5" s="16" customFormat="1" ht="64.8" x14ac:dyDescent="0.2">
      <c r="A443" s="3" t="s">
        <v>1051</v>
      </c>
      <c r="B443" s="3" t="s">
        <v>1074</v>
      </c>
      <c r="C443" s="3" t="s">
        <v>1075</v>
      </c>
      <c r="D443" s="3" t="s">
        <v>1076</v>
      </c>
      <c r="E443" s="3"/>
    </row>
    <row r="444" spans="1:5" s="16" customFormat="1" ht="54" x14ac:dyDescent="0.2">
      <c r="A444" s="3" t="s">
        <v>1051</v>
      </c>
      <c r="B444" s="3" t="s">
        <v>1129</v>
      </c>
      <c r="C444" s="3" t="s">
        <v>1203</v>
      </c>
      <c r="D444" s="3" t="s">
        <v>1204</v>
      </c>
      <c r="E444" s="3"/>
    </row>
    <row r="445" spans="1:5" s="16" customFormat="1" ht="54" x14ac:dyDescent="0.2">
      <c r="A445" s="3" t="s">
        <v>1051</v>
      </c>
      <c r="B445" s="3" t="s">
        <v>1129</v>
      </c>
      <c r="C445" s="3" t="s">
        <v>1205</v>
      </c>
      <c r="D445" s="3" t="s">
        <v>1206</v>
      </c>
      <c r="E445" s="3"/>
    </row>
    <row r="446" spans="1:5" s="16" customFormat="1" ht="43.2" x14ac:dyDescent="0.2">
      <c r="A446" s="3" t="s">
        <v>1051</v>
      </c>
      <c r="B446" s="3" t="s">
        <v>1074</v>
      </c>
      <c r="C446" s="3" t="s">
        <v>1207</v>
      </c>
      <c r="D446" s="3" t="s">
        <v>1145</v>
      </c>
      <c r="E446" s="3"/>
    </row>
    <row r="447" spans="1:5" s="16" customFormat="1" ht="43.2" x14ac:dyDescent="0.2">
      <c r="A447" s="3" t="s">
        <v>1051</v>
      </c>
      <c r="B447" s="3" t="s">
        <v>1055</v>
      </c>
      <c r="C447" s="3" t="s">
        <v>1208</v>
      </c>
      <c r="D447" s="3" t="s">
        <v>1095</v>
      </c>
      <c r="E447" s="10"/>
    </row>
    <row r="448" spans="1:5" s="16" customFormat="1" ht="43.2" x14ac:dyDescent="0.2">
      <c r="A448" s="8" t="s">
        <v>1051</v>
      </c>
      <c r="B448" s="3" t="s">
        <v>1055</v>
      </c>
      <c r="C448" s="3" t="s">
        <v>1209</v>
      </c>
      <c r="D448" s="3" t="s">
        <v>1210</v>
      </c>
      <c r="E448" s="3"/>
    </row>
    <row r="449" spans="1:5" s="16" customFormat="1" ht="43.2" x14ac:dyDescent="0.2">
      <c r="A449" s="8" t="s">
        <v>1051</v>
      </c>
      <c r="B449" s="3" t="s">
        <v>1055</v>
      </c>
      <c r="C449" s="3" t="s">
        <v>1515</v>
      </c>
      <c r="D449" s="3" t="s">
        <v>1210</v>
      </c>
      <c r="E449" s="3"/>
    </row>
    <row r="450" spans="1:5" s="16" customFormat="1" ht="43.2" x14ac:dyDescent="0.2">
      <c r="A450" s="8" t="s">
        <v>1051</v>
      </c>
      <c r="B450" s="3" t="s">
        <v>1055</v>
      </c>
      <c r="C450" s="3" t="s">
        <v>1211</v>
      </c>
      <c r="D450" s="3" t="s">
        <v>1212</v>
      </c>
      <c r="E450" s="3"/>
    </row>
    <row r="451" spans="1:5" s="16" customFormat="1" ht="54" x14ac:dyDescent="0.2">
      <c r="A451" s="8" t="s">
        <v>1051</v>
      </c>
      <c r="B451" s="3" t="s">
        <v>1055</v>
      </c>
      <c r="C451" s="3" t="s">
        <v>1213</v>
      </c>
      <c r="D451" s="3" t="s">
        <v>1212</v>
      </c>
      <c r="E451" s="3"/>
    </row>
    <row r="452" spans="1:5" s="16" customFormat="1" ht="54" x14ac:dyDescent="0.2">
      <c r="A452" s="8" t="s">
        <v>1051</v>
      </c>
      <c r="B452" s="3" t="s">
        <v>1055</v>
      </c>
      <c r="C452" s="3" t="s">
        <v>1214</v>
      </c>
      <c r="D452" s="3" t="s">
        <v>1215</v>
      </c>
      <c r="E452" s="3"/>
    </row>
    <row r="453" spans="1:5" s="16" customFormat="1" ht="43.2" x14ac:dyDescent="0.2">
      <c r="A453" s="8" t="s">
        <v>1051</v>
      </c>
      <c r="B453" s="3" t="s">
        <v>1055</v>
      </c>
      <c r="C453" s="3" t="s">
        <v>1216</v>
      </c>
      <c r="D453" s="3" t="s">
        <v>1212</v>
      </c>
      <c r="E453" s="3"/>
    </row>
    <row r="454" spans="1:5" s="16" customFormat="1" ht="43.2" x14ac:dyDescent="0.2">
      <c r="A454" s="8" t="s">
        <v>1051</v>
      </c>
      <c r="B454" s="3" t="s">
        <v>1055</v>
      </c>
      <c r="C454" s="3" t="s">
        <v>1217</v>
      </c>
      <c r="D454" s="3" t="s">
        <v>1212</v>
      </c>
      <c r="E454" s="3"/>
    </row>
    <row r="455" spans="1:5" s="16" customFormat="1" ht="43.2" x14ac:dyDescent="0.2">
      <c r="A455" s="3" t="s">
        <v>1051</v>
      </c>
      <c r="B455" s="3" t="s">
        <v>1055</v>
      </c>
      <c r="C455" s="3" t="s">
        <v>1218</v>
      </c>
      <c r="D455" s="3" t="s">
        <v>1219</v>
      </c>
      <c r="E455" s="3"/>
    </row>
    <row r="456" spans="1:5" s="16" customFormat="1" ht="43.2" x14ac:dyDescent="0.2">
      <c r="A456" s="3" t="s">
        <v>1051</v>
      </c>
      <c r="B456" s="3" t="s">
        <v>1055</v>
      </c>
      <c r="C456" s="3" t="s">
        <v>1174</v>
      </c>
      <c r="D456" s="3" t="s">
        <v>1220</v>
      </c>
      <c r="E456" s="3"/>
    </row>
    <row r="457" spans="1:5" s="16" customFormat="1" ht="43.2" x14ac:dyDescent="0.2">
      <c r="A457" s="3" t="s">
        <v>1051</v>
      </c>
      <c r="B457" s="3" t="s">
        <v>1055</v>
      </c>
      <c r="C457" s="3" t="s">
        <v>1221</v>
      </c>
      <c r="D457" s="3" t="s">
        <v>1222</v>
      </c>
      <c r="E457" s="3"/>
    </row>
    <row r="458" spans="1:5" s="16" customFormat="1" ht="43.2" x14ac:dyDescent="0.2">
      <c r="A458" s="3" t="s">
        <v>1051</v>
      </c>
      <c r="B458" s="3" t="s">
        <v>1055</v>
      </c>
      <c r="C458" s="3" t="s">
        <v>1221</v>
      </c>
      <c r="D458" s="3" t="s">
        <v>1223</v>
      </c>
      <c r="E458" s="3"/>
    </row>
    <row r="459" spans="1:5" s="16" customFormat="1" ht="43.2" x14ac:dyDescent="0.2">
      <c r="A459" s="3" t="s">
        <v>1051</v>
      </c>
      <c r="B459" s="3" t="s">
        <v>1055</v>
      </c>
      <c r="C459" s="3" t="s">
        <v>1221</v>
      </c>
      <c r="D459" s="3" t="s">
        <v>1224</v>
      </c>
      <c r="E459" s="3"/>
    </row>
    <row r="460" spans="1:5" s="16" customFormat="1" ht="43.2" x14ac:dyDescent="0.2">
      <c r="A460" s="3" t="s">
        <v>1051</v>
      </c>
      <c r="B460" s="3" t="s">
        <v>1055</v>
      </c>
      <c r="C460" s="3" t="s">
        <v>1221</v>
      </c>
      <c r="D460" s="3" t="s">
        <v>1225</v>
      </c>
      <c r="E460" s="3"/>
    </row>
    <row r="461" spans="1:5" s="16" customFormat="1" ht="43.2" x14ac:dyDescent="0.2">
      <c r="A461" s="3" t="s">
        <v>1051</v>
      </c>
      <c r="B461" s="3" t="s">
        <v>1055</v>
      </c>
      <c r="C461" s="3" t="s">
        <v>1221</v>
      </c>
      <c r="D461" s="3" t="s">
        <v>1226</v>
      </c>
      <c r="E461" s="3"/>
    </row>
    <row r="462" spans="1:5" s="16" customFormat="1" ht="43.2" x14ac:dyDescent="0.2">
      <c r="A462" s="3" t="s">
        <v>1051</v>
      </c>
      <c r="B462" s="3" t="s">
        <v>1055</v>
      </c>
      <c r="C462" s="3" t="s">
        <v>1221</v>
      </c>
      <c r="D462" s="3" t="s">
        <v>1227</v>
      </c>
      <c r="E462" s="3"/>
    </row>
    <row r="463" spans="1:5" s="16" customFormat="1" ht="43.2" x14ac:dyDescent="0.2">
      <c r="A463" s="3" t="s">
        <v>1051</v>
      </c>
      <c r="B463" s="3" t="s">
        <v>1055</v>
      </c>
      <c r="C463" s="3" t="s">
        <v>1221</v>
      </c>
      <c r="D463" s="3" t="s">
        <v>1228</v>
      </c>
      <c r="E463" s="3"/>
    </row>
    <row r="464" spans="1:5" s="16" customFormat="1" ht="43.2" x14ac:dyDescent="0.2">
      <c r="A464" s="3" t="s">
        <v>1051</v>
      </c>
      <c r="B464" s="3" t="s">
        <v>1055</v>
      </c>
      <c r="C464" s="3" t="s">
        <v>1229</v>
      </c>
      <c r="D464" s="3" t="s">
        <v>1067</v>
      </c>
      <c r="E464" s="3"/>
    </row>
    <row r="465" spans="1:5" s="16" customFormat="1" ht="43.2" x14ac:dyDescent="0.2">
      <c r="A465" s="3" t="s">
        <v>1051</v>
      </c>
      <c r="B465" s="3" t="s">
        <v>1055</v>
      </c>
      <c r="C465" s="3" t="s">
        <v>1221</v>
      </c>
      <c r="D465" s="3" t="s">
        <v>1230</v>
      </c>
      <c r="E465" s="3"/>
    </row>
    <row r="466" spans="1:5" s="16" customFormat="1" ht="43.2" x14ac:dyDescent="0.2">
      <c r="A466" s="3" t="s">
        <v>1051</v>
      </c>
      <c r="B466" s="3" t="s">
        <v>1055</v>
      </c>
      <c r="C466" s="3" t="s">
        <v>1221</v>
      </c>
      <c r="D466" s="3" t="s">
        <v>1231</v>
      </c>
      <c r="E466" s="3"/>
    </row>
    <row r="467" spans="1:5" s="16" customFormat="1" ht="43.2" x14ac:dyDescent="0.2">
      <c r="A467" s="3" t="s">
        <v>1232</v>
      </c>
      <c r="B467" s="3" t="s">
        <v>1055</v>
      </c>
      <c r="C467" s="3" t="s">
        <v>1233</v>
      </c>
      <c r="D467" s="3" t="s">
        <v>1234</v>
      </c>
      <c r="E467" s="3"/>
    </row>
    <row r="468" spans="1:5" s="16" customFormat="1" ht="43.2" x14ac:dyDescent="0.2">
      <c r="A468" s="3" t="s">
        <v>1051</v>
      </c>
      <c r="B468" s="3" t="s">
        <v>1055</v>
      </c>
      <c r="C468" s="3" t="s">
        <v>1235</v>
      </c>
      <c r="D468" s="3" t="s">
        <v>1236</v>
      </c>
      <c r="E468" s="3"/>
    </row>
    <row r="469" spans="1:5" s="16" customFormat="1" ht="54" x14ac:dyDescent="0.2">
      <c r="A469" s="3" t="s">
        <v>1051</v>
      </c>
      <c r="B469" s="3" t="s">
        <v>1074</v>
      </c>
      <c r="C469" s="3" t="s">
        <v>1237</v>
      </c>
      <c r="D469" s="3" t="s">
        <v>1238</v>
      </c>
      <c r="E469" s="3" t="s">
        <v>1239</v>
      </c>
    </row>
    <row r="470" spans="1:5" s="16" customFormat="1" ht="54" x14ac:dyDescent="0.2">
      <c r="A470" s="3" t="s">
        <v>1051</v>
      </c>
      <c r="B470" s="3" t="s">
        <v>1074</v>
      </c>
      <c r="C470" s="3" t="s">
        <v>1240</v>
      </c>
      <c r="D470" s="3" t="s">
        <v>1241</v>
      </c>
      <c r="E470" s="3" t="s">
        <v>1242</v>
      </c>
    </row>
    <row r="471" spans="1:5" s="16" customFormat="1" ht="32.4" x14ac:dyDescent="0.2">
      <c r="A471" s="3" t="s">
        <v>1243</v>
      </c>
      <c r="B471" s="3" t="s">
        <v>1244</v>
      </c>
      <c r="C471" s="4" t="s">
        <v>1245</v>
      </c>
      <c r="D471" s="3" t="s">
        <v>1516</v>
      </c>
      <c r="E471" s="3" t="s">
        <v>1246</v>
      </c>
    </row>
    <row r="472" spans="1:5" s="16" customFormat="1" ht="32.4" x14ac:dyDescent="0.2">
      <c r="A472" s="3" t="s">
        <v>1243</v>
      </c>
      <c r="B472" s="3" t="s">
        <v>1247</v>
      </c>
      <c r="C472" s="4" t="s">
        <v>1248</v>
      </c>
      <c r="D472" s="3" t="s">
        <v>1439</v>
      </c>
      <c r="E472" s="3"/>
    </row>
    <row r="473" spans="1:5" s="16" customFormat="1" ht="54" x14ac:dyDescent="0.2">
      <c r="A473" s="4" t="s">
        <v>1249</v>
      </c>
      <c r="B473" s="4" t="s">
        <v>1250</v>
      </c>
      <c r="C473" s="4" t="s">
        <v>1251</v>
      </c>
      <c r="D473" s="4" t="s">
        <v>1252</v>
      </c>
      <c r="E473" s="4" t="s">
        <v>7</v>
      </c>
    </row>
    <row r="474" spans="1:5" s="16" customFormat="1" ht="75.599999999999994" x14ac:dyDescent="0.2">
      <c r="A474" s="4" t="s">
        <v>1253</v>
      </c>
      <c r="B474" s="4" t="s">
        <v>1254</v>
      </c>
      <c r="C474" s="4" t="s">
        <v>1255</v>
      </c>
      <c r="D474" s="4" t="s">
        <v>1517</v>
      </c>
      <c r="E474" s="20"/>
    </row>
    <row r="475" spans="1:5" s="16" customFormat="1" ht="184.8" customHeight="1" x14ac:dyDescent="0.2">
      <c r="A475" s="3" t="s">
        <v>1256</v>
      </c>
      <c r="B475" s="3" t="s">
        <v>1257</v>
      </c>
      <c r="C475" s="3" t="s">
        <v>1258</v>
      </c>
      <c r="D475" s="3" t="s">
        <v>1518</v>
      </c>
      <c r="E475" s="3" t="s">
        <v>1259</v>
      </c>
    </row>
    <row r="476" spans="1:5" s="16" customFormat="1" ht="32.4" x14ac:dyDescent="0.2">
      <c r="A476" s="3" t="s">
        <v>1260</v>
      </c>
      <c r="B476" s="3" t="s">
        <v>1261</v>
      </c>
      <c r="C476" s="4" t="s">
        <v>1262</v>
      </c>
      <c r="D476" s="3" t="s">
        <v>1263</v>
      </c>
      <c r="E476" s="3"/>
    </row>
    <row r="477" spans="1:5" s="16" customFormat="1" ht="32.4" x14ac:dyDescent="0.2">
      <c r="A477" s="3" t="s">
        <v>1264</v>
      </c>
      <c r="B477" s="4" t="s">
        <v>1265</v>
      </c>
      <c r="C477" s="4" t="s">
        <v>1266</v>
      </c>
      <c r="D477" s="3" t="s">
        <v>1267</v>
      </c>
      <c r="E477" s="3"/>
    </row>
    <row r="478" spans="1:5" s="16" customFormat="1" ht="75.599999999999994" x14ac:dyDescent="0.2">
      <c r="A478" s="3" t="s">
        <v>1264</v>
      </c>
      <c r="B478" s="3" t="s">
        <v>1519</v>
      </c>
      <c r="C478" s="4" t="s">
        <v>1268</v>
      </c>
      <c r="D478" s="3" t="s">
        <v>1269</v>
      </c>
      <c r="E478" s="3"/>
    </row>
    <row r="479" spans="1:5" s="16" customFormat="1" ht="32.4" x14ac:dyDescent="0.2">
      <c r="A479" s="3" t="s">
        <v>1270</v>
      </c>
      <c r="B479" s="3" t="s">
        <v>1271</v>
      </c>
      <c r="C479" s="4" t="s">
        <v>1272</v>
      </c>
      <c r="D479" s="3" t="s">
        <v>1273</v>
      </c>
      <c r="E479" s="3"/>
    </row>
    <row r="480" spans="1:5" s="16" customFormat="1" ht="97.2" x14ac:dyDescent="0.2">
      <c r="A480" s="3" t="s">
        <v>1274</v>
      </c>
      <c r="B480" s="3" t="s">
        <v>1275</v>
      </c>
      <c r="C480" s="4" t="s">
        <v>1520</v>
      </c>
      <c r="D480" s="3" t="s">
        <v>1276</v>
      </c>
      <c r="E480" s="3"/>
    </row>
    <row r="481" spans="1:6" s="16" customFormat="1" ht="118.8" x14ac:dyDescent="0.2">
      <c r="A481" s="3" t="s">
        <v>1274</v>
      </c>
      <c r="B481" s="3" t="s">
        <v>1277</v>
      </c>
      <c r="C481" s="4" t="s">
        <v>1521</v>
      </c>
      <c r="D481" s="3" t="s">
        <v>1276</v>
      </c>
      <c r="E481" s="3"/>
    </row>
    <row r="482" spans="1:6" s="16" customFormat="1" ht="43.2" x14ac:dyDescent="0.2">
      <c r="A482" s="3" t="s">
        <v>1274</v>
      </c>
      <c r="B482" s="3" t="s">
        <v>1278</v>
      </c>
      <c r="C482" s="3" t="s">
        <v>1522</v>
      </c>
      <c r="D482" s="3" t="s">
        <v>1276</v>
      </c>
      <c r="E482" s="3"/>
    </row>
    <row r="483" spans="1:6" s="16" customFormat="1" ht="97.2" x14ac:dyDescent="0.2">
      <c r="A483" s="3" t="s">
        <v>1274</v>
      </c>
      <c r="B483" s="3" t="s">
        <v>1279</v>
      </c>
      <c r="C483" s="5" t="s">
        <v>1280</v>
      </c>
      <c r="D483" s="3" t="s">
        <v>1276</v>
      </c>
      <c r="E483" s="3" t="s">
        <v>1281</v>
      </c>
    </row>
    <row r="484" spans="1:6" s="16" customFormat="1" ht="32.4" x14ac:dyDescent="0.2">
      <c r="A484" s="3" t="s">
        <v>1274</v>
      </c>
      <c r="B484" s="3" t="s">
        <v>1282</v>
      </c>
      <c r="C484" s="3" t="s">
        <v>1283</v>
      </c>
      <c r="D484" s="3" t="s">
        <v>1523</v>
      </c>
      <c r="E484" s="3" t="s">
        <v>1284</v>
      </c>
    </row>
    <row r="485" spans="1:6" s="16" customFormat="1" ht="75.599999999999994" x14ac:dyDescent="0.2">
      <c r="A485" s="3" t="s">
        <v>1285</v>
      </c>
      <c r="B485" s="3" t="s">
        <v>1286</v>
      </c>
      <c r="C485" s="4" t="s">
        <v>1287</v>
      </c>
      <c r="D485" s="3" t="s">
        <v>1288</v>
      </c>
      <c r="E485" s="3" t="s">
        <v>1524</v>
      </c>
    </row>
    <row r="486" spans="1:6" s="16" customFormat="1" ht="86.4" x14ac:dyDescent="0.2">
      <c r="A486" s="3" t="s">
        <v>1285</v>
      </c>
      <c r="B486" s="3" t="s">
        <v>1289</v>
      </c>
      <c r="C486" s="4" t="s">
        <v>1290</v>
      </c>
      <c r="D486" s="3" t="s">
        <v>1291</v>
      </c>
      <c r="E486" s="3"/>
    </row>
    <row r="487" spans="1:6" s="16" customFormat="1" ht="54" x14ac:dyDescent="0.2">
      <c r="A487" s="4" t="s">
        <v>1292</v>
      </c>
      <c r="B487" s="3" t="s">
        <v>1293</v>
      </c>
      <c r="C487" s="4" t="s">
        <v>1294</v>
      </c>
      <c r="D487" s="3" t="s">
        <v>1295</v>
      </c>
      <c r="E487" s="3"/>
    </row>
    <row r="488" spans="1:6" s="16" customFormat="1" ht="54" x14ac:dyDescent="0.2">
      <c r="A488" s="4" t="s">
        <v>1292</v>
      </c>
      <c r="B488" s="3" t="s">
        <v>1293</v>
      </c>
      <c r="C488" s="4" t="s">
        <v>1296</v>
      </c>
      <c r="D488" s="4" t="s">
        <v>1297</v>
      </c>
      <c r="E488" s="3"/>
    </row>
    <row r="489" spans="1:6" s="16" customFormat="1" ht="43.2" x14ac:dyDescent="0.2">
      <c r="A489" s="3" t="s">
        <v>1292</v>
      </c>
      <c r="B489" s="3" t="s">
        <v>1298</v>
      </c>
      <c r="C489" s="3" t="s">
        <v>1299</v>
      </c>
      <c r="D489" s="4" t="s">
        <v>1297</v>
      </c>
      <c r="E489" s="4"/>
    </row>
    <row r="490" spans="1:6" s="16" customFormat="1" ht="76.2" customHeight="1" x14ac:dyDescent="0.2">
      <c r="A490" s="3" t="s">
        <v>1292</v>
      </c>
      <c r="B490" s="3" t="s">
        <v>1300</v>
      </c>
      <c r="C490" s="4" t="s">
        <v>1301</v>
      </c>
      <c r="D490" s="3" t="s">
        <v>1302</v>
      </c>
      <c r="E490" s="15"/>
      <c r="F490" s="24"/>
    </row>
    <row r="491" spans="1:6" s="16" customFormat="1" ht="64.8" x14ac:dyDescent="0.2">
      <c r="A491" s="3" t="s">
        <v>1292</v>
      </c>
      <c r="B491" s="3" t="s">
        <v>1303</v>
      </c>
      <c r="C491" s="4" t="s">
        <v>1304</v>
      </c>
      <c r="D491" s="3" t="s">
        <v>1305</v>
      </c>
      <c r="E491" s="3"/>
    </row>
    <row r="492" spans="1:6" s="16" customFormat="1" ht="54" x14ac:dyDescent="0.2">
      <c r="A492" s="3" t="s">
        <v>1306</v>
      </c>
      <c r="B492" s="3" t="s">
        <v>1307</v>
      </c>
      <c r="C492" s="3" t="s">
        <v>1308</v>
      </c>
      <c r="D492" s="3" t="s">
        <v>1309</v>
      </c>
      <c r="E492" s="3"/>
    </row>
    <row r="493" spans="1:6" s="16" customFormat="1" ht="75.599999999999994" x14ac:dyDescent="0.2">
      <c r="A493" s="3" t="s">
        <v>1310</v>
      </c>
      <c r="B493" s="3" t="s">
        <v>1311</v>
      </c>
      <c r="C493" s="3" t="s">
        <v>1312</v>
      </c>
      <c r="D493" s="3" t="s">
        <v>1313</v>
      </c>
      <c r="E493" s="3"/>
    </row>
    <row r="494" spans="1:6" s="16" customFormat="1" ht="75.599999999999994" x14ac:dyDescent="0.2">
      <c r="A494" s="3" t="s">
        <v>1314</v>
      </c>
      <c r="B494" s="3" t="s">
        <v>1311</v>
      </c>
      <c r="C494" s="3" t="s">
        <v>1312</v>
      </c>
      <c r="D494" s="3" t="s">
        <v>1313</v>
      </c>
      <c r="E494" s="3"/>
    </row>
    <row r="495" spans="1:6" s="16" customFormat="1" ht="21.6" x14ac:dyDescent="0.2">
      <c r="A495" s="3" t="s">
        <v>1315</v>
      </c>
      <c r="B495" s="3" t="s">
        <v>1316</v>
      </c>
      <c r="C495" s="4" t="s">
        <v>1317</v>
      </c>
      <c r="D495" s="3" t="s">
        <v>1318</v>
      </c>
      <c r="E495" s="3"/>
    </row>
    <row r="496" spans="1:6" s="16" customFormat="1" ht="21.6" x14ac:dyDescent="0.2">
      <c r="A496" s="3" t="s">
        <v>1315</v>
      </c>
      <c r="B496" s="3" t="s">
        <v>1316</v>
      </c>
      <c r="C496" s="4" t="s">
        <v>1319</v>
      </c>
      <c r="D496" s="3" t="s">
        <v>1320</v>
      </c>
      <c r="E496" s="3"/>
    </row>
    <row r="497" spans="1:5" s="16" customFormat="1" ht="21.6" x14ac:dyDescent="0.2">
      <c r="A497" s="3" t="s">
        <v>1321</v>
      </c>
      <c r="B497" s="3" t="s">
        <v>1322</v>
      </c>
      <c r="C497" s="4" t="s">
        <v>1323</v>
      </c>
      <c r="D497" s="3" t="s">
        <v>1324</v>
      </c>
      <c r="E497" s="3"/>
    </row>
    <row r="498" spans="1:5" s="11" customFormat="1" ht="32.4" x14ac:dyDescent="0.2">
      <c r="A498" s="4" t="s">
        <v>1325</v>
      </c>
      <c r="B498" s="3" t="s">
        <v>1326</v>
      </c>
      <c r="C498" s="4" t="s">
        <v>1327</v>
      </c>
      <c r="D498" s="4" t="s">
        <v>1328</v>
      </c>
      <c r="E498" s="3"/>
    </row>
    <row r="499" spans="1:5" s="16" customFormat="1" ht="32.4" x14ac:dyDescent="0.2">
      <c r="A499" s="3" t="s">
        <v>1329</v>
      </c>
      <c r="B499" s="3" t="s">
        <v>1330</v>
      </c>
      <c r="C499" s="4" t="s">
        <v>1331</v>
      </c>
      <c r="D499" s="3" t="s">
        <v>1269</v>
      </c>
      <c r="E499" s="3"/>
    </row>
    <row r="500" spans="1:5" s="16" customFormat="1" ht="32.4" x14ac:dyDescent="0.2">
      <c r="A500" s="3" t="s">
        <v>1332</v>
      </c>
      <c r="B500" s="3" t="s">
        <v>1333</v>
      </c>
      <c r="C500" s="3" t="s">
        <v>1334</v>
      </c>
      <c r="D500" s="3" t="s">
        <v>1335</v>
      </c>
      <c r="E500" s="3"/>
    </row>
    <row r="501" spans="1:5" s="11" customFormat="1" ht="54" x14ac:dyDescent="0.2">
      <c r="A501" s="3" t="s">
        <v>1332</v>
      </c>
      <c r="B501" s="3" t="s">
        <v>1336</v>
      </c>
      <c r="C501" s="3" t="s">
        <v>1337</v>
      </c>
      <c r="D501" s="3" t="s">
        <v>1338</v>
      </c>
      <c r="E501" s="3"/>
    </row>
    <row r="502" spans="1:5" s="16" customFormat="1" ht="108" x14ac:dyDescent="0.2">
      <c r="A502" s="12" t="s">
        <v>1339</v>
      </c>
      <c r="B502" s="3" t="s">
        <v>1340</v>
      </c>
      <c r="C502" s="4" t="s">
        <v>1341</v>
      </c>
      <c r="D502" s="3" t="s">
        <v>1525</v>
      </c>
      <c r="E502" s="3" t="s">
        <v>1342</v>
      </c>
    </row>
    <row r="503" spans="1:5" s="16" customFormat="1" ht="21.6" x14ac:dyDescent="0.2">
      <c r="A503" s="12" t="s">
        <v>1339</v>
      </c>
      <c r="B503" s="3" t="s">
        <v>1343</v>
      </c>
      <c r="C503" s="4" t="s">
        <v>1344</v>
      </c>
      <c r="D503" s="3" t="s">
        <v>1345</v>
      </c>
      <c r="E503" s="3" t="s">
        <v>1346</v>
      </c>
    </row>
    <row r="504" spans="1:5" s="16" customFormat="1" ht="64.8" x14ac:dyDescent="0.2">
      <c r="A504" s="4" t="s">
        <v>1347</v>
      </c>
      <c r="B504" s="3" t="s">
        <v>1348</v>
      </c>
      <c r="C504" s="4" t="s">
        <v>1349</v>
      </c>
      <c r="D504" s="4" t="s">
        <v>1350</v>
      </c>
      <c r="E504" s="8"/>
    </row>
    <row r="505" spans="1:5" s="16" customFormat="1" ht="43.2" x14ac:dyDescent="0.2">
      <c r="A505" s="4" t="s">
        <v>1347</v>
      </c>
      <c r="B505" s="3" t="s">
        <v>1351</v>
      </c>
      <c r="C505" s="4" t="s">
        <v>1352</v>
      </c>
      <c r="D505" s="4" t="s">
        <v>1353</v>
      </c>
      <c r="E505" s="8"/>
    </row>
    <row r="506" spans="1:5" s="16" customFormat="1" ht="32.4" x14ac:dyDescent="0.2">
      <c r="A506" s="4" t="s">
        <v>1354</v>
      </c>
      <c r="B506" s="3" t="s">
        <v>1351</v>
      </c>
      <c r="C506" s="4" t="s">
        <v>1355</v>
      </c>
      <c r="D506" s="4" t="s">
        <v>1356</v>
      </c>
      <c r="E506" s="8"/>
    </row>
    <row r="507" spans="1:5" s="16" customFormat="1" ht="43.2" x14ac:dyDescent="0.2">
      <c r="A507" s="7" t="s">
        <v>1357</v>
      </c>
      <c r="B507" s="3" t="s">
        <v>1358</v>
      </c>
      <c r="C507" s="4" t="s">
        <v>1359</v>
      </c>
      <c r="D507" s="3" t="s">
        <v>1360</v>
      </c>
      <c r="E507" s="3"/>
    </row>
    <row r="508" spans="1:5" s="11" customFormat="1" ht="32.4" x14ac:dyDescent="0.2">
      <c r="A508" s="7" t="s">
        <v>1357</v>
      </c>
      <c r="B508" s="3" t="s">
        <v>1358</v>
      </c>
      <c r="C508" s="4" t="s">
        <v>1361</v>
      </c>
      <c r="D508" s="3" t="s">
        <v>1362</v>
      </c>
      <c r="E508" s="3" t="s">
        <v>1363</v>
      </c>
    </row>
    <row r="509" spans="1:5" s="16" customFormat="1" ht="32.4" x14ac:dyDescent="0.2">
      <c r="A509" s="7" t="s">
        <v>1364</v>
      </c>
      <c r="B509" s="3" t="s">
        <v>1365</v>
      </c>
      <c r="C509" s="4" t="s">
        <v>1366</v>
      </c>
      <c r="D509" s="3" t="s">
        <v>1367</v>
      </c>
      <c r="E509" s="3"/>
    </row>
    <row r="510" spans="1:5" s="16" customFormat="1" ht="207.6" customHeight="1" x14ac:dyDescent="0.2">
      <c r="A510" s="3" t="s">
        <v>1368</v>
      </c>
      <c r="B510" s="3" t="s">
        <v>1369</v>
      </c>
      <c r="C510" s="4" t="s">
        <v>1370</v>
      </c>
      <c r="D510" s="3" t="s">
        <v>1371</v>
      </c>
      <c r="E510" s="3" t="s">
        <v>1372</v>
      </c>
    </row>
    <row r="511" spans="1:5" s="16" customFormat="1" ht="86.4" x14ac:dyDescent="0.2">
      <c r="A511" s="3" t="s">
        <v>1368</v>
      </c>
      <c r="B511" s="3" t="s">
        <v>1373</v>
      </c>
      <c r="C511" s="4" t="s">
        <v>1374</v>
      </c>
      <c r="D511" s="3" t="s">
        <v>1375</v>
      </c>
      <c r="E511" s="3" t="s">
        <v>1376</v>
      </c>
    </row>
    <row r="512" spans="1:5" s="16" customFormat="1" ht="64.8" x14ac:dyDescent="0.2">
      <c r="A512" s="4" t="s">
        <v>1377</v>
      </c>
      <c r="B512" s="3" t="s">
        <v>1378</v>
      </c>
      <c r="C512" s="4" t="s">
        <v>1379</v>
      </c>
      <c r="D512" s="3" t="s">
        <v>1380</v>
      </c>
      <c r="E512" s="3"/>
    </row>
    <row r="513" spans="1:5" s="16" customFormat="1" ht="54" x14ac:dyDescent="0.2">
      <c r="A513" s="3" t="s">
        <v>1381</v>
      </c>
      <c r="B513" s="3" t="s">
        <v>1382</v>
      </c>
      <c r="C513" s="4" t="s">
        <v>1383</v>
      </c>
      <c r="D513" s="3" t="s">
        <v>1384</v>
      </c>
      <c r="E513" s="3"/>
    </row>
    <row r="514" spans="1:5" s="16" customFormat="1" ht="32.4" x14ac:dyDescent="0.2">
      <c r="A514" s="4" t="s">
        <v>1385</v>
      </c>
      <c r="B514" s="3" t="s">
        <v>1386</v>
      </c>
      <c r="C514" s="4" t="s">
        <v>1387</v>
      </c>
      <c r="D514" s="4" t="s">
        <v>1388</v>
      </c>
      <c r="E514" s="3"/>
    </row>
    <row r="515" spans="1:5" s="16" customFormat="1" ht="32.4" x14ac:dyDescent="0.2">
      <c r="A515" s="4" t="s">
        <v>1385</v>
      </c>
      <c r="B515" s="3" t="s">
        <v>1389</v>
      </c>
      <c r="C515" s="4" t="s">
        <v>1390</v>
      </c>
      <c r="D515" s="4" t="s">
        <v>1391</v>
      </c>
      <c r="E515" s="3" t="s">
        <v>1392</v>
      </c>
    </row>
    <row r="516" spans="1:5" s="16" customFormat="1" ht="43.2" x14ac:dyDescent="0.2">
      <c r="A516" s="4" t="s">
        <v>1385</v>
      </c>
      <c r="B516" s="3" t="s">
        <v>1393</v>
      </c>
      <c r="C516" s="4" t="s">
        <v>1394</v>
      </c>
      <c r="D516" s="4" t="s">
        <v>1395</v>
      </c>
      <c r="E516" s="3" t="s">
        <v>1396</v>
      </c>
    </row>
    <row r="517" spans="1:5" s="16" customFormat="1" ht="32.4" x14ac:dyDescent="0.2">
      <c r="A517" s="4" t="s">
        <v>1385</v>
      </c>
      <c r="B517" s="3" t="s">
        <v>1397</v>
      </c>
      <c r="C517" s="4" t="s">
        <v>1398</v>
      </c>
      <c r="D517" s="4" t="s">
        <v>1399</v>
      </c>
      <c r="E517" s="3"/>
    </row>
    <row r="518" spans="1:5" s="16" customFormat="1" ht="32.4" x14ac:dyDescent="0.2">
      <c r="A518" s="4" t="s">
        <v>1385</v>
      </c>
      <c r="B518" s="3" t="s">
        <v>1400</v>
      </c>
      <c r="C518" s="4" t="s">
        <v>1401</v>
      </c>
      <c r="D518" s="4" t="s">
        <v>1402</v>
      </c>
      <c r="E518" s="3"/>
    </row>
    <row r="519" spans="1:5" s="16" customFormat="1" ht="32.4" x14ac:dyDescent="0.2">
      <c r="A519" s="4" t="s">
        <v>1385</v>
      </c>
      <c r="B519" s="3" t="s">
        <v>1403</v>
      </c>
      <c r="C519" s="4" t="s">
        <v>1404</v>
      </c>
      <c r="D519" s="4" t="s">
        <v>1405</v>
      </c>
      <c r="E519" s="3"/>
    </row>
    <row r="520" spans="1:5" s="16" customFormat="1" ht="32.4" x14ac:dyDescent="0.2">
      <c r="A520" s="4" t="s">
        <v>1385</v>
      </c>
      <c r="B520" s="3" t="s">
        <v>1406</v>
      </c>
      <c r="C520" s="4" t="s">
        <v>1407</v>
      </c>
      <c r="D520" s="4" t="s">
        <v>1408</v>
      </c>
      <c r="E520" s="3"/>
    </row>
    <row r="521" spans="1:5" s="16" customFormat="1" ht="43.2" x14ac:dyDescent="0.2">
      <c r="A521" s="4" t="s">
        <v>1385</v>
      </c>
      <c r="B521" s="3" t="s">
        <v>1409</v>
      </c>
      <c r="C521" s="4" t="s">
        <v>1410</v>
      </c>
      <c r="D521" s="4" t="s">
        <v>1411</v>
      </c>
      <c r="E521" s="3"/>
    </row>
    <row r="522" spans="1:5" s="16" customFormat="1" ht="21.6" x14ac:dyDescent="0.2">
      <c r="A522" s="4" t="s">
        <v>1412</v>
      </c>
      <c r="B522" s="3" t="s">
        <v>1413</v>
      </c>
      <c r="C522" s="4" t="s">
        <v>1414</v>
      </c>
      <c r="D522" s="4" t="s">
        <v>1415</v>
      </c>
      <c r="E522" s="3"/>
    </row>
    <row r="523" spans="1:5" s="16" customFormat="1" ht="21.6" x14ac:dyDescent="0.2">
      <c r="A523" s="4" t="s">
        <v>1412</v>
      </c>
      <c r="B523" s="3" t="s">
        <v>1386</v>
      </c>
      <c r="C523" s="4" t="s">
        <v>1416</v>
      </c>
      <c r="D523" s="4" t="s">
        <v>1405</v>
      </c>
      <c r="E523" s="3" t="s">
        <v>1417</v>
      </c>
    </row>
    <row r="524" spans="1:5" s="16" customFormat="1" ht="21.6" x14ac:dyDescent="0.2">
      <c r="A524" s="4" t="s">
        <v>1412</v>
      </c>
      <c r="B524" s="3" t="s">
        <v>1386</v>
      </c>
      <c r="C524" s="4" t="s">
        <v>1418</v>
      </c>
      <c r="D524" s="4" t="s">
        <v>1419</v>
      </c>
      <c r="E524" s="3"/>
    </row>
    <row r="525" spans="1:5" s="16" customFormat="1" ht="32.4" x14ac:dyDescent="0.2">
      <c r="A525" s="3" t="s">
        <v>1420</v>
      </c>
      <c r="B525" s="3" t="s">
        <v>1421</v>
      </c>
      <c r="C525" s="4" t="s">
        <v>1422</v>
      </c>
      <c r="D525" s="3" t="s">
        <v>1405</v>
      </c>
      <c r="E525" s="4"/>
    </row>
    <row r="526" spans="1:5" s="16" customFormat="1" ht="32.4" x14ac:dyDescent="0.2">
      <c r="A526" s="3" t="s">
        <v>1423</v>
      </c>
      <c r="B526" s="3" t="s">
        <v>1386</v>
      </c>
      <c r="C526" s="4" t="s">
        <v>1424</v>
      </c>
      <c r="D526" s="3" t="s">
        <v>1411</v>
      </c>
      <c r="E526" s="4"/>
    </row>
    <row r="527" spans="1:5" s="16" customFormat="1" ht="32.4" x14ac:dyDescent="0.2">
      <c r="A527" s="3" t="s">
        <v>1423</v>
      </c>
      <c r="B527" s="3" t="s">
        <v>1425</v>
      </c>
      <c r="C527" s="4" t="s">
        <v>1426</v>
      </c>
      <c r="D527" s="3" t="s">
        <v>1411</v>
      </c>
      <c r="E527" s="4"/>
    </row>
    <row r="528" spans="1:5" s="16" customFormat="1" ht="32.4" x14ac:dyDescent="0.2">
      <c r="A528" s="3" t="s">
        <v>1423</v>
      </c>
      <c r="B528" s="3" t="s">
        <v>1427</v>
      </c>
      <c r="C528" s="4" t="s">
        <v>1428</v>
      </c>
      <c r="D528" s="3" t="s">
        <v>1405</v>
      </c>
      <c r="E528" s="4"/>
    </row>
    <row r="529" spans="1:5" s="16" customFormat="1" ht="32.4" x14ac:dyDescent="0.2">
      <c r="A529" s="3" t="s">
        <v>1429</v>
      </c>
      <c r="B529" s="3" t="s">
        <v>1430</v>
      </c>
      <c r="C529" s="4" t="s">
        <v>1431</v>
      </c>
      <c r="D529" s="3" t="s">
        <v>1405</v>
      </c>
      <c r="E529" s="4"/>
    </row>
    <row r="530" spans="1:5" s="16" customFormat="1" ht="32.4" x14ac:dyDescent="0.2">
      <c r="A530" s="3" t="s">
        <v>1429</v>
      </c>
      <c r="B530" s="3" t="s">
        <v>1430</v>
      </c>
      <c r="C530" s="4" t="s">
        <v>1432</v>
      </c>
      <c r="D530" s="3" t="s">
        <v>1405</v>
      </c>
      <c r="E530" s="4"/>
    </row>
    <row r="531" spans="1:5" s="16" customFormat="1" ht="32.4" x14ac:dyDescent="0.2">
      <c r="A531" s="3" t="s">
        <v>1429</v>
      </c>
      <c r="B531" s="3" t="s">
        <v>1430</v>
      </c>
      <c r="C531" s="4" t="s">
        <v>1433</v>
      </c>
      <c r="D531" s="3" t="s">
        <v>1411</v>
      </c>
      <c r="E531" s="4"/>
    </row>
    <row r="532" spans="1:5" s="16" customFormat="1" ht="43.2" x14ac:dyDescent="0.2">
      <c r="A532" s="4" t="s">
        <v>1347</v>
      </c>
      <c r="B532" s="3" t="s">
        <v>1351</v>
      </c>
      <c r="C532" s="4" t="s">
        <v>1352</v>
      </c>
      <c r="D532" s="4" t="s">
        <v>1353</v>
      </c>
      <c r="E532" s="8"/>
    </row>
    <row r="533" spans="1:5" s="16" customFormat="1" ht="32.4" x14ac:dyDescent="0.2">
      <c r="A533" s="4" t="s">
        <v>1354</v>
      </c>
      <c r="B533" s="3" t="s">
        <v>1351</v>
      </c>
      <c r="C533" s="4" t="s">
        <v>1355</v>
      </c>
      <c r="D533" s="4" t="s">
        <v>1356</v>
      </c>
      <c r="E533" s="8"/>
    </row>
  </sheetData>
  <autoFilter ref="A4:E533" xr:uid="{00000000-0009-0000-0000-000000000000}"/>
  <mergeCells count="1">
    <mergeCell ref="A1:D1"/>
  </mergeCells>
  <phoneticPr fontId="2"/>
  <pageMargins left="0.7" right="0.7" top="0.75" bottom="0.75" header="0.3" footer="0.3"/>
  <pageSetup paperSize="8" fitToHeight="0" orientation="landscape" r:id="rId1"/>
  <rowBreaks count="3" manualBreakCount="3">
    <brk id="492" max="4" man="1"/>
    <brk id="509" max="4" man="1"/>
    <brk id="525" max="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令和７年度予定</vt:lpstr>
      <vt:lpstr>令和７年度予定!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2-26T01:47:13Z</cp:lastPrinted>
  <dcterms:created xsi:type="dcterms:W3CDTF">2025-12-22T06:08:05Z</dcterms:created>
  <dcterms:modified xsi:type="dcterms:W3CDTF">2025-12-26T01:47:41Z</dcterms:modified>
</cp:coreProperties>
</file>